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drawings/drawing2.xml" ContentType="application/vnd.openxmlformats-officedocument.drawing+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drawings/drawing3.xml" ContentType="application/vnd.openxmlformats-officedocument.drawing+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xl/ctrlProps/ctrlProp492.xml" ContentType="application/vnd.ms-excel.controlproperties+xml"/>
  <Override PartName="/xl/ctrlProps/ctrlProp493.xml" ContentType="application/vnd.ms-excel.controlproperties+xml"/>
  <Override PartName="/xl/ctrlProps/ctrlProp494.xml" ContentType="application/vnd.ms-excel.controlproperties+xml"/>
  <Override PartName="/xl/ctrlProps/ctrlProp495.xml" ContentType="application/vnd.ms-excel.controlproperties+xml"/>
  <Override PartName="/xl/ctrlProps/ctrlProp496.xml" ContentType="application/vnd.ms-excel.controlproperties+xml"/>
  <Override PartName="/xl/ctrlProps/ctrlProp497.xml" ContentType="application/vnd.ms-excel.controlproperties+xml"/>
  <Override PartName="/xl/ctrlProps/ctrlProp498.xml" ContentType="application/vnd.ms-excel.controlproperties+xml"/>
  <Override PartName="/xl/ctrlProps/ctrlProp499.xml" ContentType="application/vnd.ms-excel.controlproperties+xml"/>
  <Override PartName="/xl/ctrlProps/ctrlProp500.xml" ContentType="application/vnd.ms-excel.controlproperties+xml"/>
  <Override PartName="/xl/ctrlProps/ctrlProp501.xml" ContentType="application/vnd.ms-excel.controlproperties+xml"/>
  <Override PartName="/xl/ctrlProps/ctrlProp502.xml" ContentType="application/vnd.ms-excel.controlproperties+xml"/>
  <Override PartName="/xl/ctrlProps/ctrlProp503.xml" ContentType="application/vnd.ms-excel.controlproperties+xml"/>
  <Override PartName="/xl/ctrlProps/ctrlProp504.xml" ContentType="application/vnd.ms-excel.controlproperties+xml"/>
  <Override PartName="/xl/ctrlProps/ctrlProp505.xml" ContentType="application/vnd.ms-excel.controlproperties+xml"/>
  <Override PartName="/xl/ctrlProps/ctrlProp506.xml" ContentType="application/vnd.ms-excel.controlproperties+xml"/>
  <Override PartName="/xl/ctrlProps/ctrlProp507.xml" ContentType="application/vnd.ms-excel.controlproperties+xml"/>
  <Override PartName="/xl/ctrlProps/ctrlProp508.xml" ContentType="application/vnd.ms-excel.controlproperties+xml"/>
  <Override PartName="/xl/drawings/drawing4.xml" ContentType="application/vnd.openxmlformats-officedocument.drawing+xml"/>
  <Override PartName="/xl/ctrlProps/ctrlProp509.xml" ContentType="application/vnd.ms-excel.controlproperties+xml"/>
  <Override PartName="/xl/ctrlProps/ctrlProp510.xml" ContentType="application/vnd.ms-excel.controlproperties+xml"/>
  <Override PartName="/xl/ctrlProps/ctrlProp511.xml" ContentType="application/vnd.ms-excel.controlproperties+xml"/>
  <Override PartName="/xl/ctrlProps/ctrlProp512.xml" ContentType="application/vnd.ms-excel.controlproperties+xml"/>
  <Override PartName="/xl/ctrlProps/ctrlProp513.xml" ContentType="application/vnd.ms-excel.controlproperties+xml"/>
  <Override PartName="/xl/ctrlProps/ctrlProp514.xml" ContentType="application/vnd.ms-excel.controlproperties+xml"/>
  <Override PartName="/xl/ctrlProps/ctrlProp515.xml" ContentType="application/vnd.ms-excel.controlproperties+xml"/>
  <Override PartName="/xl/ctrlProps/ctrlProp516.xml" ContentType="application/vnd.ms-excel.controlproperties+xml"/>
  <Override PartName="/xl/ctrlProps/ctrlProp517.xml" ContentType="application/vnd.ms-excel.controlproperties+xml"/>
  <Override PartName="/xl/ctrlProps/ctrlProp518.xml" ContentType="application/vnd.ms-excel.controlproperties+xml"/>
  <Override PartName="/xl/ctrlProps/ctrlProp519.xml" ContentType="application/vnd.ms-excel.controlproperties+xml"/>
  <Override PartName="/xl/ctrlProps/ctrlProp520.xml" ContentType="application/vnd.ms-excel.controlproperties+xml"/>
  <Override PartName="/xl/ctrlProps/ctrlProp521.xml" ContentType="application/vnd.ms-excel.controlproperties+xml"/>
  <Override PartName="/xl/ctrlProps/ctrlProp522.xml" ContentType="application/vnd.ms-excel.controlproperties+xml"/>
  <Override PartName="/xl/ctrlProps/ctrlProp523.xml" ContentType="application/vnd.ms-excel.controlproperties+xml"/>
  <Override PartName="/xl/ctrlProps/ctrlProp524.xml" ContentType="application/vnd.ms-excel.controlproperties+xml"/>
  <Override PartName="/xl/ctrlProps/ctrlProp525.xml" ContentType="application/vnd.ms-excel.controlproperties+xml"/>
  <Override PartName="/xl/ctrlProps/ctrlProp526.xml" ContentType="application/vnd.ms-excel.controlproperties+xml"/>
  <Override PartName="/xl/ctrlProps/ctrlProp527.xml" ContentType="application/vnd.ms-excel.controlproperties+xml"/>
  <Override PartName="/xl/ctrlProps/ctrlProp528.xml" ContentType="application/vnd.ms-excel.controlproperties+xml"/>
  <Override PartName="/xl/ctrlProps/ctrlProp529.xml" ContentType="application/vnd.ms-excel.controlproperties+xml"/>
  <Override PartName="/xl/ctrlProps/ctrlProp530.xml" ContentType="application/vnd.ms-excel.controlproperties+xml"/>
  <Override PartName="/xl/ctrlProps/ctrlProp531.xml" ContentType="application/vnd.ms-excel.controlproperties+xml"/>
  <Override PartName="/xl/ctrlProps/ctrlProp532.xml" ContentType="application/vnd.ms-excel.controlproperties+xml"/>
  <Override PartName="/xl/ctrlProps/ctrlProp533.xml" ContentType="application/vnd.ms-excel.controlproperties+xml"/>
  <Override PartName="/xl/ctrlProps/ctrlProp534.xml" ContentType="application/vnd.ms-excel.controlproperties+xml"/>
  <Override PartName="/xl/ctrlProps/ctrlProp535.xml" ContentType="application/vnd.ms-excel.controlproperties+xml"/>
  <Override PartName="/xl/ctrlProps/ctrlProp536.xml" ContentType="application/vnd.ms-excel.controlproperties+xml"/>
  <Override PartName="/xl/ctrlProps/ctrlProp537.xml" ContentType="application/vnd.ms-excel.controlproperties+xml"/>
  <Override PartName="/xl/ctrlProps/ctrlProp538.xml" ContentType="application/vnd.ms-excel.controlproperties+xml"/>
  <Override PartName="/xl/ctrlProps/ctrlProp539.xml" ContentType="application/vnd.ms-excel.controlproperties+xml"/>
  <Override PartName="/xl/ctrlProps/ctrlProp540.xml" ContentType="application/vnd.ms-excel.controlproperties+xml"/>
  <Override PartName="/xl/ctrlProps/ctrlProp541.xml" ContentType="application/vnd.ms-excel.controlproperties+xml"/>
  <Override PartName="/xl/ctrlProps/ctrlProp542.xml" ContentType="application/vnd.ms-excel.controlproperties+xml"/>
  <Override PartName="/xl/ctrlProps/ctrlProp543.xml" ContentType="application/vnd.ms-excel.controlproperties+xml"/>
  <Override PartName="/xl/ctrlProps/ctrlProp54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defaultThemeVersion="124226"/>
  <mc:AlternateContent xmlns:mc="http://schemas.openxmlformats.org/markup-compatibility/2006">
    <mc:Choice Requires="x15">
      <x15ac:absPath xmlns:x15ac="http://schemas.microsoft.com/office/spreadsheetml/2010/11/ac" url="C:\Users\s22100\Desktop\メール添付\"/>
    </mc:Choice>
  </mc:AlternateContent>
  <bookViews>
    <workbookView xWindow="0" yWindow="0" windowWidth="20490" windowHeight="6960"/>
  </bookViews>
  <sheets>
    <sheet name="基準（地密通所）" sheetId="4" r:id="rId1"/>
    <sheet name="基準（総合通所型）" sheetId="5" r:id="rId2"/>
    <sheet name="報酬（地密通所） " sheetId="6" r:id="rId3"/>
    <sheet name="報酬（総合通所型）" sheetId="7" r:id="rId4"/>
  </sheets>
  <definedNames>
    <definedName name="_xlnm.Print_Area" localSheetId="1">'基準（総合通所型）'!$A$1:$G$26</definedName>
    <definedName name="_xlnm.Print_Area" localSheetId="0">'基準（地密通所）'!$A$1:$H$151</definedName>
    <definedName name="_xlnm.Print_Area" localSheetId="3">'報酬（総合通所型）'!$A$1:$G$39</definedName>
    <definedName name="_xlnm.Print_Area" localSheetId="2">'報酬（地密通所） '!$A$1:$G$215</definedName>
    <definedName name="_xlnm.Print_Titles" localSheetId="1">'基準（総合通所型）'!$6:$7</definedName>
    <definedName name="_xlnm.Print_Titles" localSheetId="0">'基準（地密通所）'!$6:$7</definedName>
    <definedName name="_xlnm.Print_Titles" localSheetId="3">'報酬（総合通所型）'!$6:$6</definedName>
    <definedName name="_xlnm.Print_Titles" localSheetId="2">'報酬（地密通所） '!$6:$6</definedName>
  </definedNames>
  <calcPr calcId="15251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F3" i="7" l="1"/>
  <c r="F2" i="7"/>
  <c r="F3" i="6"/>
  <c r="F2" i="6"/>
  <c r="C3" i="5" l="1"/>
  <c r="C2" i="5"/>
</calcChain>
</file>

<file path=xl/sharedStrings.xml><?xml version="1.0" encoding="utf-8"?>
<sst xmlns="http://schemas.openxmlformats.org/spreadsheetml/2006/main" count="1119" uniqueCount="709">
  <si>
    <t>事業所名</t>
    <rPh sb="0" eb="2">
      <t>ジギョウ</t>
    </rPh>
    <rPh sb="2" eb="3">
      <t>ショ</t>
    </rPh>
    <rPh sb="3" eb="4">
      <t>メイ</t>
    </rPh>
    <phoneticPr fontId="3"/>
  </si>
  <si>
    <t>点検者職・氏名</t>
    <rPh sb="0" eb="2">
      <t>テンケン</t>
    </rPh>
    <rPh sb="2" eb="3">
      <t>シャ</t>
    </rPh>
    <rPh sb="3" eb="4">
      <t>ショク</t>
    </rPh>
    <rPh sb="5" eb="6">
      <t>シ</t>
    </rPh>
    <rPh sb="6" eb="7">
      <t>メイ</t>
    </rPh>
    <phoneticPr fontId="3"/>
  </si>
  <si>
    <t>点検年月日</t>
    <rPh sb="0" eb="2">
      <t>テンケン</t>
    </rPh>
    <rPh sb="2" eb="5">
      <t>ネンガッピ</t>
    </rPh>
    <phoneticPr fontId="3"/>
  </si>
  <si>
    <t xml:space="preserve">        　　年　　　月　　　日</t>
    <rPh sb="10" eb="11">
      <t>ネン</t>
    </rPh>
    <rPh sb="14" eb="15">
      <t>ガツ</t>
    </rPh>
    <rPh sb="18" eb="19">
      <t>ニチ</t>
    </rPh>
    <phoneticPr fontId="3"/>
  </si>
  <si>
    <t>点検項目</t>
    <rPh sb="0" eb="2">
      <t>テンケン</t>
    </rPh>
    <rPh sb="2" eb="4">
      <t>コウモク</t>
    </rPh>
    <phoneticPr fontId="3"/>
  </si>
  <si>
    <t>確認事項</t>
    <rPh sb="0" eb="2">
      <t>カクニン</t>
    </rPh>
    <rPh sb="2" eb="4">
      <t>ジコウ</t>
    </rPh>
    <phoneticPr fontId="3"/>
  </si>
  <si>
    <t>根拠条文</t>
    <rPh sb="0" eb="2">
      <t>コンキョ</t>
    </rPh>
    <rPh sb="2" eb="4">
      <t>ジョウブン</t>
    </rPh>
    <phoneticPr fontId="3"/>
  </si>
  <si>
    <t>確認書類等</t>
    <rPh sb="0" eb="2">
      <t>カクニン</t>
    </rPh>
    <rPh sb="2" eb="4">
      <t>ショルイ</t>
    </rPh>
    <rPh sb="4" eb="5">
      <t>トウ</t>
    </rPh>
    <phoneticPr fontId="3"/>
  </si>
  <si>
    <t>点検結果</t>
    <rPh sb="0" eb="2">
      <t>テンケン</t>
    </rPh>
    <rPh sb="2" eb="4">
      <t>ケッカ</t>
    </rPh>
    <phoneticPr fontId="3"/>
  </si>
  <si>
    <t>適</t>
    <rPh sb="0" eb="1">
      <t>テキ</t>
    </rPh>
    <phoneticPr fontId="3"/>
  </si>
  <si>
    <t>Ⅰ　基本方針</t>
    <rPh sb="2" eb="4">
      <t>キホン</t>
    </rPh>
    <rPh sb="4" eb="6">
      <t>ホウシン</t>
    </rPh>
    <phoneticPr fontId="3"/>
  </si>
  <si>
    <t>基本方針</t>
    <rPh sb="0" eb="2">
      <t>キホン</t>
    </rPh>
    <rPh sb="2" eb="4">
      <t>ホウシン</t>
    </rPh>
    <phoneticPr fontId="3"/>
  </si>
  <si>
    <t>・運営規程</t>
    <rPh sb="1" eb="3">
      <t>ウンエイ</t>
    </rPh>
    <rPh sb="3" eb="5">
      <t>キテイ</t>
    </rPh>
    <phoneticPr fontId="3"/>
  </si>
  <si>
    <t>Ⅱ　人員に関する基準</t>
    <rPh sb="2" eb="4">
      <t>ジンイン</t>
    </rPh>
    <rPh sb="5" eb="6">
      <t>カン</t>
    </rPh>
    <rPh sb="8" eb="10">
      <t>キジュン</t>
    </rPh>
    <phoneticPr fontId="3"/>
  </si>
  <si>
    <t>従業者の員数</t>
    <rPh sb="0" eb="3">
      <t>ジュウギョウシャ</t>
    </rPh>
    <rPh sb="4" eb="6">
      <t>インズウ</t>
    </rPh>
    <phoneticPr fontId="3"/>
  </si>
  <si>
    <t>管理者</t>
    <rPh sb="0" eb="3">
      <t>カンリシャ</t>
    </rPh>
    <phoneticPr fontId="3"/>
  </si>
  <si>
    <t xml:space="preserve">
・組織図　　　　　　　　　　・職員名簿、勤務表　　　　　・出勤簿（タイムカード）</t>
    <rPh sb="2" eb="5">
      <t>ソシキズ</t>
    </rPh>
    <rPh sb="16" eb="18">
      <t>ショクイン</t>
    </rPh>
    <rPh sb="18" eb="20">
      <t>メイボ</t>
    </rPh>
    <rPh sb="21" eb="23">
      <t>キンム</t>
    </rPh>
    <rPh sb="23" eb="24">
      <t>ヒョウ</t>
    </rPh>
    <rPh sb="30" eb="32">
      <t>シュッキン</t>
    </rPh>
    <rPh sb="32" eb="33">
      <t>ボ</t>
    </rPh>
    <phoneticPr fontId="3"/>
  </si>
  <si>
    <t>　　（　　　　　　　　　　　　　　　　　　）</t>
    <phoneticPr fontId="3"/>
  </si>
  <si>
    <t>　　　事業所名：（　　　　　　　　　　　　）
　　　職種名　：（　　　　　　　　　　　　）
    　勤務時間：（　　　　　　　　　　　　）</t>
    <rPh sb="3" eb="6">
      <t>ジギョウショ</t>
    </rPh>
    <rPh sb="6" eb="7">
      <t>メイ</t>
    </rPh>
    <rPh sb="26" eb="28">
      <t>ショクシュ</t>
    </rPh>
    <rPh sb="28" eb="29">
      <t>メイ</t>
    </rPh>
    <rPh sb="51" eb="53">
      <t>キンム</t>
    </rPh>
    <rPh sb="53" eb="55">
      <t>ジカン</t>
    </rPh>
    <phoneticPr fontId="3"/>
  </si>
  <si>
    <t xml:space="preserve">Ⅲ　設備に関する基準　　　　　　　　　　　　　　　 </t>
    <rPh sb="2" eb="4">
      <t>セツビ</t>
    </rPh>
    <rPh sb="5" eb="6">
      <t>カン</t>
    </rPh>
    <rPh sb="8" eb="10">
      <t>キジュン</t>
    </rPh>
    <phoneticPr fontId="3"/>
  </si>
  <si>
    <t>設備及び備品等</t>
    <rPh sb="0" eb="2">
      <t>セツビ</t>
    </rPh>
    <rPh sb="2" eb="3">
      <t>オヨ</t>
    </rPh>
    <rPh sb="4" eb="7">
      <t>ビヒントウ</t>
    </rPh>
    <phoneticPr fontId="3"/>
  </si>
  <si>
    <t>・運営規程
・平面図</t>
    <rPh sb="1" eb="3">
      <t>ウンエイ</t>
    </rPh>
    <rPh sb="3" eb="5">
      <t>キテイ</t>
    </rPh>
    <rPh sb="7" eb="10">
      <t>ヘイメンズ</t>
    </rPh>
    <phoneticPr fontId="3"/>
  </si>
  <si>
    <t xml:space="preserve">Ⅳ　運営に関する基準　　　　　　　　　　　　　　　 </t>
    <rPh sb="2" eb="4">
      <t>ウンエイ</t>
    </rPh>
    <rPh sb="5" eb="6">
      <t>カン</t>
    </rPh>
    <rPh sb="8" eb="10">
      <t>キジュン</t>
    </rPh>
    <phoneticPr fontId="3"/>
  </si>
  <si>
    <t>提供拒否の禁止</t>
    <rPh sb="0" eb="2">
      <t>テイキョウ</t>
    </rPh>
    <rPh sb="2" eb="4">
      <t>キョヒ</t>
    </rPh>
    <rPh sb="5" eb="7">
      <t>キンシ</t>
    </rPh>
    <phoneticPr fontId="3"/>
  </si>
  <si>
    <t>正当な理由なくサービス提供を拒否していませんか。
特に要介護度や所得の多寡を理由にサービス提供を拒否していませんか。</t>
    <rPh sb="0" eb="2">
      <t>セイトウ</t>
    </rPh>
    <rPh sb="3" eb="5">
      <t>リユウ</t>
    </rPh>
    <rPh sb="11" eb="13">
      <t>テイキョウ</t>
    </rPh>
    <rPh sb="14" eb="16">
      <t>キョヒ</t>
    </rPh>
    <rPh sb="25" eb="26">
      <t>トク</t>
    </rPh>
    <rPh sb="27" eb="28">
      <t>ヨウ</t>
    </rPh>
    <rPh sb="28" eb="30">
      <t>カイゴ</t>
    </rPh>
    <rPh sb="30" eb="31">
      <t>ド</t>
    </rPh>
    <rPh sb="32" eb="34">
      <t>ショトク</t>
    </rPh>
    <rPh sb="35" eb="37">
      <t>タカ</t>
    </rPh>
    <rPh sb="38" eb="40">
      <t>リユウ</t>
    </rPh>
    <rPh sb="45" eb="47">
      <t>テイキョウ</t>
    </rPh>
    <rPh sb="48" eb="50">
      <t>キョヒ</t>
    </rPh>
    <phoneticPr fontId="3"/>
  </si>
  <si>
    <t>サービス提供困難時の対応</t>
    <rPh sb="4" eb="6">
      <t>テイキョウ</t>
    </rPh>
    <rPh sb="6" eb="8">
      <t>コンナン</t>
    </rPh>
    <rPh sb="8" eb="9">
      <t>ジ</t>
    </rPh>
    <rPh sb="10" eb="12">
      <t>タイオウ</t>
    </rPh>
    <phoneticPr fontId="3"/>
  </si>
  <si>
    <t>受給資格等の確認</t>
    <rPh sb="0" eb="2">
      <t>ジュキュウ</t>
    </rPh>
    <rPh sb="2" eb="4">
      <t>シカク</t>
    </rPh>
    <rPh sb="4" eb="5">
      <t>トウ</t>
    </rPh>
    <rPh sb="6" eb="8">
      <t>カクニン</t>
    </rPh>
    <phoneticPr fontId="3"/>
  </si>
  <si>
    <t>要介護認定の申請に係る援助</t>
    <rPh sb="0" eb="1">
      <t>ヨウ</t>
    </rPh>
    <rPh sb="1" eb="3">
      <t>カイゴ</t>
    </rPh>
    <rPh sb="3" eb="5">
      <t>ニンテイ</t>
    </rPh>
    <rPh sb="6" eb="8">
      <t>シンセイ</t>
    </rPh>
    <rPh sb="9" eb="10">
      <t>カカ</t>
    </rPh>
    <rPh sb="11" eb="13">
      <t>エンジョ</t>
    </rPh>
    <phoneticPr fontId="3"/>
  </si>
  <si>
    <t>心身の状況等の把握</t>
    <rPh sb="0" eb="2">
      <t>シンシン</t>
    </rPh>
    <rPh sb="3" eb="6">
      <t>ジョウキョウトウ</t>
    </rPh>
    <rPh sb="7" eb="9">
      <t>ハアク</t>
    </rPh>
    <phoneticPr fontId="3"/>
  </si>
  <si>
    <t>・利用者に関する記録
・サービス担当者会議の要点の記録</t>
    <rPh sb="1" eb="3">
      <t>リヨウ</t>
    </rPh>
    <rPh sb="3" eb="4">
      <t>シャ</t>
    </rPh>
    <rPh sb="5" eb="6">
      <t>カン</t>
    </rPh>
    <rPh sb="8" eb="10">
      <t>キロク</t>
    </rPh>
    <rPh sb="16" eb="19">
      <t>タントウシャ</t>
    </rPh>
    <rPh sb="19" eb="21">
      <t>カイギ</t>
    </rPh>
    <rPh sb="22" eb="24">
      <t>ヨウテン</t>
    </rPh>
    <rPh sb="25" eb="27">
      <t>キロク</t>
    </rPh>
    <phoneticPr fontId="3"/>
  </si>
  <si>
    <t>居宅介護支援事業者等との連携</t>
    <rPh sb="0" eb="2">
      <t>キョタク</t>
    </rPh>
    <rPh sb="2" eb="4">
      <t>カイゴ</t>
    </rPh>
    <rPh sb="4" eb="6">
      <t>シエン</t>
    </rPh>
    <rPh sb="6" eb="9">
      <t>ジギョウシャ</t>
    </rPh>
    <rPh sb="9" eb="10">
      <t>トウ</t>
    </rPh>
    <rPh sb="12" eb="14">
      <t>レンケイ</t>
    </rPh>
    <phoneticPr fontId="3"/>
  </si>
  <si>
    <t>居宅サービス計画等の変更の援助</t>
    <rPh sb="0" eb="2">
      <t>キョタク</t>
    </rPh>
    <rPh sb="6" eb="8">
      <t>ケイカク</t>
    </rPh>
    <rPh sb="8" eb="9">
      <t>トウ</t>
    </rPh>
    <rPh sb="10" eb="12">
      <t>ヘンコウ</t>
    </rPh>
    <rPh sb="13" eb="15">
      <t>エンジョ</t>
    </rPh>
    <phoneticPr fontId="3"/>
  </si>
  <si>
    <t>利用料等の受領</t>
    <rPh sb="0" eb="3">
      <t>リヨウリョウ</t>
    </rPh>
    <rPh sb="3" eb="4">
      <t>トウ</t>
    </rPh>
    <rPh sb="5" eb="7">
      <t>ジュリョウ</t>
    </rPh>
    <phoneticPr fontId="3"/>
  </si>
  <si>
    <t>保険給付の請求のための証明書の交付</t>
    <rPh sb="0" eb="2">
      <t>ホケン</t>
    </rPh>
    <rPh sb="2" eb="4">
      <t>キュウフ</t>
    </rPh>
    <rPh sb="5" eb="7">
      <t>セイキュウ</t>
    </rPh>
    <rPh sb="11" eb="14">
      <t>ショウメイショ</t>
    </rPh>
    <rPh sb="15" eb="17">
      <t>コウフ</t>
    </rPh>
    <phoneticPr fontId="3"/>
  </si>
  <si>
    <t>・サービス提供証明書控</t>
    <rPh sb="5" eb="7">
      <t>テイキョウ</t>
    </rPh>
    <rPh sb="7" eb="9">
      <t>ショウメイ</t>
    </rPh>
    <rPh sb="9" eb="10">
      <t>ショ</t>
    </rPh>
    <rPh sb="10" eb="11">
      <t>ヒカ</t>
    </rPh>
    <phoneticPr fontId="3"/>
  </si>
  <si>
    <t>・自己評価基準等</t>
    <rPh sb="1" eb="3">
      <t>ジコ</t>
    </rPh>
    <rPh sb="3" eb="5">
      <t>ヒョウカ</t>
    </rPh>
    <rPh sb="5" eb="7">
      <t>キジュン</t>
    </rPh>
    <rPh sb="7" eb="8">
      <t>トウ</t>
    </rPh>
    <phoneticPr fontId="3"/>
  </si>
  <si>
    <t>利用者が有する能力を最大限活用することができるような方法によるサービス提供に努めていますか。</t>
    <rPh sb="0" eb="3">
      <t>リヨウシャ</t>
    </rPh>
    <rPh sb="4" eb="5">
      <t>ユウ</t>
    </rPh>
    <rPh sb="7" eb="9">
      <t>ノウリョク</t>
    </rPh>
    <rPh sb="10" eb="13">
      <t>サイダイゲン</t>
    </rPh>
    <rPh sb="13" eb="15">
      <t>カツヨウ</t>
    </rPh>
    <rPh sb="26" eb="28">
      <t>ホウホウ</t>
    </rPh>
    <rPh sb="35" eb="37">
      <t>テイキョウ</t>
    </rPh>
    <rPh sb="38" eb="39">
      <t>ツト</t>
    </rPh>
    <phoneticPr fontId="3"/>
  </si>
  <si>
    <t>利用者に関する市町村への通知</t>
    <rPh sb="0" eb="3">
      <t>リヨウシャ</t>
    </rPh>
    <rPh sb="4" eb="5">
      <t>カン</t>
    </rPh>
    <rPh sb="7" eb="10">
      <t>シチョウソン</t>
    </rPh>
    <rPh sb="12" eb="14">
      <t>ツウチ</t>
    </rPh>
    <phoneticPr fontId="3"/>
  </si>
  <si>
    <t>緊急時等の対応</t>
    <rPh sb="0" eb="3">
      <t>キンキュウジ</t>
    </rPh>
    <rPh sb="3" eb="4">
      <t>トウ</t>
    </rPh>
    <rPh sb="5" eb="7">
      <t>タイオウ</t>
    </rPh>
    <phoneticPr fontId="3"/>
  </si>
  <si>
    <t>管理者の責務</t>
    <rPh sb="0" eb="3">
      <t>カンリシャ</t>
    </rPh>
    <rPh sb="4" eb="6">
      <t>セキム</t>
    </rPh>
    <phoneticPr fontId="3"/>
  </si>
  <si>
    <t>運営規程</t>
    <rPh sb="0" eb="2">
      <t>ウンエイ</t>
    </rPh>
    <rPh sb="2" eb="4">
      <t>キテイ</t>
    </rPh>
    <phoneticPr fontId="3"/>
  </si>
  <si>
    <t>勤務体制の
確保等</t>
    <rPh sb="0" eb="2">
      <t>キンム</t>
    </rPh>
    <rPh sb="2" eb="4">
      <t>タイセイ</t>
    </rPh>
    <rPh sb="6" eb="9">
      <t>カクホトウ</t>
    </rPh>
    <phoneticPr fontId="3"/>
  </si>
  <si>
    <t>・就業規則
・運営規程
・雇用契約書
・勤務表（原則として月ごと）</t>
    <rPh sb="1" eb="3">
      <t>シュウギョウ</t>
    </rPh>
    <rPh sb="3" eb="5">
      <t>キソク</t>
    </rPh>
    <rPh sb="7" eb="9">
      <t>ウンエイ</t>
    </rPh>
    <rPh sb="9" eb="11">
      <t>キテイ</t>
    </rPh>
    <rPh sb="13" eb="15">
      <t>コヨウ</t>
    </rPh>
    <rPh sb="15" eb="18">
      <t>ケイヤクショ</t>
    </rPh>
    <rPh sb="20" eb="22">
      <t>キンム</t>
    </rPh>
    <rPh sb="22" eb="23">
      <t>ヒョウ</t>
    </rPh>
    <rPh sb="24" eb="26">
      <t>ゲンソク</t>
    </rPh>
    <rPh sb="29" eb="30">
      <t>ツキ</t>
    </rPh>
    <phoneticPr fontId="3"/>
  </si>
  <si>
    <t>・勤務表
・雇用契約書</t>
    <rPh sb="1" eb="3">
      <t>キンム</t>
    </rPh>
    <rPh sb="3" eb="4">
      <t>ヒョウ</t>
    </rPh>
    <rPh sb="6" eb="8">
      <t>コヨウ</t>
    </rPh>
    <rPh sb="8" eb="11">
      <t>ケイヤクショ</t>
    </rPh>
    <phoneticPr fontId="3"/>
  </si>
  <si>
    <t xml:space="preserve">
・研修計画
・研修会資料</t>
    <rPh sb="2" eb="4">
      <t>ケンシュウ</t>
    </rPh>
    <rPh sb="4" eb="6">
      <t>ケイカク</t>
    </rPh>
    <rPh sb="8" eb="11">
      <t>ケンシュウカイ</t>
    </rPh>
    <rPh sb="11" eb="13">
      <t>シリョウ</t>
    </rPh>
    <phoneticPr fontId="3"/>
  </si>
  <si>
    <t>定員の遵守</t>
    <rPh sb="0" eb="2">
      <t>テイイン</t>
    </rPh>
    <rPh sb="3" eb="5">
      <t>ジュンシュ</t>
    </rPh>
    <phoneticPr fontId="3"/>
  </si>
  <si>
    <t>・利用者名簿
・運営規程　　　　　　　　　・業務日誌　　　　　　　　　</t>
    <rPh sb="1" eb="4">
      <t>リヨウシャ</t>
    </rPh>
    <rPh sb="4" eb="6">
      <t>メイボ</t>
    </rPh>
    <rPh sb="8" eb="10">
      <t>ウンエイ</t>
    </rPh>
    <rPh sb="10" eb="12">
      <t>キテイ</t>
    </rPh>
    <rPh sb="22" eb="24">
      <t>ギョウム</t>
    </rPh>
    <rPh sb="24" eb="26">
      <t>ニッシ</t>
    </rPh>
    <phoneticPr fontId="3"/>
  </si>
  <si>
    <t>非常災害対策</t>
    <rPh sb="0" eb="2">
      <t>ヒジョウ</t>
    </rPh>
    <rPh sb="2" eb="4">
      <t>サイガイ</t>
    </rPh>
    <rPh sb="4" eb="6">
      <t>タイサク</t>
    </rPh>
    <phoneticPr fontId="3"/>
  </si>
  <si>
    <t>衛生管理等</t>
    <rPh sb="0" eb="2">
      <t>エイセイ</t>
    </rPh>
    <rPh sb="2" eb="5">
      <t>カンリトウ</t>
    </rPh>
    <phoneticPr fontId="3"/>
  </si>
  <si>
    <t>掲示</t>
    <rPh sb="0" eb="2">
      <t>ケイジ</t>
    </rPh>
    <phoneticPr fontId="3"/>
  </si>
  <si>
    <t>・重要事項説明書
・運営規定</t>
    <rPh sb="1" eb="3">
      <t>ジュウヨウ</t>
    </rPh>
    <rPh sb="3" eb="5">
      <t>ジコウ</t>
    </rPh>
    <rPh sb="5" eb="8">
      <t>セツメイショ</t>
    </rPh>
    <rPh sb="10" eb="12">
      <t>ウンエイ</t>
    </rPh>
    <rPh sb="12" eb="14">
      <t>キテイ</t>
    </rPh>
    <phoneticPr fontId="3"/>
  </si>
  <si>
    <t>秘密保持等</t>
    <rPh sb="0" eb="2">
      <t>ヒミツ</t>
    </rPh>
    <rPh sb="2" eb="4">
      <t>ホジ</t>
    </rPh>
    <rPh sb="4" eb="5">
      <t>トウ</t>
    </rPh>
    <phoneticPr fontId="3"/>
  </si>
  <si>
    <t>・就業規則（服務）</t>
    <rPh sb="1" eb="3">
      <t>シュウギョウ</t>
    </rPh>
    <rPh sb="3" eb="5">
      <t>キソク</t>
    </rPh>
    <rPh sb="6" eb="8">
      <t>フクム</t>
    </rPh>
    <phoneticPr fontId="3"/>
  </si>
  <si>
    <t>広告</t>
    <rPh sb="0" eb="2">
      <t>コウコク</t>
    </rPh>
    <phoneticPr fontId="3"/>
  </si>
  <si>
    <t>広告内容が虚偽又は誇大なものとなっていませんか。</t>
    <rPh sb="0" eb="2">
      <t>コウコク</t>
    </rPh>
    <rPh sb="2" eb="4">
      <t>ナイヨウ</t>
    </rPh>
    <rPh sb="5" eb="7">
      <t>キョギ</t>
    </rPh>
    <rPh sb="7" eb="8">
      <t>マタ</t>
    </rPh>
    <rPh sb="9" eb="11">
      <t>コダイ</t>
    </rPh>
    <phoneticPr fontId="3"/>
  </si>
  <si>
    <t>・広告（パンフレット等）</t>
    <rPh sb="1" eb="3">
      <t>コウコク</t>
    </rPh>
    <rPh sb="10" eb="11">
      <t>トウ</t>
    </rPh>
    <phoneticPr fontId="3"/>
  </si>
  <si>
    <t>居宅介護支援事業者に対する利益供与の禁止</t>
    <rPh sb="0" eb="2">
      <t>キョタク</t>
    </rPh>
    <rPh sb="2" eb="4">
      <t>カイゴ</t>
    </rPh>
    <rPh sb="4" eb="6">
      <t>シエン</t>
    </rPh>
    <rPh sb="6" eb="9">
      <t>ジギョウシャ</t>
    </rPh>
    <rPh sb="10" eb="11">
      <t>タイ</t>
    </rPh>
    <rPh sb="13" eb="15">
      <t>リエキ</t>
    </rPh>
    <rPh sb="15" eb="17">
      <t>キョウヨ</t>
    </rPh>
    <rPh sb="18" eb="20">
      <t>キンシ</t>
    </rPh>
    <phoneticPr fontId="3"/>
  </si>
  <si>
    <t>苦情処理</t>
    <rPh sb="0" eb="2">
      <t>クジョウ</t>
    </rPh>
    <rPh sb="2" eb="4">
      <t>ショリ</t>
    </rPh>
    <phoneticPr fontId="3"/>
  </si>
  <si>
    <t>　　苦情件数　：　月　　　　件程度
　　苦情相談窓口の設置　：　□有　　□無
　　相談窓口担当者　：　</t>
    <rPh sb="2" eb="4">
      <t>クジョウ</t>
    </rPh>
    <rPh sb="4" eb="6">
      <t>ケンスウ</t>
    </rPh>
    <rPh sb="9" eb="10">
      <t>ツキ</t>
    </rPh>
    <rPh sb="14" eb="15">
      <t>ケン</t>
    </rPh>
    <rPh sb="15" eb="17">
      <t>テイド</t>
    </rPh>
    <phoneticPr fontId="3"/>
  </si>
  <si>
    <t>地域との連携</t>
    <rPh sb="0" eb="2">
      <t>チイキ</t>
    </rPh>
    <rPh sb="4" eb="6">
      <t>レンケイ</t>
    </rPh>
    <phoneticPr fontId="3"/>
  </si>
  <si>
    <t>事故発生時の対応</t>
    <rPh sb="0" eb="2">
      <t>ジコ</t>
    </rPh>
    <rPh sb="2" eb="4">
      <t>ハッセイ</t>
    </rPh>
    <rPh sb="4" eb="5">
      <t>ジ</t>
    </rPh>
    <rPh sb="6" eb="8">
      <t>タイオウ</t>
    </rPh>
    <phoneticPr fontId="3"/>
  </si>
  <si>
    <t>賠償すべき事故が発生した場合は損害賠償を速やかに行っていますか。賠償すべき事故が発生したことがない場合でも損害賠償を速やかに行える準備をしていますか。
　→損害賠償保険への加入：　□有　　□無</t>
    <rPh sb="32" eb="34">
      <t>バイショウ</t>
    </rPh>
    <rPh sb="37" eb="39">
      <t>ジコ</t>
    </rPh>
    <rPh sb="40" eb="42">
      <t>ハッセイ</t>
    </rPh>
    <rPh sb="49" eb="51">
      <t>バアイ</t>
    </rPh>
    <rPh sb="53" eb="55">
      <t>ソンガイ</t>
    </rPh>
    <rPh sb="55" eb="57">
      <t>バイショウ</t>
    </rPh>
    <rPh sb="58" eb="59">
      <t>スミ</t>
    </rPh>
    <rPh sb="62" eb="63">
      <t>オコナ</t>
    </rPh>
    <rPh sb="65" eb="67">
      <t>ジュンビ</t>
    </rPh>
    <phoneticPr fontId="3"/>
  </si>
  <si>
    <t>・損害賠償関係書類</t>
    <rPh sb="1" eb="3">
      <t>ソンガイ</t>
    </rPh>
    <rPh sb="3" eb="5">
      <t>バイショウ</t>
    </rPh>
    <rPh sb="5" eb="7">
      <t>カンケイ</t>
    </rPh>
    <rPh sb="7" eb="9">
      <t>ショルイ</t>
    </rPh>
    <phoneticPr fontId="3"/>
  </si>
  <si>
    <t>・事故再発防止検討記録</t>
    <rPh sb="1" eb="3">
      <t>ジコ</t>
    </rPh>
    <rPh sb="3" eb="5">
      <t>サイハツ</t>
    </rPh>
    <rPh sb="5" eb="7">
      <t>ボウシ</t>
    </rPh>
    <rPh sb="7" eb="9">
      <t>ケントウ</t>
    </rPh>
    <rPh sb="9" eb="11">
      <t>キロク</t>
    </rPh>
    <phoneticPr fontId="3"/>
  </si>
  <si>
    <t>会計の区分</t>
    <rPh sb="0" eb="2">
      <t>カイケイ</t>
    </rPh>
    <rPh sb="3" eb="4">
      <t>ク</t>
    </rPh>
    <rPh sb="4" eb="5">
      <t>ブン</t>
    </rPh>
    <phoneticPr fontId="3"/>
  </si>
  <si>
    <t>・会計関係書類</t>
    <rPh sb="1" eb="3">
      <t>カイケイ</t>
    </rPh>
    <rPh sb="3" eb="5">
      <t>カンケイ</t>
    </rPh>
    <rPh sb="5" eb="7">
      <t>ショルイ</t>
    </rPh>
    <phoneticPr fontId="3"/>
  </si>
  <si>
    <t>記録の整備</t>
    <rPh sb="0" eb="2">
      <t>キロク</t>
    </rPh>
    <rPh sb="3" eb="5">
      <t>セイビ</t>
    </rPh>
    <phoneticPr fontId="3"/>
  </si>
  <si>
    <t>・職員名簿・設備台帳
・会計関係書類</t>
    <rPh sb="1" eb="3">
      <t>ショクイン</t>
    </rPh>
    <rPh sb="3" eb="5">
      <t>メイボ</t>
    </rPh>
    <rPh sb="6" eb="8">
      <t>セツビ</t>
    </rPh>
    <rPh sb="8" eb="10">
      <t>ダイチョウ</t>
    </rPh>
    <rPh sb="12" eb="14">
      <t>カイケイ</t>
    </rPh>
    <rPh sb="14" eb="16">
      <t>カンケイ</t>
    </rPh>
    <rPh sb="16" eb="18">
      <t>ショルイ</t>
    </rPh>
    <phoneticPr fontId="3"/>
  </si>
  <si>
    <t>Ⅴ　変更の届出等</t>
    <rPh sb="2" eb="4">
      <t>ヘンコウ</t>
    </rPh>
    <rPh sb="5" eb="6">
      <t>トドケ</t>
    </rPh>
    <rPh sb="6" eb="7">
      <t>デ</t>
    </rPh>
    <rPh sb="7" eb="8">
      <t>トウ</t>
    </rPh>
    <phoneticPr fontId="3"/>
  </si>
  <si>
    <t>変更の届出等</t>
    <rPh sb="0" eb="2">
      <t>ヘンコウ</t>
    </rPh>
    <rPh sb="3" eb="5">
      <t>トドケデ</t>
    </rPh>
    <rPh sb="5" eb="6">
      <t>トウ</t>
    </rPh>
    <phoneticPr fontId="3"/>
  </si>
  <si>
    <t>・届出書類の控</t>
    <rPh sb="1" eb="2">
      <t>トドケ</t>
    </rPh>
    <rPh sb="2" eb="3">
      <t>デ</t>
    </rPh>
    <rPh sb="3" eb="5">
      <t>ショルイ</t>
    </rPh>
    <rPh sb="6" eb="7">
      <t>ヒカ</t>
    </rPh>
    <phoneticPr fontId="3"/>
  </si>
  <si>
    <t>不適</t>
    <rPh sb="0" eb="2">
      <t>フテキ</t>
    </rPh>
    <phoneticPr fontId="2"/>
  </si>
  <si>
    <t>非該当</t>
    <rPh sb="0" eb="3">
      <t>ヒガイトウ</t>
    </rPh>
    <phoneticPr fontId="3"/>
  </si>
  <si>
    <r>
      <rPr>
        <b/>
        <sz val="9"/>
        <rFont val="ＭＳ ゴシック"/>
        <family val="3"/>
        <charset val="128"/>
      </rPr>
      <t>【機能訓練指導員】</t>
    </r>
    <r>
      <rPr>
        <sz val="9"/>
        <rFont val="ＭＳ ゴシック"/>
        <family val="3"/>
        <charset val="128"/>
      </rPr>
      <t xml:space="preserve">
機能訓練指導員を1名以上配置していますか。</t>
    </r>
    <rPh sb="10" eb="12">
      <t>キノウ</t>
    </rPh>
    <rPh sb="12" eb="14">
      <t>クンレン</t>
    </rPh>
    <rPh sb="14" eb="17">
      <t>シドウイン</t>
    </rPh>
    <rPh sb="19" eb="22">
      <t>メイイジョウ</t>
    </rPh>
    <rPh sb="22" eb="24">
      <t>ハイチ</t>
    </rPh>
    <phoneticPr fontId="3"/>
  </si>
  <si>
    <r>
      <rPr>
        <b/>
        <sz val="9"/>
        <rFont val="ＭＳ ゴシック"/>
        <family val="3"/>
        <charset val="128"/>
      </rPr>
      <t>【介護職員】</t>
    </r>
    <r>
      <rPr>
        <sz val="9"/>
        <rFont val="ＭＳ ゴシック"/>
        <family val="3"/>
        <charset val="128"/>
      </rPr>
      <t xml:space="preserve">
単位ごとに、サービス提供時間帯に専従の介護職員が勤務している時間の合計数を利用者のサービス</t>
    </r>
    <r>
      <rPr>
        <u/>
        <sz val="9"/>
        <rFont val="ＭＳ ゴシック"/>
        <family val="3"/>
        <charset val="128"/>
      </rPr>
      <t>提供時間数</t>
    </r>
    <r>
      <rPr>
        <sz val="9"/>
        <rFont val="ＭＳ ゴシック"/>
        <family val="3"/>
        <charset val="128"/>
      </rPr>
      <t>で割って得た数が、利用者の数が15人までの場合には１人以上、15人を超える場合にあっては15人を超える部分の数を５で割って得た数に１を加えた数以上が確保するために必要な人数を配置していますか。</t>
    </r>
    <rPh sb="17" eb="19">
      <t>テイキョウ</t>
    </rPh>
    <rPh sb="44" eb="47">
      <t>リヨウシャ</t>
    </rPh>
    <rPh sb="52" eb="54">
      <t>テイキョウ</t>
    </rPh>
    <rPh sb="58" eb="59">
      <t>ワ</t>
    </rPh>
    <rPh sb="115" eb="116">
      <t>ワ</t>
    </rPh>
    <rPh sb="131" eb="133">
      <t>カクホ</t>
    </rPh>
    <rPh sb="138" eb="140">
      <t>ヒツヨウ</t>
    </rPh>
    <rPh sb="141" eb="143">
      <t>ニンズウ</t>
    </rPh>
    <phoneticPr fontId="3"/>
  </si>
  <si>
    <t>管理者は、常勤ですか。</t>
    <rPh sb="0" eb="3">
      <t>カンリシャ</t>
    </rPh>
    <phoneticPr fontId="3"/>
  </si>
  <si>
    <t>管理者は、専従ですか。</t>
    <rPh sb="0" eb="3">
      <t>カンリシャ</t>
    </rPh>
    <rPh sb="5" eb="7">
      <t>センジュウ</t>
    </rPh>
    <phoneticPr fontId="2"/>
  </si>
  <si>
    <r>
      <t>【</t>
    </r>
    <r>
      <rPr>
        <b/>
        <sz val="9"/>
        <rFont val="ＭＳ ゴシック"/>
        <family val="3"/>
        <charset val="128"/>
      </rPr>
      <t>生活相談員・介護職員</t>
    </r>
    <r>
      <rPr>
        <sz val="9"/>
        <rFont val="ＭＳ ゴシック"/>
        <family val="3"/>
        <charset val="128"/>
      </rPr>
      <t>】
生活相談員又は介護職員のうち1名以上は常勤となっていますか。</t>
    </r>
    <rPh sb="1" eb="3">
      <t>セイカツ</t>
    </rPh>
    <rPh sb="3" eb="6">
      <t>ソウダンイン</t>
    </rPh>
    <rPh sb="7" eb="9">
      <t>カイゴ</t>
    </rPh>
    <rPh sb="9" eb="11">
      <t>ショクイン</t>
    </rPh>
    <rPh sb="13" eb="15">
      <t>セイカツ</t>
    </rPh>
    <rPh sb="15" eb="17">
      <t>ソウダン</t>
    </rPh>
    <rPh sb="17" eb="18">
      <t>イン</t>
    </rPh>
    <rPh sb="18" eb="19">
      <t>マタ</t>
    </rPh>
    <rPh sb="20" eb="22">
      <t>カイゴ</t>
    </rPh>
    <rPh sb="22" eb="24">
      <t>ショクイン</t>
    </rPh>
    <rPh sb="28" eb="29">
      <t>メイ</t>
    </rPh>
    <rPh sb="29" eb="31">
      <t>イジョウ</t>
    </rPh>
    <rPh sb="32" eb="34">
      <t>ジョウキン</t>
    </rPh>
    <phoneticPr fontId="3"/>
  </si>
  <si>
    <t>→当該事業所内で他職種と兼務している場合は
　　その職種名</t>
    <rPh sb="1" eb="3">
      <t>トウガイ</t>
    </rPh>
    <rPh sb="3" eb="6">
      <t>ジギョウショ</t>
    </rPh>
    <rPh sb="6" eb="7">
      <t>ナイ</t>
    </rPh>
    <rPh sb="8" eb="9">
      <t>タ</t>
    </rPh>
    <rPh sb="9" eb="11">
      <t>ショクシュ</t>
    </rPh>
    <rPh sb="12" eb="14">
      <t>ケンム</t>
    </rPh>
    <rPh sb="18" eb="20">
      <t>バアイ</t>
    </rPh>
    <rPh sb="26" eb="28">
      <t>ショクシュ</t>
    </rPh>
    <rPh sb="28" eb="29">
      <t>メイ</t>
    </rPh>
    <phoneticPr fontId="3"/>
  </si>
  <si>
    <t>【相談室】
遮へい物の設置など相談の内容が漏えいしないよう配慮されていますか。</t>
    <rPh sb="11" eb="12">
      <t>シャ</t>
    </rPh>
    <rPh sb="14" eb="15">
      <t>ブツ</t>
    </rPh>
    <rPh sb="16" eb="18">
      <t>セッチ</t>
    </rPh>
    <rPh sb="20" eb="22">
      <t>ソウダン</t>
    </rPh>
    <rPh sb="23" eb="25">
      <t>ナイヨウ</t>
    </rPh>
    <rPh sb="26" eb="27">
      <t>ロウ</t>
    </rPh>
    <rPh sb="34" eb="36">
      <t>ハイリョ</t>
    </rPh>
    <phoneticPr fontId="3"/>
  </si>
  <si>
    <t>【消火設備その他非常災害に際して必要な設備】
消防法その他法令等に規定された設備は確実に設置されていますか。</t>
    <phoneticPr fontId="3"/>
  </si>
  <si>
    <t>消防法で定められた消防点検を定期的に実施し、不備が確認された場合は、速やかに改善に取り組んでいますか。</t>
    <rPh sb="0" eb="3">
      <t>ショウボウホウ</t>
    </rPh>
    <rPh sb="4" eb="5">
      <t>サダ</t>
    </rPh>
    <rPh sb="9" eb="11">
      <t>ショウボウ</t>
    </rPh>
    <rPh sb="11" eb="13">
      <t>テンケン</t>
    </rPh>
    <rPh sb="14" eb="17">
      <t>テイキテキ</t>
    </rPh>
    <rPh sb="18" eb="20">
      <t>ジッシ</t>
    </rPh>
    <rPh sb="22" eb="24">
      <t>フビ</t>
    </rPh>
    <rPh sb="25" eb="27">
      <t>カクニン</t>
    </rPh>
    <rPh sb="30" eb="32">
      <t>バアイ</t>
    </rPh>
    <rPh sb="34" eb="35">
      <t>スミ</t>
    </rPh>
    <rPh sb="38" eb="40">
      <t>カイゼン</t>
    </rPh>
    <rPh sb="41" eb="42">
      <t>ト</t>
    </rPh>
    <rPh sb="43" eb="44">
      <t>ク</t>
    </rPh>
    <phoneticPr fontId="2"/>
  </si>
  <si>
    <t>→賃貸の場合は、消防点検が義務となっているものから情報を得て記録していますか。</t>
    <rPh sb="1" eb="3">
      <t>チンタイ</t>
    </rPh>
    <rPh sb="4" eb="6">
      <t>バアイ</t>
    </rPh>
    <rPh sb="8" eb="10">
      <t>ショウボウ</t>
    </rPh>
    <rPh sb="10" eb="12">
      <t>テンケン</t>
    </rPh>
    <rPh sb="13" eb="15">
      <t>ギム</t>
    </rPh>
    <rPh sb="25" eb="27">
      <t>ジョウホウ</t>
    </rPh>
    <rPh sb="28" eb="29">
      <t>エ</t>
    </rPh>
    <rPh sb="30" eb="32">
      <t>キロク</t>
    </rPh>
    <phoneticPr fontId="2"/>
  </si>
  <si>
    <t xml:space="preserve">・勤務表　　　　　　　　　　・出勤簿（タイムカード）
・サービス記録
・常勤・非常勤職員の員数が分かる職員名簿
・雇用契約書
・資格証等（写）
・就業規則
・給与台帳等
</t>
    <rPh sb="15" eb="17">
      <t>シュッキン</t>
    </rPh>
    <rPh sb="17" eb="18">
      <t>ボ</t>
    </rPh>
    <rPh sb="32" eb="34">
      <t>キロク</t>
    </rPh>
    <rPh sb="48" eb="49">
      <t>ワ</t>
    </rPh>
    <rPh sb="66" eb="67">
      <t>ショウ</t>
    </rPh>
    <rPh sb="67" eb="68">
      <t>トウ</t>
    </rPh>
    <rPh sb="69" eb="70">
      <t>ウツ</t>
    </rPh>
    <rPh sb="79" eb="81">
      <t>キュウヨ</t>
    </rPh>
    <phoneticPr fontId="3"/>
  </si>
  <si>
    <t>・各曜日の利用者数及び通所計画に位置づけられた平均提供時間数が分かる記録</t>
    <rPh sb="1" eb="4">
      <t>カクヨウビ</t>
    </rPh>
    <phoneticPr fontId="2"/>
  </si>
  <si>
    <t>・研修計画
・研修報告書等</t>
    <rPh sb="1" eb="3">
      <t>ケンシュウ</t>
    </rPh>
    <rPh sb="3" eb="5">
      <t>ケイカク</t>
    </rPh>
    <rPh sb="7" eb="9">
      <t>ケンシュウ</t>
    </rPh>
    <rPh sb="9" eb="12">
      <t>ホウコクショ</t>
    </rPh>
    <rPh sb="12" eb="13">
      <t>トウ</t>
    </rPh>
    <phoneticPr fontId="2"/>
  </si>
  <si>
    <t>利用者とのコミュニケーションを十分に図ることその他の様々な方法により、利用者が主体的に事業に参加するよう適切に働きかけていますか。</t>
    <rPh sb="0" eb="3">
      <t>リヨウシャ</t>
    </rPh>
    <rPh sb="15" eb="17">
      <t>ジュウブン</t>
    </rPh>
    <rPh sb="18" eb="19">
      <t>ハカ</t>
    </rPh>
    <rPh sb="24" eb="25">
      <t>タ</t>
    </rPh>
    <rPh sb="26" eb="28">
      <t>サマザマ</t>
    </rPh>
    <rPh sb="29" eb="31">
      <t>ホウホウ</t>
    </rPh>
    <rPh sb="35" eb="38">
      <t>リヨウシャ</t>
    </rPh>
    <rPh sb="39" eb="41">
      <t>シュタイ</t>
    </rPh>
    <rPh sb="41" eb="42">
      <t>テキ</t>
    </rPh>
    <rPh sb="43" eb="45">
      <t>ジギョウ</t>
    </rPh>
    <rPh sb="46" eb="48">
      <t>サンカ</t>
    </rPh>
    <rPh sb="52" eb="54">
      <t>テキセツ</t>
    </rPh>
    <rPh sb="55" eb="56">
      <t>ハタラ</t>
    </rPh>
    <phoneticPr fontId="3"/>
  </si>
  <si>
    <t>旧介護予防通所介護相当サービスの提供に当たっては、主治医又は歯科医師からの情報伝達や、サービス担当者会議を通じる等の適切な方法により、利用者の心身の状況、その置かれている環境等利用者の日常生活全般の状況の的確な把握を行っていますか。</t>
    <phoneticPr fontId="2"/>
  </si>
  <si>
    <t>・介護記録
・評価を実施した記録</t>
    <rPh sb="1" eb="3">
      <t>カイゴ</t>
    </rPh>
    <rPh sb="3" eb="5">
      <t>キロク</t>
    </rPh>
    <rPh sb="7" eb="9">
      <t>ヒョウカ</t>
    </rPh>
    <rPh sb="10" eb="12">
      <t>ジッシ</t>
    </rPh>
    <rPh sb="14" eb="16">
      <t>キロク</t>
    </rPh>
    <phoneticPr fontId="3"/>
  </si>
  <si>
    <t>・運動機能向上計画書
・口腔機能改善管理指導計画書
・口腔・栄養スクリーニング・アセスメント・モニタリング記録</t>
    <rPh sb="1" eb="3">
      <t>ウンドウ</t>
    </rPh>
    <rPh sb="3" eb="5">
      <t>キノウ</t>
    </rPh>
    <rPh sb="5" eb="7">
      <t>コウジョウ</t>
    </rPh>
    <rPh sb="7" eb="9">
      <t>ケイカク</t>
    </rPh>
    <rPh sb="9" eb="10">
      <t>ショ</t>
    </rPh>
    <rPh sb="12" eb="25">
      <t>コウクウキノウカイゼンカンリシドウケイカクショ</t>
    </rPh>
    <rPh sb="27" eb="29">
      <t>コウクウ</t>
    </rPh>
    <rPh sb="30" eb="32">
      <t>エイヨウ</t>
    </rPh>
    <rPh sb="53" eb="55">
      <t>キロク</t>
    </rPh>
    <phoneticPr fontId="2"/>
  </si>
  <si>
    <t>業務継続計画の策定等</t>
    <rPh sb="0" eb="2">
      <t>ギョウム</t>
    </rPh>
    <rPh sb="2" eb="4">
      <t>ケイゾク</t>
    </rPh>
    <rPh sb="4" eb="6">
      <t>ケイカク</t>
    </rPh>
    <rPh sb="7" eb="9">
      <t>サクテイ</t>
    </rPh>
    <rPh sb="9" eb="10">
      <t>トウ</t>
    </rPh>
    <phoneticPr fontId="2"/>
  </si>
  <si>
    <t>・防災訓練計画書
・防災訓練実施記録</t>
    <rPh sb="1" eb="3">
      <t>ボウサイ</t>
    </rPh>
    <rPh sb="3" eb="5">
      <t>クンレン</t>
    </rPh>
    <rPh sb="5" eb="8">
      <t>ケイカクショ</t>
    </rPh>
    <rPh sb="10" eb="12">
      <t>ボウサイ</t>
    </rPh>
    <rPh sb="12" eb="14">
      <t>クンレン</t>
    </rPh>
    <rPh sb="14" eb="16">
      <t>ジッシ</t>
    </rPh>
    <rPh sb="16" eb="18">
      <t>キロク</t>
    </rPh>
    <phoneticPr fontId="2"/>
  </si>
  <si>
    <t>・消防計画</t>
    <rPh sb="1" eb="3">
      <t>ショウボウ</t>
    </rPh>
    <rPh sb="3" eb="5">
      <t>ケイカク</t>
    </rPh>
    <phoneticPr fontId="3"/>
  </si>
  <si>
    <t>・非常災害対策マニュアル
・防災訓練計画書
・防災訓練実施記録</t>
    <rPh sb="1" eb="7">
      <t>ヒジョウサイガイタイサク</t>
    </rPh>
    <rPh sb="14" eb="16">
      <t>ボウサイ</t>
    </rPh>
    <rPh sb="16" eb="18">
      <t>クンレン</t>
    </rPh>
    <rPh sb="18" eb="21">
      <t>ケイカクショ</t>
    </rPh>
    <rPh sb="23" eb="25">
      <t>ボウサイ</t>
    </rPh>
    <rPh sb="25" eb="27">
      <t>クンレン</t>
    </rPh>
    <rPh sb="27" eb="29">
      <t>ジッシ</t>
    </rPh>
    <rPh sb="29" eb="31">
      <t>キロク</t>
    </rPh>
    <phoneticPr fontId="2"/>
  </si>
  <si>
    <t>・感染症対策委員会の記録
・感染症の予防及びまん延
　防止のための指針
・研修計画
・研修報告書</t>
    <rPh sb="1" eb="4">
      <t>カンセンショウ</t>
    </rPh>
    <rPh sb="4" eb="6">
      <t>タイサク</t>
    </rPh>
    <rPh sb="6" eb="9">
      <t>イインカイ</t>
    </rPh>
    <rPh sb="10" eb="12">
      <t>キロク</t>
    </rPh>
    <rPh sb="14" eb="17">
      <t>カンセンショウ</t>
    </rPh>
    <rPh sb="18" eb="20">
      <t>ヨボウ</t>
    </rPh>
    <rPh sb="20" eb="21">
      <t>オヨ</t>
    </rPh>
    <rPh sb="24" eb="25">
      <t>エン</t>
    </rPh>
    <rPh sb="27" eb="29">
      <t>ボウシ</t>
    </rPh>
    <rPh sb="33" eb="35">
      <t>シシン</t>
    </rPh>
    <rPh sb="37" eb="39">
      <t>ケンシュウ</t>
    </rPh>
    <rPh sb="39" eb="41">
      <t>ケイカク</t>
    </rPh>
    <rPh sb="43" eb="45">
      <t>ケンシュウ</t>
    </rPh>
    <rPh sb="45" eb="48">
      <t>ホウコクショ</t>
    </rPh>
    <phoneticPr fontId="2"/>
  </si>
  <si>
    <t>利用者及びその家族からの苦情を受け付けるために、相談窓口、苦情処理の体制及び手順等当該事業所における苦情を処理するために講ずる措置の概要について重要事項等に記載し、事業所内に掲示していますか。</t>
    <rPh sb="0" eb="3">
      <t>リヨウシャ</t>
    </rPh>
    <rPh sb="3" eb="4">
      <t>オヨ</t>
    </rPh>
    <rPh sb="7" eb="9">
      <t>カゾク</t>
    </rPh>
    <rPh sb="12" eb="14">
      <t>クジョウ</t>
    </rPh>
    <rPh sb="15" eb="16">
      <t>ウ</t>
    </rPh>
    <rPh sb="17" eb="18">
      <t>ツ</t>
    </rPh>
    <rPh sb="24" eb="26">
      <t>ソウダン</t>
    </rPh>
    <rPh sb="26" eb="28">
      <t>マドグチ</t>
    </rPh>
    <rPh sb="29" eb="31">
      <t>クジョウ</t>
    </rPh>
    <rPh sb="31" eb="33">
      <t>ショリ</t>
    </rPh>
    <rPh sb="34" eb="36">
      <t>タイセイ</t>
    </rPh>
    <rPh sb="36" eb="37">
      <t>オヨ</t>
    </rPh>
    <rPh sb="38" eb="40">
      <t>テジュン</t>
    </rPh>
    <rPh sb="40" eb="41">
      <t>トウ</t>
    </rPh>
    <rPh sb="41" eb="43">
      <t>トウガイ</t>
    </rPh>
    <rPh sb="43" eb="46">
      <t>ジギョウショ</t>
    </rPh>
    <rPh sb="50" eb="52">
      <t>クジョウ</t>
    </rPh>
    <rPh sb="53" eb="55">
      <t>ショリ</t>
    </rPh>
    <rPh sb="60" eb="61">
      <t>コウ</t>
    </rPh>
    <rPh sb="63" eb="65">
      <t>ソチ</t>
    </rPh>
    <rPh sb="66" eb="68">
      <t>ガイヨウ</t>
    </rPh>
    <rPh sb="72" eb="74">
      <t>ジュウヨウ</t>
    </rPh>
    <rPh sb="74" eb="76">
      <t>ジコウ</t>
    </rPh>
    <rPh sb="76" eb="77">
      <t>トウ</t>
    </rPh>
    <rPh sb="78" eb="80">
      <t>キサイ</t>
    </rPh>
    <rPh sb="82" eb="85">
      <t>ジギョウショ</t>
    </rPh>
    <rPh sb="85" eb="86">
      <t>ナイ</t>
    </rPh>
    <rPh sb="87" eb="89">
      <t>ケイジ</t>
    </rPh>
    <phoneticPr fontId="3"/>
  </si>
  <si>
    <t>・運営規程
・重要事項説明書
・苦情に関する記録
・苦情対応マニュアル
・苦情に対する対応結果記録
・指導等に関する改善記録
・市町村への報告記録
・国保連からの指導に対する
 　改善記録
・国保連への報告書</t>
    <rPh sb="1" eb="3">
      <t>ウンエイ</t>
    </rPh>
    <rPh sb="3" eb="5">
      <t>キテイ</t>
    </rPh>
    <rPh sb="7" eb="14">
      <t>ジュウヨウジコウセツメイショ</t>
    </rPh>
    <rPh sb="16" eb="18">
      <t>クジョウ</t>
    </rPh>
    <rPh sb="19" eb="20">
      <t>カン</t>
    </rPh>
    <rPh sb="22" eb="24">
      <t>キロク</t>
    </rPh>
    <rPh sb="26" eb="28">
      <t>クジョウ</t>
    </rPh>
    <rPh sb="28" eb="30">
      <t>タイオウ</t>
    </rPh>
    <rPh sb="37" eb="39">
      <t>クジョウ</t>
    </rPh>
    <rPh sb="40" eb="41">
      <t>タイ</t>
    </rPh>
    <rPh sb="43" eb="45">
      <t>タイオウ</t>
    </rPh>
    <rPh sb="45" eb="47">
      <t>ケッカ</t>
    </rPh>
    <rPh sb="47" eb="49">
      <t>キロク</t>
    </rPh>
    <rPh sb="51" eb="53">
      <t>シドウ</t>
    </rPh>
    <rPh sb="53" eb="54">
      <t>トウ</t>
    </rPh>
    <rPh sb="55" eb="56">
      <t>カン</t>
    </rPh>
    <rPh sb="58" eb="60">
      <t>カイゼン</t>
    </rPh>
    <rPh sb="60" eb="62">
      <t>キロク</t>
    </rPh>
    <rPh sb="64" eb="67">
      <t>シチョウソン</t>
    </rPh>
    <rPh sb="69" eb="71">
      <t>ホウコク</t>
    </rPh>
    <rPh sb="71" eb="73">
      <t>キロク</t>
    </rPh>
    <rPh sb="75" eb="76">
      <t>コク</t>
    </rPh>
    <rPh sb="76" eb="77">
      <t>ホ</t>
    </rPh>
    <rPh sb="77" eb="78">
      <t>レン</t>
    </rPh>
    <rPh sb="81" eb="83">
      <t>シドウ</t>
    </rPh>
    <rPh sb="84" eb="85">
      <t>タイ</t>
    </rPh>
    <rPh sb="90" eb="92">
      <t>カイゼン</t>
    </rPh>
    <rPh sb="92" eb="94">
      <t>キロク</t>
    </rPh>
    <rPh sb="96" eb="97">
      <t>コク</t>
    </rPh>
    <rPh sb="97" eb="98">
      <t>ホ</t>
    </rPh>
    <rPh sb="98" eb="99">
      <t>レン</t>
    </rPh>
    <rPh sb="101" eb="104">
      <t>ホウコクショ</t>
    </rPh>
    <phoneticPr fontId="3"/>
  </si>
  <si>
    <t xml:space="preserve">・事故対応マニュアル
・事故発生報告書
</t>
    <rPh sb="1" eb="3">
      <t>ジコ</t>
    </rPh>
    <rPh sb="3" eb="5">
      <t>タイオウ</t>
    </rPh>
    <rPh sb="12" eb="14">
      <t>ジコ</t>
    </rPh>
    <rPh sb="14" eb="16">
      <t>ハッセイ</t>
    </rPh>
    <rPh sb="16" eb="19">
      <t>ホウコクショ</t>
    </rPh>
    <phoneticPr fontId="3"/>
  </si>
  <si>
    <t>・業務日誌等</t>
    <rPh sb="1" eb="3">
      <t>ギョウム</t>
    </rPh>
    <rPh sb="3" eb="5">
      <t>ニッシ</t>
    </rPh>
    <rPh sb="5" eb="6">
      <t>トウ</t>
    </rPh>
    <phoneticPr fontId="2"/>
  </si>
  <si>
    <t>消防用設備等検査済証</t>
    <rPh sb="0" eb="2">
      <t>ショウボウ</t>
    </rPh>
    <rPh sb="2" eb="3">
      <t>ヨウ</t>
    </rPh>
    <rPh sb="3" eb="5">
      <t>セツビ</t>
    </rPh>
    <rPh sb="5" eb="6">
      <t>トウ</t>
    </rPh>
    <rPh sb="6" eb="8">
      <t>ケンサ</t>
    </rPh>
    <rPh sb="8" eb="9">
      <t>スミ</t>
    </rPh>
    <rPh sb="9" eb="10">
      <t>ショウ</t>
    </rPh>
    <phoneticPr fontId="15"/>
  </si>
  <si>
    <t>消防設備点検結果報告書</t>
    <rPh sb="0" eb="2">
      <t>ショウボウ</t>
    </rPh>
    <rPh sb="2" eb="4">
      <t>セツビ</t>
    </rPh>
    <rPh sb="4" eb="6">
      <t>テンケン</t>
    </rPh>
    <rPh sb="6" eb="8">
      <t>ケッカ</t>
    </rPh>
    <rPh sb="8" eb="11">
      <t>ホウコクショ</t>
    </rPh>
    <phoneticPr fontId="15"/>
  </si>
  <si>
    <t>・サービス提供票・別表
・業務日誌
・介護記録
・連絡帳等</t>
    <rPh sb="5" eb="7">
      <t>テイキョウ</t>
    </rPh>
    <rPh sb="7" eb="8">
      <t>ヒョウ</t>
    </rPh>
    <rPh sb="9" eb="11">
      <t>ベッピョウ</t>
    </rPh>
    <rPh sb="13" eb="15">
      <t>ギョウム</t>
    </rPh>
    <rPh sb="15" eb="17">
      <t>ニッシ</t>
    </rPh>
    <rPh sb="21" eb="23">
      <t>キロク</t>
    </rPh>
    <rPh sb="25" eb="28">
      <t>レンラクチョウ</t>
    </rPh>
    <rPh sb="28" eb="29">
      <t>トウ</t>
    </rPh>
    <phoneticPr fontId="3"/>
  </si>
  <si>
    <t>要介護状態となった場合でも、利用者が可能な限りその居宅において、その有する能力に応じ自立した日常生活を営むことができるよう、生活機能の維持又は向上を目指し、必要な日常生活上の世話及び機能訓練を行うことにより、利用者の社会的孤立感の解消及び心身の機能の維持並びに利用者家族の身体的及び精神的負担の軽減を図るものとなっていますか。</t>
    <rPh sb="0" eb="1">
      <t>ヨウ</t>
    </rPh>
    <rPh sb="1" eb="3">
      <t>カイゴ</t>
    </rPh>
    <rPh sb="3" eb="5">
      <t>ジョウタイ</t>
    </rPh>
    <rPh sb="9" eb="11">
      <t>バアイ</t>
    </rPh>
    <rPh sb="14" eb="17">
      <t>リヨウシャ</t>
    </rPh>
    <rPh sb="18" eb="20">
      <t>カノウ</t>
    </rPh>
    <rPh sb="21" eb="22">
      <t>カギ</t>
    </rPh>
    <rPh sb="25" eb="27">
      <t>キョタク</t>
    </rPh>
    <rPh sb="34" eb="35">
      <t>ユウ</t>
    </rPh>
    <rPh sb="37" eb="39">
      <t>ノウリョク</t>
    </rPh>
    <rPh sb="40" eb="41">
      <t>オウ</t>
    </rPh>
    <rPh sb="42" eb="44">
      <t>ジリツ</t>
    </rPh>
    <rPh sb="46" eb="48">
      <t>ニチジョウ</t>
    </rPh>
    <rPh sb="48" eb="50">
      <t>セイカツ</t>
    </rPh>
    <rPh sb="51" eb="52">
      <t>イトナ</t>
    </rPh>
    <rPh sb="62" eb="64">
      <t>セイカツ</t>
    </rPh>
    <rPh sb="64" eb="66">
      <t>キノウ</t>
    </rPh>
    <rPh sb="67" eb="69">
      <t>イジ</t>
    </rPh>
    <rPh sb="69" eb="70">
      <t>マタ</t>
    </rPh>
    <rPh sb="71" eb="73">
      <t>コウジョウ</t>
    </rPh>
    <rPh sb="74" eb="76">
      <t>メザ</t>
    </rPh>
    <rPh sb="78" eb="80">
      <t>ヒツヨウ</t>
    </rPh>
    <rPh sb="81" eb="83">
      <t>ニチジョウ</t>
    </rPh>
    <rPh sb="83" eb="85">
      <t>セイカツ</t>
    </rPh>
    <rPh sb="85" eb="86">
      <t>ウエ</t>
    </rPh>
    <rPh sb="87" eb="89">
      <t>セワ</t>
    </rPh>
    <rPh sb="89" eb="90">
      <t>オヨ</t>
    </rPh>
    <rPh sb="91" eb="93">
      <t>キノウ</t>
    </rPh>
    <rPh sb="93" eb="95">
      <t>クンレン</t>
    </rPh>
    <rPh sb="96" eb="97">
      <t>オコナ</t>
    </rPh>
    <rPh sb="104" eb="107">
      <t>リヨウシャ</t>
    </rPh>
    <rPh sb="108" eb="110">
      <t>シャカイ</t>
    </rPh>
    <rPh sb="110" eb="111">
      <t>テキ</t>
    </rPh>
    <rPh sb="111" eb="114">
      <t>コリツカン</t>
    </rPh>
    <rPh sb="115" eb="117">
      <t>カイショウ</t>
    </rPh>
    <rPh sb="117" eb="118">
      <t>オヨ</t>
    </rPh>
    <rPh sb="119" eb="121">
      <t>シンシン</t>
    </rPh>
    <rPh sb="122" eb="124">
      <t>キノウ</t>
    </rPh>
    <rPh sb="125" eb="127">
      <t>イジ</t>
    </rPh>
    <rPh sb="127" eb="128">
      <t>ナラ</t>
    </rPh>
    <rPh sb="130" eb="133">
      <t>リヨウシャ</t>
    </rPh>
    <rPh sb="133" eb="135">
      <t>カゾク</t>
    </rPh>
    <rPh sb="136" eb="139">
      <t>シンタイテキ</t>
    </rPh>
    <rPh sb="139" eb="140">
      <t>オヨ</t>
    </rPh>
    <rPh sb="141" eb="144">
      <t>セイシンテキ</t>
    </rPh>
    <rPh sb="144" eb="146">
      <t>フタン</t>
    </rPh>
    <rPh sb="147" eb="149">
      <t>ケイゲン</t>
    </rPh>
    <rPh sb="150" eb="151">
      <t>ハカ</t>
    </rPh>
    <phoneticPr fontId="3"/>
  </si>
  <si>
    <t>利用者が可能な限りその居宅において、自立した日常生活を営むことができるよう、必要な日常生活上の支援及び機能訓練を行うことにより、利用者の心身機能の維持回復を図り、利用者の生活機能の維持又は向上を目指すものとなっていますか。</t>
    <rPh sb="0" eb="3">
      <t>リヨウシャ</t>
    </rPh>
    <rPh sb="4" eb="6">
      <t>カノウ</t>
    </rPh>
    <rPh sb="7" eb="8">
      <t>カギ</t>
    </rPh>
    <rPh sb="11" eb="13">
      <t>キョタク</t>
    </rPh>
    <rPh sb="18" eb="20">
      <t>ジリツ</t>
    </rPh>
    <rPh sb="22" eb="24">
      <t>ニチジョウ</t>
    </rPh>
    <rPh sb="24" eb="26">
      <t>セイカツ</t>
    </rPh>
    <rPh sb="27" eb="28">
      <t>イトナ</t>
    </rPh>
    <rPh sb="64" eb="67">
      <t>リヨウシャ</t>
    </rPh>
    <rPh sb="68" eb="70">
      <t>シンシン</t>
    </rPh>
    <rPh sb="70" eb="72">
      <t>キノウ</t>
    </rPh>
    <rPh sb="73" eb="75">
      <t>イジ</t>
    </rPh>
    <rPh sb="75" eb="77">
      <t>カイフク</t>
    </rPh>
    <rPh sb="78" eb="79">
      <t>ハカ</t>
    </rPh>
    <rPh sb="81" eb="84">
      <t>リヨウシャ</t>
    </rPh>
    <rPh sb="85" eb="87">
      <t>セイカツ</t>
    </rPh>
    <rPh sb="87" eb="89">
      <t>キノウ</t>
    </rPh>
    <rPh sb="90" eb="92">
      <t>イジ</t>
    </rPh>
    <rPh sb="92" eb="93">
      <t>マタ</t>
    </rPh>
    <rPh sb="94" eb="96">
      <t>コウジョウ</t>
    </rPh>
    <rPh sb="97" eb="99">
      <t>メザ</t>
    </rPh>
    <phoneticPr fontId="3"/>
  </si>
  <si>
    <t>利用定員が10人以下の場合は、サービス提供時間帯において専従の看護職員又は介護職員を1名以上配置していますか。</t>
    <rPh sb="0" eb="2">
      <t>リヨウ</t>
    </rPh>
    <rPh sb="2" eb="4">
      <t>テイイン</t>
    </rPh>
    <rPh sb="7" eb="8">
      <t>ニン</t>
    </rPh>
    <rPh sb="8" eb="10">
      <t>イカ</t>
    </rPh>
    <rPh sb="11" eb="13">
      <t>バアイ</t>
    </rPh>
    <rPh sb="19" eb="21">
      <t>テイキョウ</t>
    </rPh>
    <rPh sb="21" eb="24">
      <t>ジカンタイ</t>
    </rPh>
    <rPh sb="28" eb="30">
      <t>センジュウ</t>
    </rPh>
    <rPh sb="31" eb="33">
      <t>カンゴ</t>
    </rPh>
    <rPh sb="33" eb="35">
      <t>ショクイン</t>
    </rPh>
    <rPh sb="35" eb="36">
      <t>マタ</t>
    </rPh>
    <rPh sb="37" eb="39">
      <t>カイゴ</t>
    </rPh>
    <rPh sb="39" eb="41">
      <t>ショクイン</t>
    </rPh>
    <rPh sb="43" eb="44">
      <t>メイ</t>
    </rPh>
    <rPh sb="44" eb="46">
      <t>イジョウ</t>
    </rPh>
    <rPh sb="46" eb="48">
      <t>ハイチ</t>
    </rPh>
    <phoneticPr fontId="2"/>
  </si>
  <si>
    <t>　・同一敷地内の他事業所と兼務している場合は
　　事業所名、職種名、兼務事業所における1週間
　　当たりの勤務時間数</t>
    <rPh sb="2" eb="4">
      <t>ドウイツ</t>
    </rPh>
    <rPh sb="4" eb="6">
      <t>シキチ</t>
    </rPh>
    <rPh sb="6" eb="7">
      <t>ナイ</t>
    </rPh>
    <rPh sb="8" eb="11">
      <t>タジギョウ</t>
    </rPh>
    <rPh sb="11" eb="12">
      <t>ジョ</t>
    </rPh>
    <rPh sb="13" eb="15">
      <t>ケンム</t>
    </rPh>
    <rPh sb="19" eb="21">
      <t>バアイ</t>
    </rPh>
    <rPh sb="25" eb="28">
      <t>ジギョウショ</t>
    </rPh>
    <rPh sb="28" eb="29">
      <t>メイ</t>
    </rPh>
    <rPh sb="30" eb="32">
      <t>ショクシュ</t>
    </rPh>
    <rPh sb="32" eb="33">
      <t>メイ</t>
    </rPh>
    <rPh sb="34" eb="36">
      <t>ケンム</t>
    </rPh>
    <rPh sb="36" eb="39">
      <t>ジギョウショ</t>
    </rPh>
    <rPh sb="44" eb="46">
      <t>シュウカン</t>
    </rPh>
    <rPh sb="49" eb="50">
      <t>ア</t>
    </rPh>
    <rPh sb="53" eb="55">
      <t>キンム</t>
    </rPh>
    <rPh sb="55" eb="57">
      <t>ジカン</t>
    </rPh>
    <rPh sb="57" eb="58">
      <t>スウ</t>
    </rPh>
    <phoneticPr fontId="3"/>
  </si>
  <si>
    <t>食堂、機能訓練室、静養室、相談室及び事務室を有していますか。また、消火設備その他の非常災害に際して必要な設備並びに指定通所介護の提供に必要なその他の設備・備品を備えていますか。</t>
    <rPh sb="0" eb="2">
      <t>ショクドウ</t>
    </rPh>
    <rPh sb="3" eb="5">
      <t>キノウ</t>
    </rPh>
    <rPh sb="5" eb="7">
      <t>クンレン</t>
    </rPh>
    <rPh sb="7" eb="8">
      <t>シツ</t>
    </rPh>
    <rPh sb="9" eb="11">
      <t>セイヨウ</t>
    </rPh>
    <rPh sb="11" eb="12">
      <t>シツ</t>
    </rPh>
    <rPh sb="13" eb="16">
      <t>ソウダンシツ</t>
    </rPh>
    <rPh sb="16" eb="17">
      <t>オヨ</t>
    </rPh>
    <rPh sb="18" eb="21">
      <t>ジムシツ</t>
    </rPh>
    <rPh sb="22" eb="23">
      <t>ユウ</t>
    </rPh>
    <rPh sb="33" eb="35">
      <t>ショウカ</t>
    </rPh>
    <rPh sb="35" eb="37">
      <t>セツビ</t>
    </rPh>
    <rPh sb="39" eb="40">
      <t>タ</t>
    </rPh>
    <rPh sb="41" eb="43">
      <t>ヒジョウ</t>
    </rPh>
    <rPh sb="43" eb="45">
      <t>サイガイ</t>
    </rPh>
    <rPh sb="46" eb="47">
      <t>サイ</t>
    </rPh>
    <rPh sb="49" eb="51">
      <t>ヒツヨウ</t>
    </rPh>
    <rPh sb="52" eb="54">
      <t>セツビ</t>
    </rPh>
    <rPh sb="54" eb="55">
      <t>ナラ</t>
    </rPh>
    <rPh sb="57" eb="59">
      <t>シテイ</t>
    </rPh>
    <rPh sb="59" eb="61">
      <t>ツウショ</t>
    </rPh>
    <rPh sb="61" eb="63">
      <t>カイゴ</t>
    </rPh>
    <rPh sb="64" eb="66">
      <t>テイキョウ</t>
    </rPh>
    <rPh sb="67" eb="69">
      <t>ヒツヨウ</t>
    </rPh>
    <rPh sb="72" eb="73">
      <t>タ</t>
    </rPh>
    <rPh sb="74" eb="76">
      <t>セツビ</t>
    </rPh>
    <rPh sb="77" eb="79">
      <t>ビヒン</t>
    </rPh>
    <rPh sb="80" eb="81">
      <t>ソナ</t>
    </rPh>
    <phoneticPr fontId="3"/>
  </si>
  <si>
    <t>・平面図
・設備、備品台帳
・届出・変更届</t>
    <rPh sb="1" eb="4">
      <t>ヘイメンズ</t>
    </rPh>
    <rPh sb="6" eb="8">
      <t>セツビ</t>
    </rPh>
    <rPh sb="9" eb="11">
      <t>ビヒン</t>
    </rPh>
    <rPh sb="11" eb="13">
      <t>ダイチョウ</t>
    </rPh>
    <rPh sb="15" eb="16">
      <t>トドケ</t>
    </rPh>
    <rPh sb="16" eb="17">
      <t>デ</t>
    </rPh>
    <rPh sb="18" eb="20">
      <t>ヘンコウ</t>
    </rPh>
    <rPh sb="20" eb="21">
      <t>トドケ</t>
    </rPh>
    <phoneticPr fontId="3"/>
  </si>
  <si>
    <t>サービス提供が困難な場合、当該利用申込者に係る居宅介護支援事業者への連絡、適当な他の事業者の紹介その他の必要な措置を速やかに行っていますか。</t>
    <rPh sb="4" eb="6">
      <t>テイキョウ</t>
    </rPh>
    <rPh sb="7" eb="9">
      <t>コンナン</t>
    </rPh>
    <rPh sb="10" eb="12">
      <t>バアイ</t>
    </rPh>
    <rPh sb="13" eb="15">
      <t>トウガイ</t>
    </rPh>
    <rPh sb="15" eb="17">
      <t>リヨウ</t>
    </rPh>
    <rPh sb="17" eb="19">
      <t>モウシコミ</t>
    </rPh>
    <rPh sb="19" eb="20">
      <t>シャ</t>
    </rPh>
    <rPh sb="21" eb="22">
      <t>カカ</t>
    </rPh>
    <rPh sb="23" eb="25">
      <t>キョタク</t>
    </rPh>
    <rPh sb="25" eb="27">
      <t>カイゴ</t>
    </rPh>
    <rPh sb="27" eb="29">
      <t>シエン</t>
    </rPh>
    <rPh sb="29" eb="31">
      <t>ジギョウ</t>
    </rPh>
    <rPh sb="31" eb="32">
      <t>シャ</t>
    </rPh>
    <rPh sb="34" eb="36">
      <t>レンラク</t>
    </rPh>
    <rPh sb="37" eb="39">
      <t>テキトウ</t>
    </rPh>
    <rPh sb="40" eb="41">
      <t>タ</t>
    </rPh>
    <rPh sb="42" eb="45">
      <t>ジギョウシャ</t>
    </rPh>
    <rPh sb="46" eb="48">
      <t>ショウカイ</t>
    </rPh>
    <rPh sb="50" eb="51">
      <t>タ</t>
    </rPh>
    <rPh sb="52" eb="54">
      <t>ヒツヨウ</t>
    </rPh>
    <rPh sb="55" eb="57">
      <t>ソチ</t>
    </rPh>
    <rPh sb="58" eb="59">
      <t>スミ</t>
    </rPh>
    <rPh sb="62" eb="63">
      <t>オコナ</t>
    </rPh>
    <phoneticPr fontId="3"/>
  </si>
  <si>
    <t>被保険者証に認定審査会意見が記載されているときは、サービス提供に際し、その意見を考慮していますか。</t>
    <rPh sb="0" eb="4">
      <t>ヒホケンシャ</t>
    </rPh>
    <rPh sb="4" eb="5">
      <t>ショウ</t>
    </rPh>
    <rPh sb="6" eb="8">
      <t>ニンテイ</t>
    </rPh>
    <rPh sb="8" eb="11">
      <t>シンサカイ</t>
    </rPh>
    <rPh sb="11" eb="13">
      <t>イケン</t>
    </rPh>
    <rPh sb="14" eb="16">
      <t>キサイ</t>
    </rPh>
    <rPh sb="29" eb="31">
      <t>テイキョウ</t>
    </rPh>
    <rPh sb="32" eb="33">
      <t>サイ</t>
    </rPh>
    <rPh sb="37" eb="39">
      <t>イケン</t>
    </rPh>
    <rPh sb="40" eb="42">
      <t>コウリョ</t>
    </rPh>
    <phoneticPr fontId="3"/>
  </si>
  <si>
    <t>サービス提供に当たっては、居宅介護支援事業者その他保健医療サービス又は福祉サービスを提供する者との密接な連携に努めていますか。</t>
    <rPh sb="4" eb="6">
      <t>テイキョウ</t>
    </rPh>
    <rPh sb="7" eb="8">
      <t>ア</t>
    </rPh>
    <rPh sb="13" eb="15">
      <t>キョタク</t>
    </rPh>
    <rPh sb="15" eb="17">
      <t>カイゴ</t>
    </rPh>
    <rPh sb="17" eb="19">
      <t>シエン</t>
    </rPh>
    <rPh sb="19" eb="22">
      <t>ジギョウシャ</t>
    </rPh>
    <rPh sb="24" eb="25">
      <t>タ</t>
    </rPh>
    <rPh sb="25" eb="27">
      <t>ホケン</t>
    </rPh>
    <rPh sb="27" eb="29">
      <t>イリョウ</t>
    </rPh>
    <rPh sb="33" eb="34">
      <t>マタ</t>
    </rPh>
    <rPh sb="35" eb="37">
      <t>フクシ</t>
    </rPh>
    <rPh sb="42" eb="44">
      <t>テイキョウ</t>
    </rPh>
    <rPh sb="46" eb="47">
      <t>モノ</t>
    </rPh>
    <rPh sb="49" eb="51">
      <t>ミッセツ</t>
    </rPh>
    <rPh sb="52" eb="54">
      <t>レンケイ</t>
    </rPh>
    <rPh sb="55" eb="56">
      <t>ツト</t>
    </rPh>
    <phoneticPr fontId="3"/>
  </si>
  <si>
    <t>サービス提供の終了に際しては、利用者又はその家族に対して適切な指導を行うとともに、居宅介護支援事業者に対する情報の提供及び保健医療サービス又は福祉サービスを提供する者との密接な連携に努めていますか。</t>
    <rPh sb="4" eb="6">
      <t>テイキョウ</t>
    </rPh>
    <rPh sb="7" eb="9">
      <t>シュウリョウ</t>
    </rPh>
    <rPh sb="10" eb="11">
      <t>サイ</t>
    </rPh>
    <rPh sb="15" eb="18">
      <t>リヨウシャ</t>
    </rPh>
    <rPh sb="18" eb="19">
      <t>マタ</t>
    </rPh>
    <rPh sb="22" eb="24">
      <t>カゾク</t>
    </rPh>
    <rPh sb="25" eb="26">
      <t>タイ</t>
    </rPh>
    <rPh sb="28" eb="30">
      <t>テキセツ</t>
    </rPh>
    <rPh sb="31" eb="33">
      <t>シドウ</t>
    </rPh>
    <rPh sb="34" eb="35">
      <t>オコナ</t>
    </rPh>
    <rPh sb="41" eb="43">
      <t>キョタク</t>
    </rPh>
    <rPh sb="43" eb="45">
      <t>カイゴ</t>
    </rPh>
    <rPh sb="45" eb="47">
      <t>シエン</t>
    </rPh>
    <rPh sb="47" eb="50">
      <t>ジギョウシャ</t>
    </rPh>
    <rPh sb="51" eb="52">
      <t>タイ</t>
    </rPh>
    <rPh sb="54" eb="56">
      <t>ジョウホウ</t>
    </rPh>
    <rPh sb="57" eb="59">
      <t>テイキョウ</t>
    </rPh>
    <rPh sb="59" eb="60">
      <t>オヨ</t>
    </rPh>
    <rPh sb="61" eb="63">
      <t>ホケン</t>
    </rPh>
    <rPh sb="63" eb="65">
      <t>イリョウ</t>
    </rPh>
    <rPh sb="69" eb="70">
      <t>マタ</t>
    </rPh>
    <rPh sb="71" eb="73">
      <t>フクシ</t>
    </rPh>
    <rPh sb="78" eb="80">
      <t>テイキョウ</t>
    </rPh>
    <rPh sb="82" eb="83">
      <t>モノ</t>
    </rPh>
    <rPh sb="85" eb="87">
      <t>ミッセツ</t>
    </rPh>
    <rPh sb="88" eb="90">
      <t>レンケイ</t>
    </rPh>
    <rPh sb="91" eb="92">
      <t>ツト</t>
    </rPh>
    <phoneticPr fontId="3"/>
  </si>
  <si>
    <t>・利用者に関する記録
・指導、連絡等の記録</t>
    <rPh sb="1" eb="3">
      <t>リヨウ</t>
    </rPh>
    <rPh sb="3" eb="4">
      <t>シャ</t>
    </rPh>
    <rPh sb="5" eb="6">
      <t>カン</t>
    </rPh>
    <rPh sb="8" eb="10">
      <t>キロク</t>
    </rPh>
    <rPh sb="12" eb="14">
      <t>シドウ</t>
    </rPh>
    <rPh sb="15" eb="17">
      <t>レンラク</t>
    </rPh>
    <rPh sb="17" eb="18">
      <t>トウ</t>
    </rPh>
    <rPh sb="19" eb="21">
      <t>キロク</t>
    </rPh>
    <phoneticPr fontId="3"/>
  </si>
  <si>
    <t>法定代理受領サービスの場合、利用者から利用者負担分の支払を受けていますか。</t>
    <rPh sb="0" eb="2">
      <t>ホウテイ</t>
    </rPh>
    <rPh sb="2" eb="4">
      <t>ダイリ</t>
    </rPh>
    <rPh sb="4" eb="6">
      <t>ジュリョウ</t>
    </rPh>
    <rPh sb="11" eb="13">
      <t>バアイ</t>
    </rPh>
    <rPh sb="14" eb="17">
      <t>リヨウシャ</t>
    </rPh>
    <rPh sb="19" eb="22">
      <t>リヨウシャ</t>
    </rPh>
    <rPh sb="22" eb="25">
      <t>フタンブン</t>
    </rPh>
    <rPh sb="26" eb="28">
      <t>シハライ</t>
    </rPh>
    <rPh sb="29" eb="30">
      <t>ウ</t>
    </rPh>
    <phoneticPr fontId="3"/>
  </si>
  <si>
    <t>・サービス提供票、別表
・領収書控</t>
    <rPh sb="5" eb="7">
      <t>テイキョウ</t>
    </rPh>
    <rPh sb="7" eb="8">
      <t>ヒョウ</t>
    </rPh>
    <rPh sb="9" eb="11">
      <t>ベッピョウ</t>
    </rPh>
    <rPh sb="13" eb="16">
      <t>リョウシュウショ</t>
    </rPh>
    <rPh sb="16" eb="17">
      <t>ヒカ</t>
    </rPh>
    <phoneticPr fontId="3"/>
  </si>
  <si>
    <t>サービスの提供に要した費用の支払いを受けた際、領収証を交付していますか。</t>
  </si>
  <si>
    <t>サービス提供開始時から少なくとも1月に1回は利用者の状態、当該利用者に対するサービスの提供状況について指定介護予防支援事業者に報告していますか。</t>
    <rPh sb="4" eb="6">
      <t>テイキョウ</t>
    </rPh>
    <rPh sb="6" eb="8">
      <t>カイシ</t>
    </rPh>
    <rPh sb="8" eb="9">
      <t>ジ</t>
    </rPh>
    <rPh sb="11" eb="12">
      <t>スク</t>
    </rPh>
    <rPh sb="17" eb="18">
      <t>ツキ</t>
    </rPh>
    <rPh sb="20" eb="21">
      <t>カイ</t>
    </rPh>
    <rPh sb="22" eb="25">
      <t>リヨウシャ</t>
    </rPh>
    <rPh sb="26" eb="28">
      <t>ジョウタイ</t>
    </rPh>
    <rPh sb="29" eb="31">
      <t>トウガイ</t>
    </rPh>
    <rPh sb="31" eb="34">
      <t>リヨウシャ</t>
    </rPh>
    <rPh sb="35" eb="36">
      <t>タイ</t>
    </rPh>
    <rPh sb="43" eb="45">
      <t>テイキョウ</t>
    </rPh>
    <rPh sb="45" eb="47">
      <t>ジョウキョウ</t>
    </rPh>
    <rPh sb="51" eb="53">
      <t>シテイ</t>
    </rPh>
    <rPh sb="53" eb="55">
      <t>カイゴ</t>
    </rPh>
    <rPh sb="55" eb="57">
      <t>ヨボウ</t>
    </rPh>
    <rPh sb="57" eb="59">
      <t>シエン</t>
    </rPh>
    <rPh sb="59" eb="62">
      <t>ジギョウシャ</t>
    </rPh>
    <rPh sb="63" eb="65">
      <t>ホウコク</t>
    </rPh>
    <phoneticPr fontId="3"/>
  </si>
  <si>
    <t>サービス提供を行う期間が終了するまでに、少なくとも1回は計画の実施状況の把握(モニタリング)を行い、記録するとともに、指定介護予防支援事業者に報告していますか。</t>
    <rPh sb="4" eb="6">
      <t>テイキョウ</t>
    </rPh>
    <rPh sb="7" eb="8">
      <t>オコナ</t>
    </rPh>
    <rPh sb="9" eb="11">
      <t>キカン</t>
    </rPh>
    <rPh sb="12" eb="14">
      <t>シュウリョウ</t>
    </rPh>
    <rPh sb="20" eb="21">
      <t>スク</t>
    </rPh>
    <rPh sb="26" eb="27">
      <t>カイ</t>
    </rPh>
    <rPh sb="28" eb="30">
      <t>ケイカク</t>
    </rPh>
    <rPh sb="31" eb="33">
      <t>ジッシ</t>
    </rPh>
    <rPh sb="33" eb="35">
      <t>ジョウキョウ</t>
    </rPh>
    <rPh sb="36" eb="38">
      <t>ハアク</t>
    </rPh>
    <rPh sb="47" eb="48">
      <t>オコナ</t>
    </rPh>
    <rPh sb="50" eb="52">
      <t>キロク</t>
    </rPh>
    <rPh sb="59" eb="61">
      <t>シテイ</t>
    </rPh>
    <rPh sb="61" eb="63">
      <t>カイゴ</t>
    </rPh>
    <rPh sb="63" eb="65">
      <t>ヨボウ</t>
    </rPh>
    <rPh sb="65" eb="67">
      <t>シエン</t>
    </rPh>
    <rPh sb="67" eb="70">
      <t>ジギョウシャ</t>
    </rPh>
    <rPh sb="71" eb="73">
      <t>ホウコク</t>
    </rPh>
    <phoneticPr fontId="3"/>
  </si>
  <si>
    <t>アセスメントにおいて把握された課題、指定介護予防通所介護の提供による当該課題に係る改善状況等を踏まえつつ、効率的かつ柔軟なサービス提供に努めていますか。</t>
    <rPh sb="10" eb="12">
      <t>ハアク</t>
    </rPh>
    <rPh sb="15" eb="17">
      <t>カダイ</t>
    </rPh>
    <rPh sb="18" eb="20">
      <t>シテイ</t>
    </rPh>
    <rPh sb="20" eb="22">
      <t>カイゴ</t>
    </rPh>
    <rPh sb="22" eb="24">
      <t>ヨボウ</t>
    </rPh>
    <rPh sb="24" eb="26">
      <t>ツウショ</t>
    </rPh>
    <rPh sb="26" eb="28">
      <t>カイゴ</t>
    </rPh>
    <rPh sb="29" eb="31">
      <t>テイキョウ</t>
    </rPh>
    <rPh sb="34" eb="36">
      <t>トウガイ</t>
    </rPh>
    <rPh sb="36" eb="38">
      <t>カダイ</t>
    </rPh>
    <rPh sb="39" eb="40">
      <t>カカ</t>
    </rPh>
    <rPh sb="41" eb="43">
      <t>カイゼン</t>
    </rPh>
    <rPh sb="43" eb="45">
      <t>ジョウキョウ</t>
    </rPh>
    <rPh sb="45" eb="46">
      <t>トウ</t>
    </rPh>
    <rPh sb="47" eb="48">
      <t>フ</t>
    </rPh>
    <rPh sb="53" eb="56">
      <t>コウリツテキ</t>
    </rPh>
    <rPh sb="58" eb="60">
      <t>ジュウナン</t>
    </rPh>
    <rPh sb="65" eb="67">
      <t>テイキョウ</t>
    </rPh>
    <rPh sb="68" eb="69">
      <t>ツト</t>
    </rPh>
    <phoneticPr fontId="3"/>
  </si>
  <si>
    <t>運動器機能向上サービス、栄養改善サービス又は口腔機能向上サービスの提供に当たっては、国内外の文献等において有効性が確認されている等適切なものとしていますか。</t>
    <rPh sb="0" eb="2">
      <t>ウンドウ</t>
    </rPh>
    <rPh sb="2" eb="3">
      <t>キ</t>
    </rPh>
    <rPh sb="3" eb="5">
      <t>キノウ</t>
    </rPh>
    <rPh sb="5" eb="7">
      <t>コウジョウ</t>
    </rPh>
    <rPh sb="12" eb="14">
      <t>エイヨウ</t>
    </rPh>
    <rPh sb="14" eb="16">
      <t>カイゼン</t>
    </rPh>
    <rPh sb="20" eb="21">
      <t>マタ</t>
    </rPh>
    <rPh sb="22" eb="24">
      <t>コウクウ</t>
    </rPh>
    <rPh sb="24" eb="26">
      <t>キノウ</t>
    </rPh>
    <rPh sb="26" eb="28">
      <t>コウジョウ</t>
    </rPh>
    <rPh sb="33" eb="35">
      <t>テイキョウ</t>
    </rPh>
    <rPh sb="36" eb="37">
      <t>ア</t>
    </rPh>
    <rPh sb="42" eb="45">
      <t>コクナイガイ</t>
    </rPh>
    <rPh sb="46" eb="48">
      <t>ブンケン</t>
    </rPh>
    <rPh sb="48" eb="49">
      <t>トウ</t>
    </rPh>
    <rPh sb="53" eb="56">
      <t>ユウコウセイ</t>
    </rPh>
    <rPh sb="57" eb="59">
      <t>カクニン</t>
    </rPh>
    <rPh sb="64" eb="65">
      <t>トウ</t>
    </rPh>
    <rPh sb="65" eb="67">
      <t>テキセツ</t>
    </rPh>
    <phoneticPr fontId="3"/>
  </si>
  <si>
    <t>利用者が虚弱な高齢者であることに十分に配慮し、利用者に危険が伴うような強い負荷を伴うサービス提供は行わないとともに、安全管理体制等の確保を図ること等を通じて、利用者の安全面に最大限配慮していますか。</t>
    <rPh sb="0" eb="3">
      <t>リヨウシャ</t>
    </rPh>
    <rPh sb="4" eb="6">
      <t>キョジャク</t>
    </rPh>
    <rPh sb="7" eb="10">
      <t>コウレイシャ</t>
    </rPh>
    <rPh sb="16" eb="18">
      <t>ジュウブン</t>
    </rPh>
    <rPh sb="19" eb="21">
      <t>ハイリョ</t>
    </rPh>
    <rPh sb="23" eb="26">
      <t>リヨウシャ</t>
    </rPh>
    <rPh sb="27" eb="29">
      <t>キケン</t>
    </rPh>
    <rPh sb="30" eb="31">
      <t>トモナ</t>
    </rPh>
    <rPh sb="35" eb="36">
      <t>ツヨ</t>
    </rPh>
    <rPh sb="37" eb="39">
      <t>フカ</t>
    </rPh>
    <rPh sb="40" eb="41">
      <t>トモナ</t>
    </rPh>
    <rPh sb="46" eb="48">
      <t>テイキョウ</t>
    </rPh>
    <rPh sb="49" eb="50">
      <t>オコナ</t>
    </rPh>
    <rPh sb="58" eb="60">
      <t>アンゼン</t>
    </rPh>
    <rPh sb="60" eb="62">
      <t>カンリ</t>
    </rPh>
    <rPh sb="62" eb="64">
      <t>タイセイ</t>
    </rPh>
    <rPh sb="64" eb="65">
      <t>トウ</t>
    </rPh>
    <rPh sb="66" eb="68">
      <t>カクホ</t>
    </rPh>
    <rPh sb="69" eb="70">
      <t>ハカ</t>
    </rPh>
    <rPh sb="73" eb="74">
      <t>トウ</t>
    </rPh>
    <rPh sb="75" eb="76">
      <t>ツウ</t>
    </rPh>
    <rPh sb="79" eb="82">
      <t>リヨウシャ</t>
    </rPh>
    <rPh sb="83" eb="85">
      <t>アンゼン</t>
    </rPh>
    <rPh sb="85" eb="86">
      <t>メン</t>
    </rPh>
    <rPh sb="87" eb="90">
      <t>サイダイゲン</t>
    </rPh>
    <rPh sb="90" eb="92">
      <t>ハイリョ</t>
    </rPh>
    <phoneticPr fontId="3"/>
  </si>
  <si>
    <t>サービス提供中、利用者に病状の急変が生じた場合その他必要な場合は、速やかに主治の医師への連絡を行う等の必要な措置をとっていますか。</t>
    <rPh sb="4" eb="6">
      <t>テイキョウ</t>
    </rPh>
    <rPh sb="6" eb="7">
      <t>チュウ</t>
    </rPh>
    <rPh sb="8" eb="11">
      <t>リヨウシャ</t>
    </rPh>
    <rPh sb="12" eb="14">
      <t>ビョウジョウ</t>
    </rPh>
    <rPh sb="15" eb="17">
      <t>キュウヘン</t>
    </rPh>
    <rPh sb="18" eb="19">
      <t>ショウ</t>
    </rPh>
    <rPh sb="21" eb="23">
      <t>バアイ</t>
    </rPh>
    <rPh sb="25" eb="26">
      <t>タ</t>
    </rPh>
    <rPh sb="26" eb="28">
      <t>ヒツヨウ</t>
    </rPh>
    <rPh sb="29" eb="31">
      <t>バアイ</t>
    </rPh>
    <rPh sb="33" eb="34">
      <t>スミ</t>
    </rPh>
    <rPh sb="37" eb="39">
      <t>シュジ</t>
    </rPh>
    <rPh sb="40" eb="42">
      <t>イシ</t>
    </rPh>
    <rPh sb="44" eb="46">
      <t>レンラク</t>
    </rPh>
    <rPh sb="47" eb="48">
      <t>オコナ</t>
    </rPh>
    <rPh sb="49" eb="50">
      <t>ナド</t>
    </rPh>
    <rPh sb="51" eb="53">
      <t>ヒツヨウ</t>
    </rPh>
    <rPh sb="54" eb="56">
      <t>ソチ</t>
    </rPh>
    <phoneticPr fontId="3"/>
  </si>
  <si>
    <t>・組織図、組織規程
・業務分担表
・業務報告書
・業務日誌等</t>
    <rPh sb="1" eb="4">
      <t>ソシキズ</t>
    </rPh>
    <rPh sb="5" eb="7">
      <t>ソシキ</t>
    </rPh>
    <rPh sb="7" eb="9">
      <t>キテイ</t>
    </rPh>
    <rPh sb="11" eb="13">
      <t>ギョウム</t>
    </rPh>
    <rPh sb="13" eb="15">
      <t>ブンタン</t>
    </rPh>
    <rPh sb="15" eb="16">
      <t>ヒョウ</t>
    </rPh>
    <rPh sb="18" eb="20">
      <t>ギョウム</t>
    </rPh>
    <rPh sb="20" eb="23">
      <t>ホウコクショ</t>
    </rPh>
    <rPh sb="25" eb="27">
      <t>ギョウム</t>
    </rPh>
    <rPh sb="27" eb="30">
      <t>ニッシトウ</t>
    </rPh>
    <phoneticPr fontId="3"/>
  </si>
  <si>
    <t>利用者に対し、適切なサービスを提供できるよう事業所ごとに勤務の体制（日々の勤務時間、職務内容、常勤・非常勤の別等）を定めていますか。</t>
  </si>
  <si>
    <t>当該事業所の従業者によってサービスを提供していますか。
※調理、洗濯等の利用者の処遇に直接影響を及ぼさない業務については委託可。</t>
    <rPh sb="0" eb="2">
      <t>トウガイ</t>
    </rPh>
    <rPh sb="2" eb="5">
      <t>ジギョウショ</t>
    </rPh>
    <rPh sb="6" eb="9">
      <t>ジュウギョウシャ</t>
    </rPh>
    <rPh sb="18" eb="20">
      <t>テイキョウ</t>
    </rPh>
    <phoneticPr fontId="3"/>
  </si>
  <si>
    <t>利用者の使用する施設、食器その他の設備・飲料水について、衛生的な管理に努め、又は衛生上必要な措置を講じていますか。</t>
    <rPh sb="0" eb="3">
      <t>リヨウシャ</t>
    </rPh>
    <rPh sb="4" eb="6">
      <t>シヨウ</t>
    </rPh>
    <rPh sb="8" eb="10">
      <t>シセツ</t>
    </rPh>
    <rPh sb="11" eb="13">
      <t>ショッキ</t>
    </rPh>
    <rPh sb="15" eb="16">
      <t>タ</t>
    </rPh>
    <rPh sb="17" eb="19">
      <t>セツビ</t>
    </rPh>
    <rPh sb="20" eb="23">
      <t>インリョウスイ</t>
    </rPh>
    <rPh sb="28" eb="31">
      <t>エイセイテキ</t>
    </rPh>
    <rPh sb="32" eb="34">
      <t>カンリ</t>
    </rPh>
    <rPh sb="35" eb="36">
      <t>ツト</t>
    </rPh>
    <rPh sb="38" eb="39">
      <t>マタ</t>
    </rPh>
    <rPh sb="40" eb="43">
      <t>エイセイジョウ</t>
    </rPh>
    <rPh sb="43" eb="45">
      <t>ヒツヨウ</t>
    </rPh>
    <rPh sb="46" eb="48">
      <t>ソチ</t>
    </rPh>
    <rPh sb="49" eb="50">
      <t>コウ</t>
    </rPh>
    <phoneticPr fontId="3"/>
  </si>
  <si>
    <t>・水質検査等の記録
・受水槽、浴槽の清掃記録
・衛生管理マニュアル等</t>
    <rPh sb="1" eb="3">
      <t>スイシツ</t>
    </rPh>
    <rPh sb="3" eb="5">
      <t>ケンサ</t>
    </rPh>
    <rPh sb="5" eb="6">
      <t>トウ</t>
    </rPh>
    <rPh sb="7" eb="9">
      <t>キロク</t>
    </rPh>
    <rPh sb="11" eb="12">
      <t>ウ</t>
    </rPh>
    <rPh sb="12" eb="13">
      <t>スイ</t>
    </rPh>
    <rPh sb="13" eb="14">
      <t>ソウ</t>
    </rPh>
    <rPh sb="15" eb="17">
      <t>ヨクソウ</t>
    </rPh>
    <rPh sb="18" eb="20">
      <t>セイソウ</t>
    </rPh>
    <rPh sb="20" eb="22">
      <t>キロク</t>
    </rPh>
    <rPh sb="24" eb="26">
      <t>エイセイ</t>
    </rPh>
    <rPh sb="26" eb="28">
      <t>カンリ</t>
    </rPh>
    <rPh sb="33" eb="34">
      <t>トウ</t>
    </rPh>
    <phoneticPr fontId="3"/>
  </si>
  <si>
    <t>事業所の利用者から見やすい場所に、運営規程の概要、従業者の勤務体制その他の利用申込者のサービスの選択に資すると認められる重要事項を掲示していますか。</t>
    <rPh sb="0" eb="2">
      <t>ジギョウ</t>
    </rPh>
    <rPh sb="2" eb="3">
      <t>ショ</t>
    </rPh>
    <rPh sb="4" eb="7">
      <t>リヨウシャ</t>
    </rPh>
    <rPh sb="9" eb="10">
      <t>ミ</t>
    </rPh>
    <rPh sb="13" eb="15">
      <t>バショ</t>
    </rPh>
    <rPh sb="17" eb="19">
      <t>ウンエイ</t>
    </rPh>
    <rPh sb="19" eb="21">
      <t>キテイ</t>
    </rPh>
    <rPh sb="22" eb="24">
      <t>ガイヨウ</t>
    </rPh>
    <rPh sb="25" eb="28">
      <t>ジュウギョウシャ</t>
    </rPh>
    <rPh sb="29" eb="31">
      <t>キンム</t>
    </rPh>
    <rPh sb="31" eb="33">
      <t>タイセイ</t>
    </rPh>
    <rPh sb="35" eb="36">
      <t>タ</t>
    </rPh>
    <rPh sb="37" eb="39">
      <t>リヨウ</t>
    </rPh>
    <rPh sb="39" eb="41">
      <t>モウシコミ</t>
    </rPh>
    <rPh sb="41" eb="42">
      <t>シャ</t>
    </rPh>
    <rPh sb="48" eb="50">
      <t>センタク</t>
    </rPh>
    <rPh sb="51" eb="52">
      <t>シ</t>
    </rPh>
    <rPh sb="55" eb="56">
      <t>ミト</t>
    </rPh>
    <rPh sb="60" eb="62">
      <t>ジュウヨウ</t>
    </rPh>
    <rPh sb="62" eb="64">
      <t>ジコウ</t>
    </rPh>
    <rPh sb="65" eb="67">
      <t>ケイジ</t>
    </rPh>
    <phoneticPr fontId="3"/>
  </si>
  <si>
    <t>居宅介護支援事業者又はその従業者に対して、利用者に特定の事業者によるサービスを利用させることの対償として、金品その他の財産上の利益を供与していませんか。</t>
    <rPh sb="0" eb="2">
      <t>キョタク</t>
    </rPh>
    <rPh sb="2" eb="4">
      <t>カイゴ</t>
    </rPh>
    <rPh sb="4" eb="6">
      <t>シエン</t>
    </rPh>
    <rPh sb="6" eb="9">
      <t>ジギョウシャ</t>
    </rPh>
    <rPh sb="9" eb="10">
      <t>マタ</t>
    </rPh>
    <rPh sb="13" eb="16">
      <t>ジュウギョウシャ</t>
    </rPh>
    <rPh sb="17" eb="18">
      <t>タイ</t>
    </rPh>
    <rPh sb="21" eb="24">
      <t>リヨウシャ</t>
    </rPh>
    <rPh sb="25" eb="27">
      <t>トクテイ</t>
    </rPh>
    <rPh sb="28" eb="31">
      <t>ジギョウシャ</t>
    </rPh>
    <rPh sb="39" eb="41">
      <t>リヨウ</t>
    </rPh>
    <rPh sb="47" eb="48">
      <t>タイ</t>
    </rPh>
    <rPh sb="48" eb="49">
      <t>ショウ</t>
    </rPh>
    <rPh sb="53" eb="55">
      <t>キンピン</t>
    </rPh>
    <rPh sb="57" eb="58">
      <t>タ</t>
    </rPh>
    <rPh sb="59" eb="61">
      <t>ザイサン</t>
    </rPh>
    <rPh sb="61" eb="62">
      <t>ジョウ</t>
    </rPh>
    <rPh sb="63" eb="65">
      <t>リエキ</t>
    </rPh>
    <rPh sb="66" eb="68">
      <t>キョウヨ</t>
    </rPh>
    <phoneticPr fontId="3"/>
  </si>
  <si>
    <t>従業者、設備、備品及び会計に関する諸記録を整備していますか。</t>
    <rPh sb="0" eb="3">
      <t>ジュウギョウシャ</t>
    </rPh>
    <rPh sb="4" eb="6">
      <t>セツビ</t>
    </rPh>
    <rPh sb="7" eb="9">
      <t>ビヒン</t>
    </rPh>
    <rPh sb="9" eb="10">
      <t>オヨ</t>
    </rPh>
    <rPh sb="11" eb="13">
      <t>カイケイ</t>
    </rPh>
    <rPh sb="14" eb="15">
      <t>カン</t>
    </rPh>
    <rPh sb="17" eb="18">
      <t>ショ</t>
    </rPh>
    <rPh sb="18" eb="20">
      <t>キロク</t>
    </rPh>
    <rPh sb="21" eb="23">
      <t>セイビ</t>
    </rPh>
    <phoneticPr fontId="3"/>
  </si>
  <si>
    <t>・研修計画
・研修修了書
・情報の公表サービス</t>
    <rPh sb="1" eb="3">
      <t>ケンシュウ</t>
    </rPh>
    <rPh sb="3" eb="5">
      <t>ケイカク</t>
    </rPh>
    <rPh sb="7" eb="12">
      <t>ケンシュウシュウリョウショ</t>
    </rPh>
    <rPh sb="14" eb="16">
      <t>ジョウホウ</t>
    </rPh>
    <rPh sb="17" eb="19">
      <t>コウヒョウ</t>
    </rPh>
    <phoneticPr fontId="2"/>
  </si>
  <si>
    <t>・運営推進会議録</t>
    <rPh sb="1" eb="3">
      <t>ウンエイ</t>
    </rPh>
    <rPh sb="3" eb="5">
      <t>スイシン</t>
    </rPh>
    <rPh sb="5" eb="8">
      <t>カイギロク</t>
    </rPh>
    <phoneticPr fontId="15"/>
  </si>
  <si>
    <t>① 事業者の方針等の明確化及びその周知・啓発職場におけるハラスメントの内容及び職場におけるハラスメント
を行ってはならない旨の方針を明確化し、従業者に周知・啓発すること。</t>
    <phoneticPr fontId="2"/>
  </si>
  <si>
    <t>② 相談（苦情を含む。以下同じ。）に対応する担当者をあらかじめ定めること等により、相談への対応のための窓口をあらかじめ定め、労働者に周知すること。</t>
    <phoneticPr fontId="2"/>
  </si>
  <si>
    <t>※重要事項を記載したファイル等を介護サービスの利用申込者、利用者又はその家族等が自由に閲覧可能な形で事業所に備え付けることで、同項の規定による掲示に代えることができる。</t>
    <rPh sb="1" eb="3">
      <t>ジュウヨウ</t>
    </rPh>
    <rPh sb="3" eb="5">
      <t>ジコウ</t>
    </rPh>
    <rPh sb="6" eb="8">
      <t>キサイ</t>
    </rPh>
    <rPh sb="14" eb="15">
      <t>トウ</t>
    </rPh>
    <rPh sb="16" eb="18">
      <t>カイゴ</t>
    </rPh>
    <rPh sb="23" eb="25">
      <t>リヨウ</t>
    </rPh>
    <rPh sb="25" eb="28">
      <t>モウシコミシャ</t>
    </rPh>
    <rPh sb="29" eb="32">
      <t>リヨウシャ</t>
    </rPh>
    <rPh sb="32" eb="33">
      <t>マタ</t>
    </rPh>
    <rPh sb="36" eb="38">
      <t>カゾク</t>
    </rPh>
    <rPh sb="38" eb="39">
      <t>トウ</t>
    </rPh>
    <rPh sb="45" eb="47">
      <t>カノウ</t>
    </rPh>
    <rPh sb="48" eb="49">
      <t>カタチ</t>
    </rPh>
    <rPh sb="50" eb="53">
      <t>ジギョウショ</t>
    </rPh>
    <rPh sb="54" eb="55">
      <t>ソナ</t>
    </rPh>
    <rPh sb="56" eb="57">
      <t>ツ</t>
    </rPh>
    <phoneticPr fontId="2"/>
  </si>
  <si>
    <t xml:space="preserve">
虐待の防止</t>
    <phoneticPr fontId="2"/>
  </si>
  <si>
    <t>※虐待防止検討委員会にて検討すべき事項
　□虐待防止検討委員会その他事業所内の組織に関すること
　□虐待の防止のための指針の整備に関すること
　□虐待の防止のための職員研修の内容に関すること
　□従業者が虐待等を把握した場合に、市町村への通報が迅速かつ適切に行われるための方法に関すること
　□虐待等について、従業者が相談・報告できる体制整備に関すること
　□虐待が発生した場合、その発生原因等の分析から得られる再発の確実な防止策に関すること
　□再発の防止策を講じた際に、その効果についての評価に関すること</t>
    <rPh sb="34" eb="37">
      <t>ジギョウショ</t>
    </rPh>
    <rPh sb="98" eb="101">
      <t>ジュウギョウシャ</t>
    </rPh>
    <rPh sb="102" eb="104">
      <t>ギャクタイ</t>
    </rPh>
    <rPh sb="104" eb="105">
      <t>トウ</t>
    </rPh>
    <rPh sb="106" eb="108">
      <t>ハアク</t>
    </rPh>
    <rPh sb="110" eb="112">
      <t>バアイ</t>
    </rPh>
    <rPh sb="114" eb="117">
      <t>シチョウソン</t>
    </rPh>
    <rPh sb="119" eb="121">
      <t>ツウホウ</t>
    </rPh>
    <rPh sb="122" eb="124">
      <t>ジンソク</t>
    </rPh>
    <rPh sb="126" eb="128">
      <t>テキセツ</t>
    </rPh>
    <rPh sb="129" eb="130">
      <t>オコナ</t>
    </rPh>
    <rPh sb="136" eb="138">
      <t>ホウホウ</t>
    </rPh>
    <rPh sb="139" eb="140">
      <t>カン</t>
    </rPh>
    <phoneticPr fontId="2"/>
  </si>
  <si>
    <t>②虐待の防止のための指針を整備している。</t>
    <phoneticPr fontId="2"/>
  </si>
  <si>
    <t>※指針に盛り込むべき内容
　□虐待の防止に関する基本的考え方
　□虐待防止検討委員会その他事業所内の組織に関する基本方針
　□虐待の防止のための職員研修に関する基本方針
　□虐待等が発生した場合の対応方法に関する基本方針
　□虐待等が発生した場合の相談・報告体制に関する事項
　□成年後見制度の利用支援に関する事項
　□虐待等に係る苦情解決方法に関する事項
　□利用者等に対する当該指針の閲覧に関する事項
　□その他虐待の防止の推進のために必要な事項
　</t>
    <rPh sb="45" eb="48">
      <t>ジギョウショ</t>
    </rPh>
    <rPh sb="181" eb="184">
      <t>リヨウシャ</t>
    </rPh>
    <phoneticPr fontId="2"/>
  </si>
  <si>
    <t>④上記の措置を適切に実施するための担当者を置いている。</t>
    <rPh sb="1" eb="3">
      <t>ジョウキ</t>
    </rPh>
    <phoneticPr fontId="2"/>
  </si>
  <si>
    <t>※9:00～12:00、13:00～18:00の2単位のサービスを実施する場合、サービス提供時間は9:00～18:00（12:00～13:00を除く）の8時間となり、生活相談員の員数にかかわらず、8時間の勤務延時間数分の配置が必要。</t>
    <phoneticPr fontId="15"/>
  </si>
  <si>
    <t>単位ごとに介護職員が常時1人以上いますか。</t>
    <rPh sb="0" eb="2">
      <t>タンイ</t>
    </rPh>
    <rPh sb="5" eb="7">
      <t>カイゴ</t>
    </rPh>
    <rPh sb="7" eb="9">
      <t>ショクイン</t>
    </rPh>
    <rPh sb="10" eb="12">
      <t>ジョウジ</t>
    </rPh>
    <rPh sb="13" eb="16">
      <t>ニンイジョウ</t>
    </rPh>
    <phoneticPr fontId="2"/>
  </si>
  <si>
    <t>※食堂及び機能訓練室は、食事の提供の際にはその提供に支障がない広さを確保でき、かつ機能訓練を行う際には、その実施に支障がない広さを確保できていれば、同一の場所として可。</t>
    <rPh sb="1" eb="3">
      <t>ショクドウ</t>
    </rPh>
    <rPh sb="3" eb="4">
      <t>オヨ</t>
    </rPh>
    <rPh sb="5" eb="10">
      <t>キノウクンレンシツ</t>
    </rPh>
    <rPh sb="12" eb="14">
      <t>ショクジ</t>
    </rPh>
    <rPh sb="15" eb="17">
      <t>テイキョウ</t>
    </rPh>
    <rPh sb="18" eb="19">
      <t>サイ</t>
    </rPh>
    <rPh sb="23" eb="25">
      <t>テイキョウ</t>
    </rPh>
    <rPh sb="26" eb="28">
      <t>シショウ</t>
    </rPh>
    <rPh sb="31" eb="32">
      <t>ヒロ</t>
    </rPh>
    <rPh sb="34" eb="36">
      <t>カクホ</t>
    </rPh>
    <rPh sb="41" eb="43">
      <t>キノウ</t>
    </rPh>
    <rPh sb="43" eb="45">
      <t>クンレン</t>
    </rPh>
    <rPh sb="46" eb="47">
      <t>オコナ</t>
    </rPh>
    <rPh sb="48" eb="49">
      <t>サイ</t>
    </rPh>
    <rPh sb="54" eb="56">
      <t>ジッシ</t>
    </rPh>
    <rPh sb="57" eb="59">
      <t>シショウ</t>
    </rPh>
    <rPh sb="62" eb="63">
      <t>ヒロ</t>
    </rPh>
    <rPh sb="65" eb="67">
      <t>カクホ</t>
    </rPh>
    <rPh sb="74" eb="76">
      <t>ドウイツ</t>
    </rPh>
    <rPh sb="77" eb="79">
      <t>バショ</t>
    </rPh>
    <rPh sb="82" eb="83">
      <t>カ</t>
    </rPh>
    <phoneticPr fontId="3"/>
  </si>
  <si>
    <t>➢「提供時間数」とは
当該単位における平均提供時間数（利用者ごとの提供時間数の合計÷利用者数）とする。
・利用者数15人まで
　　単位ごとに確保すべき勤務延時間数＝平均提供時間数
・利用人数16人以上
　　単位ごとに確保すべき勤務延時間数＝((利用者数－15）÷5＋1）×平均提供時間数
（例）利用者が18人、平均提供時間数が５時間の場合
　（(18－15)÷5＋1）×5＝8
　　→介護職員は、８時間分の配置が必要。</t>
    <rPh sb="2" eb="4">
      <t>テイキョウ</t>
    </rPh>
    <rPh sb="4" eb="7">
      <t>ジカンスウ</t>
    </rPh>
    <rPh sb="11" eb="13">
      <t>トウガイ</t>
    </rPh>
    <rPh sb="13" eb="15">
      <t>タンイ</t>
    </rPh>
    <rPh sb="19" eb="21">
      <t>ヘイキン</t>
    </rPh>
    <rPh sb="21" eb="23">
      <t>テイキョウ</t>
    </rPh>
    <rPh sb="23" eb="26">
      <t>ジカンスウ</t>
    </rPh>
    <rPh sb="54" eb="57">
      <t>リヨウシャ</t>
    </rPh>
    <rPh sb="57" eb="58">
      <t>スウ</t>
    </rPh>
    <rPh sb="60" eb="61">
      <t>ニン</t>
    </rPh>
    <rPh sb="66" eb="68">
      <t>タンイ</t>
    </rPh>
    <rPh sb="71" eb="73">
      <t>カクホ</t>
    </rPh>
    <rPh sb="76" eb="78">
      <t>キンム</t>
    </rPh>
    <rPh sb="78" eb="82">
      <t>ノベジカンスウ</t>
    </rPh>
    <rPh sb="83" eb="90">
      <t>ヘイキンテイキョウジカンスウ</t>
    </rPh>
    <rPh sb="93" eb="95">
      <t>リヨウ</t>
    </rPh>
    <rPh sb="95" eb="97">
      <t>ニンズウ</t>
    </rPh>
    <rPh sb="99" eb="102">
      <t>ニンイジョウ</t>
    </rPh>
    <rPh sb="105" eb="107">
      <t>タンイ</t>
    </rPh>
    <rPh sb="110" eb="112">
      <t>カクホ</t>
    </rPh>
    <rPh sb="115" eb="121">
      <t>キンムノベジカンスウ</t>
    </rPh>
    <rPh sb="124" eb="127">
      <t>リヨウシャ</t>
    </rPh>
    <rPh sb="127" eb="128">
      <t>スウ</t>
    </rPh>
    <rPh sb="138" eb="145">
      <t>ヘイキンテイキョウジカンスウ</t>
    </rPh>
    <rPh sb="147" eb="148">
      <t>レイ</t>
    </rPh>
    <rPh sb="149" eb="152">
      <t>リヨウシャ</t>
    </rPh>
    <rPh sb="155" eb="156">
      <t>ニン</t>
    </rPh>
    <rPh sb="157" eb="159">
      <t>ヘイキン</t>
    </rPh>
    <rPh sb="159" eb="161">
      <t>テイキョウ</t>
    </rPh>
    <rPh sb="161" eb="164">
      <t>ジカンスウ</t>
    </rPh>
    <rPh sb="166" eb="168">
      <t>ジカン</t>
    </rPh>
    <rPh sb="169" eb="171">
      <t>バアイ</t>
    </rPh>
    <rPh sb="194" eb="196">
      <t>カイゴ</t>
    </rPh>
    <rPh sb="196" eb="198">
      <t>ショクイン</t>
    </rPh>
    <rPh sb="201" eb="204">
      <t>ジカンブン</t>
    </rPh>
    <rPh sb="205" eb="207">
      <t>ハイチ</t>
    </rPh>
    <rPh sb="208" eb="210">
      <t>ヒツヨウ</t>
    </rPh>
    <phoneticPr fontId="3"/>
  </si>
  <si>
    <t>サービス担当者会議等において、利用者の個人情報を用いる場合は利用者の同意を、利用者の家族の個人情報を用いる場合は当該家族の同意を、あらかじめ文書により得ていますか。</t>
    <phoneticPr fontId="2"/>
  </si>
  <si>
    <t>事業の運営に当たっては、提供したサービス関する利用者からの苦情に関して、本市等が派遣する者が相談及び援助を行う事業その他の本市が実施する事業に協力するよう努めていますか。</t>
    <phoneticPr fontId="15"/>
  </si>
  <si>
    <t>旧介護予防通所介護相当サービスの提供に当たり、単に利用者の運動器の機能向上、栄養状態の改善、口腔機能の向上等の特定の心身機能に着目し、事業所でのみ行えるサービスを提供するのではなく、事業所及び自宅で行える心身機能の改善等を目的としたサービスの提供や指導を行うことを意識していますか。</t>
    <rPh sb="0" eb="11">
      <t>キュウカイゴヨボウツウショカイゴソウトウ</t>
    </rPh>
    <rPh sb="16" eb="18">
      <t>テイキョウ</t>
    </rPh>
    <rPh sb="19" eb="20">
      <t>ア</t>
    </rPh>
    <rPh sb="23" eb="24">
      <t>タン</t>
    </rPh>
    <rPh sb="25" eb="28">
      <t>リヨウシャ</t>
    </rPh>
    <rPh sb="29" eb="31">
      <t>ウンドウ</t>
    </rPh>
    <rPh sb="31" eb="32">
      <t>キ</t>
    </rPh>
    <rPh sb="33" eb="35">
      <t>キノウ</t>
    </rPh>
    <rPh sb="35" eb="37">
      <t>コウジョウ</t>
    </rPh>
    <rPh sb="38" eb="40">
      <t>エイヨウ</t>
    </rPh>
    <rPh sb="40" eb="42">
      <t>ジョウタイ</t>
    </rPh>
    <rPh sb="43" eb="45">
      <t>カイゼン</t>
    </rPh>
    <rPh sb="46" eb="48">
      <t>コウクウ</t>
    </rPh>
    <rPh sb="48" eb="50">
      <t>キノウ</t>
    </rPh>
    <rPh sb="51" eb="53">
      <t>コウジョウ</t>
    </rPh>
    <rPh sb="53" eb="54">
      <t>トウ</t>
    </rPh>
    <rPh sb="55" eb="57">
      <t>トクテイ</t>
    </rPh>
    <rPh sb="58" eb="60">
      <t>シンシン</t>
    </rPh>
    <rPh sb="60" eb="62">
      <t>キノウ</t>
    </rPh>
    <rPh sb="63" eb="65">
      <t>チャクモク</t>
    </rPh>
    <rPh sb="67" eb="70">
      <t>ジギョウショ</t>
    </rPh>
    <rPh sb="73" eb="74">
      <t>オコナ</t>
    </rPh>
    <rPh sb="81" eb="83">
      <t>テイキョウ</t>
    </rPh>
    <rPh sb="91" eb="94">
      <t>ジギョウショ</t>
    </rPh>
    <rPh sb="94" eb="95">
      <t>オヨ</t>
    </rPh>
    <rPh sb="96" eb="98">
      <t>ジタク</t>
    </rPh>
    <rPh sb="99" eb="100">
      <t>オコナ</t>
    </rPh>
    <rPh sb="102" eb="104">
      <t>シンシン</t>
    </rPh>
    <rPh sb="104" eb="106">
      <t>キノウ</t>
    </rPh>
    <rPh sb="107" eb="110">
      <t>カイゼントウ</t>
    </rPh>
    <rPh sb="111" eb="113">
      <t>モクテキ</t>
    </rPh>
    <rPh sb="124" eb="126">
      <t>シドウ</t>
    </rPh>
    <rPh sb="132" eb="134">
      <t>イシキ</t>
    </rPh>
    <phoneticPr fontId="3"/>
  </si>
  <si>
    <t>利用者が次のいずれかに該当する場合は、遅滞なく、意見を付してその旨を市町村に通知していますか。
①正当な理由なしに指定地域密着型通所介護の利用に関する指示に従わないことにより、要介護状態の程度を増進させたと認められるとき。
②偽りその他不正な行為によって保険給付を受け、又は受けようとしたとき。</t>
    <rPh sb="0" eb="3">
      <t>リヨウシャ</t>
    </rPh>
    <rPh sb="4" eb="5">
      <t>ツギ</t>
    </rPh>
    <rPh sb="11" eb="13">
      <t>ガイトウ</t>
    </rPh>
    <rPh sb="15" eb="17">
      <t>バアイ</t>
    </rPh>
    <rPh sb="19" eb="21">
      <t>チタイ</t>
    </rPh>
    <rPh sb="24" eb="26">
      <t>イケン</t>
    </rPh>
    <rPh sb="27" eb="28">
      <t>フ</t>
    </rPh>
    <rPh sb="32" eb="33">
      <t>ムネ</t>
    </rPh>
    <rPh sb="34" eb="37">
      <t>シチョウソン</t>
    </rPh>
    <rPh sb="38" eb="40">
      <t>ツウチ</t>
    </rPh>
    <rPh sb="50" eb="52">
      <t>セイトウ</t>
    </rPh>
    <rPh sb="53" eb="55">
      <t>リユウ</t>
    </rPh>
    <rPh sb="58" eb="60">
      <t>シテイ</t>
    </rPh>
    <rPh sb="60" eb="62">
      <t>チイキ</t>
    </rPh>
    <rPh sb="62" eb="65">
      <t>ミッチャクガタ</t>
    </rPh>
    <rPh sb="65" eb="67">
      <t>ツウショ</t>
    </rPh>
    <rPh sb="67" eb="69">
      <t>カイゴ</t>
    </rPh>
    <rPh sb="70" eb="72">
      <t>リヨウ</t>
    </rPh>
    <rPh sb="73" eb="74">
      <t>カン</t>
    </rPh>
    <rPh sb="76" eb="78">
      <t>シジ</t>
    </rPh>
    <rPh sb="79" eb="80">
      <t>シタガ</t>
    </rPh>
    <rPh sb="89" eb="90">
      <t>ヨウ</t>
    </rPh>
    <rPh sb="90" eb="92">
      <t>カイゴ</t>
    </rPh>
    <rPh sb="92" eb="94">
      <t>ジョウタイ</t>
    </rPh>
    <rPh sb="95" eb="97">
      <t>テイド</t>
    </rPh>
    <rPh sb="98" eb="100">
      <t>ゾウシン</t>
    </rPh>
    <rPh sb="104" eb="105">
      <t>ミト</t>
    </rPh>
    <rPh sb="114" eb="115">
      <t>イツワ</t>
    </rPh>
    <rPh sb="118" eb="119">
      <t>タ</t>
    </rPh>
    <rPh sb="119" eb="121">
      <t>フセイ</t>
    </rPh>
    <rPh sb="122" eb="124">
      <t>コウイ</t>
    </rPh>
    <rPh sb="128" eb="130">
      <t>ホケン</t>
    </rPh>
    <rPh sb="130" eb="132">
      <t>キュウフ</t>
    </rPh>
    <rPh sb="133" eb="134">
      <t>ウ</t>
    </rPh>
    <rPh sb="136" eb="137">
      <t>マタ</t>
    </rPh>
    <rPh sb="138" eb="139">
      <t>ウ</t>
    </rPh>
    <phoneticPr fontId="3"/>
  </si>
  <si>
    <t>地域密着型通所介護従業者の資質向上のために、研修の機会を確保していますか。</t>
    <rPh sb="0" eb="2">
      <t>チイキ</t>
    </rPh>
    <rPh sb="2" eb="5">
      <t>ミッチャクガタ</t>
    </rPh>
    <rPh sb="5" eb="7">
      <t>ツウショ</t>
    </rPh>
    <rPh sb="7" eb="9">
      <t>カイゴ</t>
    </rPh>
    <rPh sb="9" eb="12">
      <t>ジュウギョウシャ</t>
    </rPh>
    <rPh sb="13" eb="15">
      <t>シシツ</t>
    </rPh>
    <rPh sb="15" eb="17">
      <t>コウジョウ</t>
    </rPh>
    <rPh sb="22" eb="24">
      <t>ケンシュウ</t>
    </rPh>
    <rPh sb="25" eb="27">
      <t>キカイ</t>
    </rPh>
    <rPh sb="28" eb="30">
      <t>カクホ</t>
    </rPh>
    <phoneticPr fontId="3"/>
  </si>
  <si>
    <t>・利用者及び家族の個人情報利用同意書</t>
    <rPh sb="1" eb="4">
      <t>リヨウシャ</t>
    </rPh>
    <rPh sb="4" eb="5">
      <t>オヨ</t>
    </rPh>
    <rPh sb="6" eb="8">
      <t>カゾク</t>
    </rPh>
    <rPh sb="9" eb="11">
      <t>コジン</t>
    </rPh>
    <rPh sb="11" eb="12">
      <t>ジョウ</t>
    </rPh>
    <rPh sb="12" eb="13">
      <t>ホウ</t>
    </rPh>
    <rPh sb="13" eb="15">
      <t>リヨウ</t>
    </rPh>
    <rPh sb="15" eb="17">
      <t>ドウイ</t>
    </rPh>
    <rPh sb="17" eb="18">
      <t>ショ</t>
    </rPh>
    <phoneticPr fontId="2"/>
  </si>
  <si>
    <t>・地域密着型通所介護計画書
・サービス提供記録
・市町村への通知に係る記録
・苦情の記録
・事故の記録</t>
    <rPh sb="1" eb="3">
      <t>チイキ</t>
    </rPh>
    <rPh sb="3" eb="6">
      <t>ミッチャクガタ</t>
    </rPh>
    <rPh sb="6" eb="8">
      <t>ツウショ</t>
    </rPh>
    <rPh sb="8" eb="10">
      <t>カイゴ</t>
    </rPh>
    <rPh sb="10" eb="12">
      <t>ケイカク</t>
    </rPh>
    <rPh sb="12" eb="13">
      <t>ショ</t>
    </rPh>
    <rPh sb="19" eb="21">
      <t>テイキョウ</t>
    </rPh>
    <rPh sb="21" eb="23">
      <t>キロク</t>
    </rPh>
    <rPh sb="25" eb="28">
      <t>シチョウソン</t>
    </rPh>
    <rPh sb="30" eb="32">
      <t>ツウチ</t>
    </rPh>
    <rPh sb="33" eb="34">
      <t>カカ</t>
    </rPh>
    <rPh sb="35" eb="37">
      <t>キロク</t>
    </rPh>
    <rPh sb="39" eb="41">
      <t>クジョウ</t>
    </rPh>
    <rPh sb="42" eb="44">
      <t>キロク</t>
    </rPh>
    <rPh sb="46" eb="48">
      <t>ジコ</t>
    </rPh>
    <rPh sb="49" eb="51">
      <t>キロク</t>
    </rPh>
    <phoneticPr fontId="3"/>
  </si>
  <si>
    <t>※過去2年間の消防設備点検実施日
（　　　　　　   　）　（　　 　　　　   　）
（　　 　　 　　 　）　（　　  　　 　　   ）</t>
    <phoneticPr fontId="2"/>
  </si>
  <si>
    <t>地域との連携</t>
    <phoneticPr fontId="15"/>
  </si>
  <si>
    <t>虐待の防止</t>
    <phoneticPr fontId="15"/>
  </si>
  <si>
    <t>従業者の員数</t>
    <phoneticPr fontId="15"/>
  </si>
  <si>
    <t>①虐待の防止のための対策を検討する委員会(テレビ電話装置等を活用して行うものを含む。)を定期的に開催するとし、その結果について従業者に周知している。</t>
    <rPh sb="63" eb="66">
      <t>ジュウギョウシャ</t>
    </rPh>
    <phoneticPr fontId="2"/>
  </si>
  <si>
    <t>地密型条例第59条の2</t>
    <rPh sb="0" eb="1">
      <t>チ</t>
    </rPh>
    <rPh sb="1" eb="2">
      <t>ミツ</t>
    </rPh>
    <rPh sb="2" eb="3">
      <t>ガタ</t>
    </rPh>
    <rPh sb="3" eb="5">
      <t>ジョウレイ</t>
    </rPh>
    <rPh sb="5" eb="6">
      <t>ダイ</t>
    </rPh>
    <rPh sb="8" eb="9">
      <t>ジョウ</t>
    </rPh>
    <phoneticPr fontId="2"/>
  </si>
  <si>
    <t>地密型条例第59条の3第2項</t>
    <phoneticPr fontId="15"/>
  </si>
  <si>
    <t>地密型条例第59条の10第5項</t>
    <rPh sb="0" eb="1">
      <t>チ</t>
    </rPh>
    <rPh sb="1" eb="2">
      <t>ミツ</t>
    </rPh>
    <rPh sb="2" eb="3">
      <t>ガタ</t>
    </rPh>
    <rPh sb="3" eb="5">
      <t>ジョウレイ</t>
    </rPh>
    <rPh sb="5" eb="6">
      <t>ダイ</t>
    </rPh>
    <rPh sb="8" eb="9">
      <t>ジョウ</t>
    </rPh>
    <rPh sb="12" eb="13">
      <t>ダイ</t>
    </rPh>
    <rPh sb="14" eb="15">
      <t>コウ</t>
    </rPh>
    <phoneticPr fontId="2"/>
  </si>
  <si>
    <t>内容及び手続きの説明・同意</t>
    <rPh sb="0" eb="2">
      <t>ナイヨウ</t>
    </rPh>
    <rPh sb="2" eb="3">
      <t>オヨ</t>
    </rPh>
    <rPh sb="4" eb="6">
      <t>テツヅ</t>
    </rPh>
    <rPh sb="8" eb="10">
      <t>セツメイ</t>
    </rPh>
    <rPh sb="11" eb="13">
      <t>ドウイ</t>
    </rPh>
    <phoneticPr fontId="2"/>
  </si>
  <si>
    <t>サービスの提供を求められた場合には、その者の被保険者証によって、被保険者資格、要介護認定の有無及び有効期間の確認を行っていますか。</t>
    <phoneticPr fontId="3"/>
  </si>
  <si>
    <t>サービス提供の開始に際し、要介護認定申請が行われているかどうか確認し、申請が行われていない場合は、利用者の意思を踏まえて速やかに申請が行われるよう必要な援助をしていますか。
要介護認定の更新の申請が，遅くとも当該利用者が受けている要介護認定の有効期間が終了する30日前にはなされるよう，必要な援助を行っていますか。</t>
    <rPh sb="4" eb="6">
      <t>テイキョウ</t>
    </rPh>
    <rPh sb="7" eb="9">
      <t>カイシ</t>
    </rPh>
    <rPh sb="10" eb="11">
      <t>サイ</t>
    </rPh>
    <rPh sb="13" eb="14">
      <t>ヨウ</t>
    </rPh>
    <rPh sb="14" eb="16">
      <t>カイゴ</t>
    </rPh>
    <rPh sb="16" eb="18">
      <t>ニンテイ</t>
    </rPh>
    <rPh sb="18" eb="20">
      <t>シンセイ</t>
    </rPh>
    <rPh sb="21" eb="22">
      <t>オコナ</t>
    </rPh>
    <rPh sb="31" eb="33">
      <t>カクニン</t>
    </rPh>
    <rPh sb="35" eb="37">
      <t>シンセイ</t>
    </rPh>
    <rPh sb="38" eb="39">
      <t>オコナ</t>
    </rPh>
    <rPh sb="45" eb="47">
      <t>バアイ</t>
    </rPh>
    <rPh sb="49" eb="52">
      <t>リヨウシャ</t>
    </rPh>
    <rPh sb="53" eb="55">
      <t>イシ</t>
    </rPh>
    <rPh sb="56" eb="57">
      <t>フ</t>
    </rPh>
    <rPh sb="60" eb="61">
      <t>スミ</t>
    </rPh>
    <rPh sb="64" eb="66">
      <t>シンセイ</t>
    </rPh>
    <rPh sb="67" eb="68">
      <t>オコナ</t>
    </rPh>
    <rPh sb="73" eb="75">
      <t>ヒツヨウ</t>
    </rPh>
    <rPh sb="76" eb="78">
      <t>エンジョ</t>
    </rPh>
    <rPh sb="90" eb="92">
      <t>ニンテイ</t>
    </rPh>
    <phoneticPr fontId="2"/>
  </si>
  <si>
    <t>サービス担当者会議等を通じて、利用者の心身の状況、その置かれている環境、他の保健医療サービス又は福祉サービスの利用状況等の把握に努めていますか。</t>
    <phoneticPr fontId="3"/>
  </si>
  <si>
    <t>サービス提供の記録</t>
    <rPh sb="4" eb="6">
      <t>テイキョウ</t>
    </rPh>
    <rPh sb="7" eb="9">
      <t>キロク</t>
    </rPh>
    <phoneticPr fontId="3"/>
  </si>
  <si>
    <t>提供した具体的なサービスの内容等を記録し、利用者からの申出があった場合には、文書の交付その他適切な方法により、その情報を利用者に対して提供していますか。</t>
    <rPh sb="21" eb="24">
      <t>リヨウシャ</t>
    </rPh>
    <rPh sb="27" eb="29">
      <t>モウシデ</t>
    </rPh>
    <rPh sb="33" eb="35">
      <t>バアイ</t>
    </rPh>
    <rPh sb="38" eb="40">
      <t>ブンショ</t>
    </rPh>
    <rPh sb="41" eb="43">
      <t>コウフ</t>
    </rPh>
    <rPh sb="45" eb="46">
      <t>ホカ</t>
    </rPh>
    <rPh sb="46" eb="48">
      <t>テキセツ</t>
    </rPh>
    <rPh sb="49" eb="51">
      <t>ホウホウ</t>
    </rPh>
    <rPh sb="57" eb="59">
      <t>ジョウホウ</t>
    </rPh>
    <rPh sb="60" eb="63">
      <t>リヨウシャ</t>
    </rPh>
    <rPh sb="64" eb="65">
      <t>タイ</t>
    </rPh>
    <rPh sb="67" eb="69">
      <t>テイキョウ</t>
    </rPh>
    <phoneticPr fontId="2"/>
  </si>
  <si>
    <t>法定代理受領サービスに該当しない地域密着型通所介護を提供した場合の利用料と、地域密着型介護サービス費用基準額との間に、不合理な差額を生じさせていませんか。</t>
    <rPh sb="0" eb="2">
      <t>ホウテイ</t>
    </rPh>
    <rPh sb="2" eb="4">
      <t>ダイリ</t>
    </rPh>
    <rPh sb="4" eb="6">
      <t>ジュリョウ</t>
    </rPh>
    <rPh sb="11" eb="12">
      <t>ガイ</t>
    </rPh>
    <rPh sb="12" eb="13">
      <t>トウ</t>
    </rPh>
    <rPh sb="16" eb="21">
      <t>チイキミッチャクガタ</t>
    </rPh>
    <rPh sb="21" eb="23">
      <t>ツウショ</t>
    </rPh>
    <rPh sb="23" eb="25">
      <t>カイゴ</t>
    </rPh>
    <rPh sb="26" eb="28">
      <t>テイキョウ</t>
    </rPh>
    <rPh sb="30" eb="32">
      <t>バアイ</t>
    </rPh>
    <rPh sb="33" eb="36">
      <t>リヨウリョウ</t>
    </rPh>
    <rPh sb="38" eb="40">
      <t>チイキ</t>
    </rPh>
    <rPh sb="40" eb="43">
      <t>ミッチャクガタ</t>
    </rPh>
    <rPh sb="43" eb="45">
      <t>カイゴ</t>
    </rPh>
    <rPh sb="49" eb="51">
      <t>ヒヨウ</t>
    </rPh>
    <rPh sb="51" eb="53">
      <t>キジュン</t>
    </rPh>
    <rPh sb="53" eb="54">
      <t>ガク</t>
    </rPh>
    <rPh sb="56" eb="57">
      <t>アイダ</t>
    </rPh>
    <rPh sb="59" eb="62">
      <t>フゴウリ</t>
    </rPh>
    <rPh sb="63" eb="65">
      <t>サガク</t>
    </rPh>
    <rPh sb="66" eb="67">
      <t>ショウ</t>
    </rPh>
    <phoneticPr fontId="3"/>
  </si>
  <si>
    <t>介護保険法
第41条
第8項</t>
    <phoneticPr fontId="3"/>
  </si>
  <si>
    <t>介護保険法施行規則第78条</t>
    <phoneticPr fontId="2"/>
  </si>
  <si>
    <t>上記の領収証には、それぞれ個別の費用ごとに区分して記載していますか。</t>
    <phoneticPr fontId="15"/>
  </si>
  <si>
    <t>地密型条例第59条の20（第22条準用）
基準要綱
第16条</t>
    <rPh sb="5" eb="6">
      <t>ダイ</t>
    </rPh>
    <rPh sb="8" eb="9">
      <t>ジョウ</t>
    </rPh>
    <rPh sb="13" eb="14">
      <t>ダイ</t>
    </rPh>
    <rPh sb="16" eb="17">
      <t>ジョウ</t>
    </rPh>
    <rPh sb="17" eb="19">
      <t>ジュンヨウ</t>
    </rPh>
    <rPh sb="26" eb="27">
      <t>ダイ</t>
    </rPh>
    <rPh sb="29" eb="30">
      <t>ジョウ</t>
    </rPh>
    <phoneticPr fontId="3"/>
  </si>
  <si>
    <t>利用者一人一人の人格を尊重し、利用者がそれぞれの役割を持って日常生活を送ることができるよう配慮して行っていますか。</t>
    <phoneticPr fontId="15"/>
  </si>
  <si>
    <t>サービスの提供に当たっては、地域密着型通所介護計画に基づき、漫然かつ画一的にならないように、利用者の機能訓練及びその者が日常生活を営むことができるよう必要な援助を行っていますか。</t>
    <phoneticPr fontId="15"/>
  </si>
  <si>
    <t>サービスの提供に当たっては、懇切丁寧に行うことを旨とし、利用者又はその家族に対し、サービスの提供方法等について、理解しやすいように説明していますか。</t>
    <phoneticPr fontId="2"/>
  </si>
  <si>
    <t>常に利用者の心身の状況を的確に把握しつつ、相談援助等の生活指導、機能訓練その他必要なサービスを利用者の希望に添って適切に提供していますか。
特に、認知症である要介護者に対しては、必要に応じ、その特性に対応したサービス提供ができる体制を整えていますか。</t>
    <rPh sb="70" eb="71">
      <t>トク</t>
    </rPh>
    <rPh sb="73" eb="75">
      <t>ニンチ</t>
    </rPh>
    <phoneticPr fontId="3"/>
  </si>
  <si>
    <t>利用者が住み慣れた地域での生活を継続することができるよう、地域住民との交流や地域活動への参加を図りつつ、利用者の心身の状況を踏まえ、妥当適切に行っていますか。</t>
    <phoneticPr fontId="15"/>
  </si>
  <si>
    <t>指定地域密着型通所介護の具体的取扱方針</t>
    <phoneticPr fontId="15"/>
  </si>
  <si>
    <t>地域密着型通所介護計画書を利用者に交付していますか。</t>
    <rPh sb="0" eb="2">
      <t>チイキ</t>
    </rPh>
    <rPh sb="2" eb="5">
      <t>ミッチャクガタ</t>
    </rPh>
    <rPh sb="5" eb="7">
      <t>ツウショ</t>
    </rPh>
    <rPh sb="7" eb="9">
      <t>カイゴ</t>
    </rPh>
    <phoneticPr fontId="3"/>
  </si>
  <si>
    <t>提供したサービスの実施状況や目標の達成状況の記録を行っていますか。</t>
    <phoneticPr fontId="15"/>
  </si>
  <si>
    <t>管理者は、従業者の管理及び利用の申込みに係る調整、業務の実施状況の把握その他の管理を一元的に行っていますか。</t>
    <phoneticPr fontId="3"/>
  </si>
  <si>
    <t>管理者は、従業者に条例に規定された運営基準を遵守させるために必要な指揮命令を行っていますか。</t>
    <rPh sb="9" eb="11">
      <t>ジョウレイ</t>
    </rPh>
    <rPh sb="12" eb="14">
      <t>キテイ</t>
    </rPh>
    <rPh sb="17" eb="19">
      <t>ウンエイ</t>
    </rPh>
    <rPh sb="19" eb="21">
      <t>キジュン</t>
    </rPh>
    <phoneticPr fontId="2"/>
  </si>
  <si>
    <r>
      <t xml:space="preserve">事業所ごとに次に掲げる重要事項に関する規程を定めていますか。
</t>
    </r>
    <r>
      <rPr>
        <sz val="9"/>
        <color rgb="FFFF0000"/>
        <rFont val="ＭＳ ゴシック"/>
        <family val="3"/>
        <charset val="128"/>
      </rPr>
      <t xml:space="preserve">※⑩について令和6年3月31日まで経過措置あり。
</t>
    </r>
    <r>
      <rPr>
        <sz val="9"/>
        <rFont val="ＭＳ ゴシック"/>
        <family val="3"/>
        <charset val="128"/>
      </rPr>
      <t xml:space="preserve">
①事業の目的及び運営の方針
②従業者の職種、員数及び職務の内容
③営業日及び営業時間
④利用定員
⑤サービス内容及び利用料その他の費用の額
⑥通常の事業の実施地域
⑦サービス利用に当たっての留意事項
⑧緊急時等における対応方法
⑨非常災害対策
</t>
    </r>
    <r>
      <rPr>
        <sz val="9"/>
        <color rgb="FFFF0000"/>
        <rFont val="ＭＳ ゴシック"/>
        <family val="3"/>
        <charset val="128"/>
      </rPr>
      <t>⑩虐待の防止のための措置に関する事項</t>
    </r>
    <r>
      <rPr>
        <sz val="9"/>
        <rFont val="ＭＳ ゴシック"/>
        <family val="3"/>
        <charset val="128"/>
      </rPr>
      <t xml:space="preserve">
⑪その他運営に関する重要事項</t>
    </r>
    <rPh sb="0" eb="2">
      <t>ジギョウ</t>
    </rPh>
    <rPh sb="2" eb="3">
      <t>ショ</t>
    </rPh>
    <rPh sb="6" eb="7">
      <t>ツギ</t>
    </rPh>
    <rPh sb="8" eb="9">
      <t>カカ</t>
    </rPh>
    <rPh sb="11" eb="13">
      <t>ジュウヨウ</t>
    </rPh>
    <rPh sb="13" eb="15">
      <t>ジコウ</t>
    </rPh>
    <rPh sb="16" eb="17">
      <t>カン</t>
    </rPh>
    <rPh sb="19" eb="21">
      <t>キテイ</t>
    </rPh>
    <rPh sb="22" eb="23">
      <t>サダ</t>
    </rPh>
    <rPh sb="101" eb="103">
      <t>リヨウ</t>
    </rPh>
    <rPh sb="103" eb="105">
      <t>テイイン</t>
    </rPh>
    <rPh sb="136" eb="138">
      <t>チイキ</t>
    </rPh>
    <rPh sb="144" eb="146">
      <t>リヨウ</t>
    </rPh>
    <rPh sb="147" eb="148">
      <t>ア</t>
    </rPh>
    <rPh sb="152" eb="154">
      <t>リュウイ</t>
    </rPh>
    <rPh sb="154" eb="156">
      <t>ジコウ</t>
    </rPh>
    <rPh sb="158" eb="160">
      <t>キンキュウ</t>
    </rPh>
    <rPh sb="160" eb="161">
      <t>ジ</t>
    </rPh>
    <rPh sb="161" eb="162">
      <t>トウ</t>
    </rPh>
    <rPh sb="172" eb="174">
      <t>ヒジョウ</t>
    </rPh>
    <rPh sb="174" eb="176">
      <t>サイガイ</t>
    </rPh>
    <rPh sb="176" eb="178">
      <t>タイサク</t>
    </rPh>
    <phoneticPr fontId="3"/>
  </si>
  <si>
    <r>
      <t xml:space="preserve">事業者は、適切なサービスの提供を確保する観点から、職場において行われる性的な言動又は優越的な関係を背景とした言動であって業務上必要かつ相当な範囲を超えたものにより従業者の就業環境が害されることを防止するための方針の明確化等の必要な措置（次の①②）を講じていますか。
</t>
    </r>
    <r>
      <rPr>
        <sz val="9"/>
        <color rgb="FFFF0000"/>
        <rFont val="ＭＳ ゴシック"/>
        <family val="3"/>
        <charset val="128"/>
      </rPr>
      <t>※令和４年４月１日より義務化</t>
    </r>
    <rPh sb="118" eb="119">
      <t>ツギ</t>
    </rPh>
    <rPh sb="144" eb="146">
      <t>ギム</t>
    </rPh>
    <rPh sb="146" eb="147">
      <t>カ</t>
    </rPh>
    <phoneticPr fontId="2"/>
  </si>
  <si>
    <r>
      <t xml:space="preserve">介護に関わる職員のうち、医療・福祉関係の資格（※）を有さない者に対し、認知症介護基礎研修を受講させるために必要な措置を講じていますか。
※看護師、准看護師、介護福祉士、介護支援専門員、実務者研修修了者、初任者研修修了者、生活援助従事者研修修了者、介護職員基礎研修課程又はヘルパー１級・２級課程修了者、社会福祉士、医師、歯科医師、薬剤師、理学療法士、作業療法士、言語聴覚士、精神保健福祉士、管理栄養士、栄養士、あん摩マッサージ師、はり師、きゅう師等の資格
➢新規採用、中途採用の医療・介護関係資格を有さない従業者については、採用後1年を経過するまでに、認知症介護基礎研修を受講させること。
</t>
    </r>
    <r>
      <rPr>
        <sz val="9"/>
        <color rgb="FFFF0000"/>
        <rFont val="ＭＳ ゴシック"/>
        <family val="3"/>
        <charset val="128"/>
      </rPr>
      <t>※令和6年3月31日までの経過措置あり</t>
    </r>
    <rPh sb="32" eb="33">
      <t>タイ</t>
    </rPh>
    <rPh sb="53" eb="55">
      <t>ヒツヨウ</t>
    </rPh>
    <rPh sb="56" eb="58">
      <t>ソチ</t>
    </rPh>
    <rPh sb="59" eb="60">
      <t>コウ</t>
    </rPh>
    <rPh sb="110" eb="112">
      <t>セイカツ</t>
    </rPh>
    <rPh sb="112" eb="114">
      <t>エンジョ</t>
    </rPh>
    <rPh sb="114" eb="117">
      <t>ジュウジシャ</t>
    </rPh>
    <rPh sb="117" eb="119">
      <t>ケンシュウ</t>
    </rPh>
    <rPh sb="119" eb="122">
      <t>シュウリョウシャ</t>
    </rPh>
    <rPh sb="123" eb="125">
      <t>カイゴ</t>
    </rPh>
    <rPh sb="125" eb="127">
      <t>ショクイン</t>
    </rPh>
    <rPh sb="127" eb="129">
      <t>キソ</t>
    </rPh>
    <rPh sb="129" eb="131">
      <t>ケンシュウ</t>
    </rPh>
    <rPh sb="131" eb="133">
      <t>カテイ</t>
    </rPh>
    <rPh sb="133" eb="134">
      <t>マタ</t>
    </rPh>
    <rPh sb="144" eb="146">
      <t>カテイ</t>
    </rPh>
    <rPh sb="146" eb="149">
      <t>シュウリョウシャ</t>
    </rPh>
    <rPh sb="156" eb="158">
      <t>イシ</t>
    </rPh>
    <rPh sb="159" eb="161">
      <t>シカ</t>
    </rPh>
    <rPh sb="161" eb="163">
      <t>イシ</t>
    </rPh>
    <rPh sb="164" eb="166">
      <t>ヤクザイ</t>
    </rPh>
    <rPh sb="166" eb="167">
      <t>シ</t>
    </rPh>
    <rPh sb="168" eb="170">
      <t>リガク</t>
    </rPh>
    <rPh sb="170" eb="173">
      <t>リョウホウシ</t>
    </rPh>
    <rPh sb="174" eb="176">
      <t>サギョウ</t>
    </rPh>
    <rPh sb="176" eb="179">
      <t>リョウホウシ</t>
    </rPh>
    <rPh sb="180" eb="185">
      <t>ゲンゴチョウカクシ</t>
    </rPh>
    <rPh sb="194" eb="196">
      <t>カンリ</t>
    </rPh>
    <rPh sb="196" eb="199">
      <t>エイヨウシ</t>
    </rPh>
    <rPh sb="200" eb="203">
      <t>エイヨウシ</t>
    </rPh>
    <rPh sb="206" eb="207">
      <t>マ</t>
    </rPh>
    <rPh sb="212" eb="213">
      <t>シ</t>
    </rPh>
    <rPh sb="216" eb="217">
      <t>シ</t>
    </rPh>
    <rPh sb="221" eb="222">
      <t>シ</t>
    </rPh>
    <rPh sb="222" eb="223">
      <t>ナド</t>
    </rPh>
    <phoneticPr fontId="2"/>
  </si>
  <si>
    <t>サービス提供日において、利用定員を超えて指定通所介護の提供を行っていませんか。
※ただし、災害その他のやむを得ない事情がある場合はこの限りではない。</t>
    <rPh sb="4" eb="6">
      <t>テイキョウ</t>
    </rPh>
    <rPh sb="6" eb="7">
      <t>ヒ</t>
    </rPh>
    <rPh sb="12" eb="14">
      <t>リヨウ</t>
    </rPh>
    <rPh sb="14" eb="16">
      <t>テイイン</t>
    </rPh>
    <rPh sb="17" eb="18">
      <t>コ</t>
    </rPh>
    <rPh sb="20" eb="22">
      <t>シテイ</t>
    </rPh>
    <rPh sb="22" eb="24">
      <t>ツウショ</t>
    </rPh>
    <rPh sb="24" eb="26">
      <t>カイゴ</t>
    </rPh>
    <rPh sb="27" eb="29">
      <t>テイキョウ</t>
    </rPh>
    <rPh sb="30" eb="31">
      <t>オコナ</t>
    </rPh>
    <phoneticPr fontId="3"/>
  </si>
  <si>
    <t>非常災害時における関係機関への通報及び連携体制を整備し、それらを定期的に従業者に周知していますか。</t>
    <phoneticPr fontId="2"/>
  </si>
  <si>
    <t>定期的に避難、救出その他必要な訓練を行っていますか。その際、地域住民の参加が得られるよう連携に努めていますか。</t>
    <rPh sb="18" eb="19">
      <t>オコナ</t>
    </rPh>
    <rPh sb="28" eb="29">
      <t>サイ</t>
    </rPh>
    <rPh sb="30" eb="32">
      <t>チイキ</t>
    </rPh>
    <rPh sb="32" eb="34">
      <t>ジュウミン</t>
    </rPh>
    <rPh sb="35" eb="37">
      <t>サンカ</t>
    </rPh>
    <rPh sb="38" eb="39">
      <t>エ</t>
    </rPh>
    <rPh sb="44" eb="46">
      <t>レンケイ</t>
    </rPh>
    <phoneticPr fontId="2"/>
  </si>
  <si>
    <r>
      <t>消火設備その他の非常災害に際して必要な設備を備えるとともに、</t>
    </r>
    <r>
      <rPr>
        <u/>
        <sz val="9"/>
        <rFont val="ＭＳ ゴシック"/>
        <family val="3"/>
        <charset val="128"/>
      </rPr>
      <t>非常災害に関する具体的計画</t>
    </r>
    <r>
      <rPr>
        <sz val="9"/>
        <rFont val="ＭＳ ゴシック"/>
        <family val="3"/>
        <charset val="128"/>
      </rPr>
      <t>（※）を立てていますか。
※消防法施行規則第3条に規定する消防計画及び風水害、地震等の災害に対処するための計画</t>
    </r>
    <rPh sb="22" eb="23">
      <t>ソナ</t>
    </rPh>
    <rPh sb="58" eb="61">
      <t>ショウボウホウ</t>
    </rPh>
    <rPh sb="61" eb="63">
      <t>セコウ</t>
    </rPh>
    <rPh sb="63" eb="65">
      <t>キソク</t>
    </rPh>
    <rPh sb="65" eb="66">
      <t>ダイ</t>
    </rPh>
    <rPh sb="67" eb="68">
      <t>ジョウ</t>
    </rPh>
    <rPh sb="69" eb="71">
      <t>キテイ</t>
    </rPh>
    <rPh sb="73" eb="75">
      <t>ショウボウ</t>
    </rPh>
    <rPh sb="75" eb="77">
      <t>ケイカク</t>
    </rPh>
    <rPh sb="77" eb="78">
      <t>オヨ</t>
    </rPh>
    <rPh sb="79" eb="82">
      <t>フウスイガイ</t>
    </rPh>
    <rPh sb="83" eb="85">
      <t>ジシン</t>
    </rPh>
    <rPh sb="85" eb="86">
      <t>ナド</t>
    </rPh>
    <rPh sb="87" eb="89">
      <t>サイガイ</t>
    </rPh>
    <rPh sb="90" eb="92">
      <t>タイショ</t>
    </rPh>
    <rPh sb="97" eb="99">
      <t>ケイカク</t>
    </rPh>
    <phoneticPr fontId="2"/>
  </si>
  <si>
    <t>従業者又は従業者であった者が、正当な理由なく、その業務上知り得た利用者又はその家族の秘密を漏らすことのないよう必要な措置（就業規則に盛り込むなど）を講じていますか。</t>
    <rPh sb="0" eb="3">
      <t>ジュウギョウシャ</t>
    </rPh>
    <rPh sb="3" eb="4">
      <t>マタ</t>
    </rPh>
    <rPh sb="15" eb="17">
      <t>セイトウ</t>
    </rPh>
    <rPh sb="18" eb="20">
      <t>リユウ</t>
    </rPh>
    <rPh sb="25" eb="28">
      <t>ギョウムジョウ</t>
    </rPh>
    <rPh sb="28" eb="29">
      <t>シ</t>
    </rPh>
    <rPh sb="30" eb="31">
      <t>エ</t>
    </rPh>
    <rPh sb="32" eb="35">
      <t>リヨウシャ</t>
    </rPh>
    <rPh sb="35" eb="36">
      <t>マタ</t>
    </rPh>
    <rPh sb="39" eb="41">
      <t>カゾク</t>
    </rPh>
    <rPh sb="42" eb="44">
      <t>ヒミツ</t>
    </rPh>
    <rPh sb="45" eb="46">
      <t>モ</t>
    </rPh>
    <rPh sb="55" eb="57">
      <t>ヒツヨウ</t>
    </rPh>
    <rPh sb="58" eb="60">
      <t>ソチ</t>
    </rPh>
    <rPh sb="61" eb="63">
      <t>シュウギョウ</t>
    </rPh>
    <rPh sb="63" eb="65">
      <t>キソク</t>
    </rPh>
    <rPh sb="66" eb="67">
      <t>モ</t>
    </rPh>
    <rPh sb="68" eb="69">
      <t>コ</t>
    </rPh>
    <rPh sb="74" eb="75">
      <t>コウ</t>
    </rPh>
    <phoneticPr fontId="2"/>
  </si>
  <si>
    <t>・就業規則（服務）
・個人情報の保管場所
・従業員の秘密保持誓約書</t>
    <rPh sb="1" eb="3">
      <t>シュウギョウ</t>
    </rPh>
    <rPh sb="3" eb="5">
      <t>キソク</t>
    </rPh>
    <rPh sb="6" eb="8">
      <t>フクム</t>
    </rPh>
    <rPh sb="11" eb="13">
      <t>コジン</t>
    </rPh>
    <rPh sb="13" eb="15">
      <t>ジョウホウ</t>
    </rPh>
    <rPh sb="16" eb="18">
      <t>ホカン</t>
    </rPh>
    <rPh sb="18" eb="20">
      <t>バショ</t>
    </rPh>
    <phoneticPr fontId="3"/>
  </si>
  <si>
    <t>苦情相談を受けたことがある場合、苦情相談等の内容を記録・保存していますか。
（苦情相談を受けたことがない場合でも、記録・保存する準備をしていますか。）</t>
    <rPh sb="0" eb="2">
      <t>クジョウ</t>
    </rPh>
    <rPh sb="2" eb="4">
      <t>ソウダン</t>
    </rPh>
    <rPh sb="5" eb="6">
      <t>ウ</t>
    </rPh>
    <rPh sb="13" eb="15">
      <t>バアイ</t>
    </rPh>
    <rPh sb="16" eb="18">
      <t>クジョウ</t>
    </rPh>
    <rPh sb="18" eb="20">
      <t>ソウダン</t>
    </rPh>
    <rPh sb="20" eb="21">
      <t>トウ</t>
    </rPh>
    <rPh sb="22" eb="24">
      <t>ナイヨウ</t>
    </rPh>
    <rPh sb="25" eb="27">
      <t>キロク</t>
    </rPh>
    <rPh sb="28" eb="30">
      <t>ホゾン</t>
    </rPh>
    <rPh sb="39" eb="41">
      <t>クジョウ</t>
    </rPh>
    <rPh sb="41" eb="43">
      <t>ソウダン</t>
    </rPh>
    <rPh sb="44" eb="45">
      <t>ウ</t>
    </rPh>
    <rPh sb="52" eb="54">
      <t>バアイ</t>
    </rPh>
    <rPh sb="57" eb="59">
      <t>キロク</t>
    </rPh>
    <rPh sb="60" eb="62">
      <t>ホゾン</t>
    </rPh>
    <rPh sb="64" eb="66">
      <t>ジュンビ</t>
    </rPh>
    <phoneticPr fontId="3"/>
  </si>
  <si>
    <t>苦情がサービスの質の向上を図る上での重要な情報であるとの認識に立ち、苦情の内容を踏まえ、検討会議等を通じサービスの質の向上に向けた取組を自ら行っていますか。</t>
    <rPh sb="37" eb="39">
      <t>ナイヨウ</t>
    </rPh>
    <rPh sb="40" eb="41">
      <t>フ</t>
    </rPh>
    <rPh sb="44" eb="46">
      <t>ケントウ</t>
    </rPh>
    <rPh sb="46" eb="48">
      <t>カイギ</t>
    </rPh>
    <rPh sb="48" eb="49">
      <t>トウ</t>
    </rPh>
    <rPh sb="50" eb="51">
      <t>ツウ</t>
    </rPh>
    <phoneticPr fontId="2"/>
  </si>
  <si>
    <t>提供したサービスに係る利用者からの苦情に関して、国保連が行う調査に協力するとともに国保連の指導又は助言を受けた場合においては、その指導又は助言に従って必要な改善を行うよう努めていますか。また、国保連からの求めがあった場合には、改善の内容を報告していますか。</t>
    <rPh sb="24" eb="26">
      <t>コクホ</t>
    </rPh>
    <rPh sb="26" eb="27">
      <t>レン</t>
    </rPh>
    <rPh sb="41" eb="44">
      <t>コクホレン</t>
    </rPh>
    <rPh sb="96" eb="98">
      <t>コクホ</t>
    </rPh>
    <rPh sb="98" eb="99">
      <t>レン</t>
    </rPh>
    <phoneticPr fontId="2"/>
  </si>
  <si>
    <t>自ら提供したサービスに関し、市からの文書その他の物件の提出や提示、又は市の職員からの質問や照会に応じていますか。また、市から指導又は助言を受けた場合においては、当該指導又は助言に従って必要な改善を行うよう努めていますか。また、市からの求めがあった場合には、改善の内容を報告していますか。</t>
    <rPh sb="113" eb="114">
      <t>シ</t>
    </rPh>
    <phoneticPr fontId="2"/>
  </si>
  <si>
    <t>テレビ電話装置等の活用して開催する場合は、利用者やその家族の同意を得ていますか。</t>
    <phoneticPr fontId="2"/>
  </si>
  <si>
    <t xml:space="preserve">報告，評価，要望，助言等についての記録を作成し，これを公表していますか。
</t>
  </si>
  <si>
    <t>事業の運営に当たっては、地域住民又はその自発的な活動等との連携及び協力を行う等の地域との交流を図っていますか。</t>
    <rPh sb="0" eb="2">
      <t>ジギョウ</t>
    </rPh>
    <rPh sb="3" eb="5">
      <t>ウンエイ</t>
    </rPh>
    <rPh sb="6" eb="7">
      <t>ア</t>
    </rPh>
    <rPh sb="12" eb="14">
      <t>チイキ</t>
    </rPh>
    <rPh sb="14" eb="16">
      <t>ジュウミン</t>
    </rPh>
    <rPh sb="16" eb="17">
      <t>マタ</t>
    </rPh>
    <rPh sb="20" eb="23">
      <t>ジハツテキ</t>
    </rPh>
    <rPh sb="24" eb="26">
      <t>カツドウ</t>
    </rPh>
    <rPh sb="26" eb="27">
      <t>トウ</t>
    </rPh>
    <rPh sb="29" eb="31">
      <t>レンケイ</t>
    </rPh>
    <rPh sb="31" eb="32">
      <t>オヨ</t>
    </rPh>
    <rPh sb="33" eb="35">
      <t>キョウリョク</t>
    </rPh>
    <rPh sb="36" eb="37">
      <t>オコナ</t>
    </rPh>
    <rPh sb="38" eb="39">
      <t>ナド</t>
    </rPh>
    <rPh sb="40" eb="42">
      <t>チイキ</t>
    </rPh>
    <rPh sb="44" eb="46">
      <t>コウリュウ</t>
    </rPh>
    <rPh sb="47" eb="48">
      <t>ハカ</t>
    </rPh>
    <phoneticPr fontId="15"/>
  </si>
  <si>
    <t>事業所が所在する建物と同一の建物に居住する利用者に対してサービスを提供する場合には、当該建物に居住する利用者以外の者に対してもサービスの提供を行うよう努めていますか。</t>
    <rPh sb="0" eb="3">
      <t>ジギョウショ</t>
    </rPh>
    <phoneticPr fontId="2"/>
  </si>
  <si>
    <t>事故が発生した（宿泊サービス中を含む）場合は、市、当該利用者の家族、当該利用者に係る居宅介護支援事業者等に連絡を行うとともに、必要な措置を講じていますか。また、事故の状況や処置について記録していますか。
過去に事故が発生していない場合でも、発生した場合に備えて、あらかじめ対応方法や記録様式等を準備していますか。
　→過去一年間の事故事例の有無：　□有　　□無</t>
    <rPh sb="0" eb="2">
      <t>ジコ</t>
    </rPh>
    <rPh sb="3" eb="5">
      <t>ハッセイ</t>
    </rPh>
    <rPh sb="8" eb="10">
      <t>シュクハク</t>
    </rPh>
    <rPh sb="14" eb="15">
      <t>ナカ</t>
    </rPh>
    <rPh sb="16" eb="17">
      <t>フク</t>
    </rPh>
    <rPh sb="19" eb="21">
      <t>バアイ</t>
    </rPh>
    <rPh sb="25" eb="27">
      <t>トウガイ</t>
    </rPh>
    <rPh sb="27" eb="30">
      <t>リヨウシャ</t>
    </rPh>
    <rPh sb="31" eb="33">
      <t>カゾク</t>
    </rPh>
    <rPh sb="34" eb="36">
      <t>トウガイ</t>
    </rPh>
    <rPh sb="36" eb="39">
      <t>リヨウシャ</t>
    </rPh>
    <rPh sb="40" eb="41">
      <t>カカワ</t>
    </rPh>
    <rPh sb="42" eb="44">
      <t>キョタク</t>
    </rPh>
    <rPh sb="44" eb="46">
      <t>カイゴ</t>
    </rPh>
    <rPh sb="46" eb="48">
      <t>シエン</t>
    </rPh>
    <rPh sb="48" eb="51">
      <t>ジギョウシャ</t>
    </rPh>
    <rPh sb="51" eb="52">
      <t>トウ</t>
    </rPh>
    <rPh sb="53" eb="55">
      <t>レンラク</t>
    </rPh>
    <rPh sb="56" eb="57">
      <t>オコナ</t>
    </rPh>
    <rPh sb="63" eb="65">
      <t>ヒツヨウ</t>
    </rPh>
    <rPh sb="66" eb="68">
      <t>ソチ</t>
    </rPh>
    <rPh sb="69" eb="70">
      <t>コウ</t>
    </rPh>
    <rPh sb="80" eb="82">
      <t>ジコ</t>
    </rPh>
    <rPh sb="83" eb="85">
      <t>ジョウキョウ</t>
    </rPh>
    <rPh sb="86" eb="88">
      <t>ショチ</t>
    </rPh>
    <rPh sb="92" eb="94">
      <t>キロク</t>
    </rPh>
    <rPh sb="102" eb="104">
      <t>カコ</t>
    </rPh>
    <rPh sb="105" eb="107">
      <t>ジコ</t>
    </rPh>
    <rPh sb="108" eb="110">
      <t>ハッセイ</t>
    </rPh>
    <rPh sb="115" eb="117">
      <t>バアイ</t>
    </rPh>
    <rPh sb="120" eb="122">
      <t>ハッセイ</t>
    </rPh>
    <rPh sb="124" eb="126">
      <t>バアイ</t>
    </rPh>
    <rPh sb="127" eb="128">
      <t>ソナ</t>
    </rPh>
    <rPh sb="136" eb="138">
      <t>タイオウ</t>
    </rPh>
    <rPh sb="138" eb="140">
      <t>ホウホウ</t>
    </rPh>
    <rPh sb="143" eb="145">
      <t>ヨウシキ</t>
    </rPh>
    <rPh sb="145" eb="146">
      <t>トウ</t>
    </rPh>
    <rPh sb="147" eb="149">
      <t>ジュンビ</t>
    </rPh>
    <rPh sb="160" eb="162">
      <t>カコ</t>
    </rPh>
    <rPh sb="162" eb="165">
      <t>イチネンカン</t>
    </rPh>
    <rPh sb="166" eb="168">
      <t>ジコ</t>
    </rPh>
    <rPh sb="168" eb="170">
      <t>ジレイ</t>
    </rPh>
    <rPh sb="171" eb="173">
      <t>ウム</t>
    </rPh>
    <rPh sb="176" eb="177">
      <t>ア</t>
    </rPh>
    <rPh sb="180" eb="181">
      <t>ナ</t>
    </rPh>
    <phoneticPr fontId="3"/>
  </si>
  <si>
    <t>事故が生じた際には、原因を解明し、再発生を防ぐための対策を講じていますか。（過去に事故が生じていない場合，事故に備えて対策を講じていますか。）</t>
    <rPh sb="10" eb="12">
      <t>ゲンイン</t>
    </rPh>
    <rPh sb="13" eb="15">
      <t>カイメイ</t>
    </rPh>
    <phoneticPr fontId="2"/>
  </si>
  <si>
    <r>
      <t xml:space="preserve">事業所における虐待の発生又はその再発を防止するため、次の①～④の措置を講じていますか。
</t>
    </r>
    <r>
      <rPr>
        <sz val="9"/>
        <color rgb="FFFF0000"/>
        <rFont val="ＭＳ ゴシック"/>
        <family val="3"/>
        <charset val="128"/>
      </rPr>
      <t>※令和6年3月31日までの経過措置あり。</t>
    </r>
    <rPh sb="30" eb="31">
      <t>ネン</t>
    </rPh>
    <rPh sb="32" eb="33">
      <t>カイ</t>
    </rPh>
    <rPh sb="33" eb="35">
      <t>イジョウ</t>
    </rPh>
    <phoneticPr fontId="2"/>
  </si>
  <si>
    <t>他の事業との会計を区分していますか。</t>
    <rPh sb="0" eb="1">
      <t>タ</t>
    </rPh>
    <rPh sb="2" eb="4">
      <t>ジギョウ</t>
    </rPh>
    <rPh sb="6" eb="8">
      <t>カイケイ</t>
    </rPh>
    <rPh sb="9" eb="11">
      <t>クブン</t>
    </rPh>
    <phoneticPr fontId="2"/>
  </si>
  <si>
    <r>
      <t>次に掲げる介護サービスの提供に関する記録を整備し、その完結の日から</t>
    </r>
    <r>
      <rPr>
        <b/>
        <sz val="9"/>
        <rFont val="ＭＳ ゴシック"/>
        <family val="3"/>
        <charset val="128"/>
      </rPr>
      <t>５年間</t>
    </r>
    <r>
      <rPr>
        <sz val="9"/>
        <rFont val="ＭＳ ゴシック"/>
        <family val="3"/>
        <charset val="128"/>
      </rPr>
      <t>保存していますか。
①地域密着型通所介護計画
②提供した具体的なサービス内容等の記録
③市への通知に係る記録
④苦情の内容の記録
⑤事故の状況及び事故に際して採った処置についての記録
⑥運営推進会議に係る報告、評価、要望、助言等の記録</t>
    </r>
    <rPh sb="0" eb="1">
      <t>ツギ</t>
    </rPh>
    <rPh sb="2" eb="3">
      <t>カカ</t>
    </rPh>
    <rPh sb="5" eb="7">
      <t>カイゴ</t>
    </rPh>
    <rPh sb="12" eb="14">
      <t>テイキョウ</t>
    </rPh>
    <rPh sb="15" eb="16">
      <t>カン</t>
    </rPh>
    <rPh sb="18" eb="20">
      <t>キロク</t>
    </rPh>
    <rPh sb="21" eb="23">
      <t>セイビ</t>
    </rPh>
    <rPh sb="27" eb="29">
      <t>カンケツ</t>
    </rPh>
    <rPh sb="30" eb="31">
      <t>ヒ</t>
    </rPh>
    <rPh sb="34" eb="36">
      <t>ネンカン</t>
    </rPh>
    <rPh sb="36" eb="38">
      <t>ホゾン</t>
    </rPh>
    <rPh sb="48" eb="50">
      <t>チイキ</t>
    </rPh>
    <rPh sb="50" eb="53">
      <t>ミッチャクガタ</t>
    </rPh>
    <rPh sb="53" eb="55">
      <t>ツウショ</t>
    </rPh>
    <rPh sb="55" eb="57">
      <t>カイゴ</t>
    </rPh>
    <rPh sb="57" eb="59">
      <t>ケイカク</t>
    </rPh>
    <rPh sb="61" eb="63">
      <t>テイキョウ</t>
    </rPh>
    <rPh sb="65" eb="68">
      <t>グタイテキ</t>
    </rPh>
    <rPh sb="73" eb="75">
      <t>ナイヨウ</t>
    </rPh>
    <rPh sb="75" eb="76">
      <t>トウ</t>
    </rPh>
    <rPh sb="77" eb="79">
      <t>キロク</t>
    </rPh>
    <rPh sb="84" eb="86">
      <t>ツウチ</t>
    </rPh>
    <rPh sb="87" eb="88">
      <t>カカ</t>
    </rPh>
    <rPh sb="89" eb="91">
      <t>キロク</t>
    </rPh>
    <rPh sb="93" eb="95">
      <t>クジョウ</t>
    </rPh>
    <rPh sb="96" eb="98">
      <t>ナイヨウ</t>
    </rPh>
    <rPh sb="99" eb="101">
      <t>キロク</t>
    </rPh>
    <rPh sb="110" eb="112">
      <t>ジコ</t>
    </rPh>
    <rPh sb="130" eb="136">
      <t>ウンエイスイシンカイギ</t>
    </rPh>
    <rPh sb="137" eb="138">
      <t>カカ</t>
    </rPh>
    <rPh sb="139" eb="141">
      <t>ホウコク</t>
    </rPh>
    <rPh sb="142" eb="144">
      <t>ヒョウカ</t>
    </rPh>
    <rPh sb="145" eb="147">
      <t>ヨウボウ</t>
    </rPh>
    <rPh sb="148" eb="150">
      <t>ジョゲン</t>
    </rPh>
    <rPh sb="150" eb="151">
      <t>トウ</t>
    </rPh>
    <rPh sb="152" eb="154">
      <t>キロク</t>
    </rPh>
    <phoneticPr fontId="3"/>
  </si>
  <si>
    <t>・就業規則
・ハラスメント防止のための指針
・ハラスメント対策マニュアル</t>
    <rPh sb="13" eb="15">
      <t>ボウシ</t>
    </rPh>
    <rPh sb="19" eb="21">
      <t>シシン</t>
    </rPh>
    <rPh sb="29" eb="31">
      <t>タイサク</t>
    </rPh>
    <phoneticPr fontId="2"/>
  </si>
  <si>
    <r>
      <t>ア　事業所の職員として配置する場合
提供時間帯を通じて専従する必要はありませんが、当該看護師は提供時間帯を通じて事業所と</t>
    </r>
    <r>
      <rPr>
        <u/>
        <sz val="9"/>
        <rFont val="ＭＳ ゴシック"/>
        <family val="3"/>
        <charset val="128"/>
      </rPr>
      <t>密接かつ適切な連携</t>
    </r>
    <r>
      <rPr>
        <sz val="9"/>
        <rFont val="ＭＳ ゴシック"/>
        <family val="3"/>
        <charset val="128"/>
      </rPr>
      <t>を図っていますか。</t>
    </r>
    <rPh sb="2" eb="5">
      <t>ジギョウショ</t>
    </rPh>
    <rPh sb="6" eb="8">
      <t>ショクイン</t>
    </rPh>
    <rPh sb="11" eb="13">
      <t>ハイチ</t>
    </rPh>
    <rPh sb="15" eb="17">
      <t>バアイ</t>
    </rPh>
    <rPh sb="18" eb="20">
      <t>テイキョウ</t>
    </rPh>
    <rPh sb="20" eb="23">
      <t>ジカンタイ</t>
    </rPh>
    <rPh sb="24" eb="25">
      <t>ツウ</t>
    </rPh>
    <rPh sb="27" eb="29">
      <t>センジュウ</t>
    </rPh>
    <rPh sb="31" eb="33">
      <t>ヒツヨウ</t>
    </rPh>
    <rPh sb="41" eb="43">
      <t>トウガイ</t>
    </rPh>
    <rPh sb="43" eb="46">
      <t>カンゴシ</t>
    </rPh>
    <rPh sb="47" eb="49">
      <t>テイキョウ</t>
    </rPh>
    <rPh sb="49" eb="52">
      <t>ジカンタイ</t>
    </rPh>
    <rPh sb="53" eb="54">
      <t>ツウ</t>
    </rPh>
    <rPh sb="56" eb="59">
      <t>ジギョウショ</t>
    </rPh>
    <rPh sb="60" eb="62">
      <t>ミッセツ</t>
    </rPh>
    <rPh sb="64" eb="66">
      <t>テキセツ</t>
    </rPh>
    <rPh sb="67" eb="69">
      <t>レンケイ</t>
    </rPh>
    <rPh sb="70" eb="71">
      <t>ハカ</t>
    </rPh>
    <phoneticPr fontId="3"/>
  </si>
  <si>
    <r>
      <t>イ　病院、診療所、訪問看護ステーションとの連携により看護職員を配置する場合
看護職員が通所介護事業所の営業日ごとに利用者の健康状態の確認を行い、病院等と通所介護事業所が提供時間を通じて</t>
    </r>
    <r>
      <rPr>
        <u/>
        <sz val="9"/>
        <rFont val="ＭＳ ゴシック"/>
        <family val="3"/>
        <charset val="128"/>
      </rPr>
      <t>密接かつ適切な連携</t>
    </r>
    <r>
      <rPr>
        <sz val="9"/>
        <rFont val="ＭＳ ゴシック"/>
        <family val="3"/>
        <charset val="128"/>
      </rPr>
      <t>を図っていますか。</t>
    </r>
    <rPh sb="43" eb="45">
      <t>ツウショ</t>
    </rPh>
    <rPh sb="45" eb="47">
      <t>カイゴ</t>
    </rPh>
    <rPh sb="47" eb="50">
      <t>ジギョウショ</t>
    </rPh>
    <rPh sb="76" eb="78">
      <t>ツウショ</t>
    </rPh>
    <rPh sb="78" eb="80">
      <t>カイゴ</t>
    </rPh>
    <rPh sb="80" eb="83">
      <t>ジギョウショ</t>
    </rPh>
    <rPh sb="84" eb="86">
      <t>テイキョウ</t>
    </rPh>
    <rPh sb="86" eb="88">
      <t>ジカン</t>
    </rPh>
    <rPh sb="89" eb="90">
      <t>ツウ</t>
    </rPh>
    <rPh sb="92" eb="94">
      <t>ミッセツ</t>
    </rPh>
    <rPh sb="96" eb="98">
      <t>テキセツ</t>
    </rPh>
    <rPh sb="99" eb="101">
      <t>レンケイ</t>
    </rPh>
    <rPh sb="102" eb="103">
      <t>ハカ</t>
    </rPh>
    <phoneticPr fontId="2"/>
  </si>
  <si>
    <r>
      <rPr>
        <b/>
        <sz val="9"/>
        <rFont val="ＭＳ ゴシック"/>
        <family val="3"/>
        <charset val="128"/>
      </rPr>
      <t>【看護職員】</t>
    </r>
    <r>
      <rPr>
        <sz val="9"/>
        <rFont val="ＭＳ ゴシック"/>
        <family val="3"/>
        <charset val="128"/>
      </rPr>
      <t xml:space="preserve">
単位ごとに、以下のいずれかの方法で専ら当該サービスの提供に当たる看護職員（看護師又は准看護師）を1名以上配置していますか。</t>
    </r>
    <rPh sb="7" eb="9">
      <t>タンイ</t>
    </rPh>
    <rPh sb="13" eb="15">
      <t>イカ</t>
    </rPh>
    <rPh sb="21" eb="23">
      <t>ホウホウ</t>
    </rPh>
    <rPh sb="24" eb="25">
      <t>モッパ</t>
    </rPh>
    <rPh sb="26" eb="28">
      <t>トウガイ</t>
    </rPh>
    <rPh sb="33" eb="35">
      <t>テイキョウ</t>
    </rPh>
    <rPh sb="36" eb="37">
      <t>ア</t>
    </rPh>
    <rPh sb="39" eb="41">
      <t>カンゴ</t>
    </rPh>
    <rPh sb="41" eb="43">
      <t>ショクイン</t>
    </rPh>
    <rPh sb="44" eb="47">
      <t>カンゴシ</t>
    </rPh>
    <rPh sb="47" eb="48">
      <t>マタ</t>
    </rPh>
    <rPh sb="49" eb="53">
      <t>ジュンカンゴシ</t>
    </rPh>
    <rPh sb="56" eb="59">
      <t>メイイジョウ</t>
    </rPh>
    <rPh sb="59" eb="61">
      <t>ハイチ</t>
    </rPh>
    <phoneticPr fontId="3"/>
  </si>
  <si>
    <t>解釈通知1の（1）⑥</t>
    <rPh sb="0" eb="2">
      <t>カイシャク</t>
    </rPh>
    <rPh sb="2" eb="4">
      <t>ツウチ</t>
    </rPh>
    <phoneticPr fontId="15"/>
  </si>
  <si>
    <t>解釈通知1の（1）④</t>
    <phoneticPr fontId="15"/>
  </si>
  <si>
    <t>解釈通知1の（2）</t>
    <phoneticPr fontId="15"/>
  </si>
  <si>
    <t>※「密接かつ適切な連携」とは
通所介護事業所へ駆けつけることができる体制や適切な指示ができる連絡体制などを確保すること。</t>
    <rPh sb="2" eb="4">
      <t>ミッセツ</t>
    </rPh>
    <rPh sb="6" eb="8">
      <t>テキセツ</t>
    </rPh>
    <rPh sb="9" eb="11">
      <t>レンケイ</t>
    </rPh>
    <rPh sb="15" eb="17">
      <t>ツウショ</t>
    </rPh>
    <rPh sb="17" eb="19">
      <t>カイゴ</t>
    </rPh>
    <rPh sb="19" eb="22">
      <t>ジギョウショ</t>
    </rPh>
    <rPh sb="23" eb="24">
      <t>カ</t>
    </rPh>
    <rPh sb="34" eb="36">
      <t>タイセイ</t>
    </rPh>
    <rPh sb="37" eb="39">
      <t>テキセツ</t>
    </rPh>
    <rPh sb="40" eb="42">
      <t>シジ</t>
    </rPh>
    <rPh sb="46" eb="48">
      <t>レンラク</t>
    </rPh>
    <rPh sb="48" eb="50">
      <t>タイセイ</t>
    </rPh>
    <rPh sb="53" eb="55">
      <t>カクホ</t>
    </rPh>
    <phoneticPr fontId="3"/>
  </si>
  <si>
    <t>解釈通知1の（1）⑤</t>
    <phoneticPr fontId="15"/>
  </si>
  <si>
    <t>事業所の設備は、専ら地域密着型通所介護の事業のために使用していますか。</t>
    <rPh sb="0" eb="3">
      <t>ジギョウショ</t>
    </rPh>
    <rPh sb="4" eb="6">
      <t>セツビ</t>
    </rPh>
    <rPh sb="8" eb="9">
      <t>モッパ</t>
    </rPh>
    <rPh sb="10" eb="12">
      <t>チイキ</t>
    </rPh>
    <rPh sb="12" eb="15">
      <t>ミッチャクガタ</t>
    </rPh>
    <rPh sb="15" eb="17">
      <t>ツウショ</t>
    </rPh>
    <rPh sb="17" eb="19">
      <t>カイゴ</t>
    </rPh>
    <rPh sb="20" eb="22">
      <t>ジギョウ</t>
    </rPh>
    <rPh sb="26" eb="28">
      <t>シヨウ</t>
    </rPh>
    <phoneticPr fontId="15"/>
  </si>
  <si>
    <t>【宿泊サービス実施の際の届出】　　　　　　　　　　　　宿泊サービスを提供する場合には、開始前に市長に届け出ていますか。</t>
    <rPh sb="1" eb="3">
      <t>シュクハク</t>
    </rPh>
    <rPh sb="7" eb="9">
      <t>ジッシ</t>
    </rPh>
    <rPh sb="10" eb="11">
      <t>サイ</t>
    </rPh>
    <rPh sb="12" eb="14">
      <t>トドケデ</t>
    </rPh>
    <rPh sb="27" eb="29">
      <t>シュクハク</t>
    </rPh>
    <rPh sb="34" eb="36">
      <t>テイキョウ</t>
    </rPh>
    <rPh sb="38" eb="40">
      <t>バアイ</t>
    </rPh>
    <rPh sb="43" eb="45">
      <t>カイシ</t>
    </rPh>
    <rPh sb="45" eb="46">
      <t>マエ</t>
    </rPh>
    <rPh sb="47" eb="49">
      <t>シチョウ</t>
    </rPh>
    <rPh sb="50" eb="51">
      <t>トド</t>
    </rPh>
    <rPh sb="52" eb="53">
      <t>デ</t>
    </rPh>
    <phoneticPr fontId="3"/>
  </si>
  <si>
    <t>設備を共用している場合、事業所における衛生管理等に一層努めていますか。</t>
    <rPh sb="0" eb="2">
      <t>セツビ</t>
    </rPh>
    <rPh sb="3" eb="5">
      <t>キョウヨウ</t>
    </rPh>
    <rPh sb="9" eb="11">
      <t>バアイ</t>
    </rPh>
    <phoneticPr fontId="15"/>
  </si>
  <si>
    <t>他の事業と共用している場合、以下のいずれかに該当していますか。
□指定居宅サービス事業所等が併設している場合で、両方の設備基準に規定があり、利用者へのサービス提供に支障がない場合。（例：訪問介護が併設の場合は事務室）
□併設する医療機関による指定通所リハビリテーション等を行うスペースと共用する場合で、下記の条件に適合する場合。
ア　地域密着型通所介護の機能訓練と通所リハビリテーションを行うスペースが明確に区分されていること。
イ　地域密着型通所介護の機能訓練室として使用する区分と、通所リハビリテーションを行うスペースとして使用する区分が、それぞれの設備基準を満たすこと。
□総合事業（第一号通所事業）の指定を併せて受け、かつ同一の事業所において一体的に運営されている場合。</t>
    <rPh sb="0" eb="1">
      <t>ホカ</t>
    </rPh>
    <rPh sb="2" eb="4">
      <t>ジギョウ</t>
    </rPh>
    <rPh sb="5" eb="7">
      <t>キョウヨウ</t>
    </rPh>
    <rPh sb="11" eb="13">
      <t>バアイ</t>
    </rPh>
    <rPh sb="14" eb="16">
      <t>イカ</t>
    </rPh>
    <rPh sb="22" eb="24">
      <t>ガイトウ</t>
    </rPh>
    <rPh sb="34" eb="36">
      <t>シテイ</t>
    </rPh>
    <rPh sb="36" eb="38">
      <t>キョタク</t>
    </rPh>
    <rPh sb="42" eb="46">
      <t>ジギョウショナド</t>
    </rPh>
    <rPh sb="47" eb="49">
      <t>ヘイセツ</t>
    </rPh>
    <rPh sb="53" eb="55">
      <t>バアイ</t>
    </rPh>
    <rPh sb="71" eb="74">
      <t>リヨウシャ</t>
    </rPh>
    <rPh sb="80" eb="82">
      <t>テイキョウ</t>
    </rPh>
    <rPh sb="83" eb="85">
      <t>シショウ</t>
    </rPh>
    <rPh sb="88" eb="90">
      <t>バアイ</t>
    </rPh>
    <rPh sb="92" eb="93">
      <t>レイ</t>
    </rPh>
    <rPh sb="94" eb="96">
      <t>ホウモン</t>
    </rPh>
    <rPh sb="96" eb="98">
      <t>カイゴ</t>
    </rPh>
    <rPh sb="99" eb="101">
      <t>ヘイセツ</t>
    </rPh>
    <rPh sb="102" eb="104">
      <t>バアイ</t>
    </rPh>
    <rPh sb="105" eb="108">
      <t>ジムシツ</t>
    </rPh>
    <rPh sb="112" eb="114">
      <t>ヘイセツ</t>
    </rPh>
    <rPh sb="116" eb="118">
      <t>イリョウ</t>
    </rPh>
    <rPh sb="118" eb="120">
      <t>キカン</t>
    </rPh>
    <rPh sb="123" eb="125">
      <t>シテイ</t>
    </rPh>
    <rPh sb="125" eb="127">
      <t>ツウショ</t>
    </rPh>
    <rPh sb="136" eb="137">
      <t>ナド</t>
    </rPh>
    <rPh sb="138" eb="139">
      <t>オコナ</t>
    </rPh>
    <rPh sb="145" eb="147">
      <t>キョウヨウ</t>
    </rPh>
    <rPh sb="149" eb="151">
      <t>バアイ</t>
    </rPh>
    <rPh sb="153" eb="155">
      <t>カキ</t>
    </rPh>
    <rPh sb="169" eb="171">
      <t>チイキ</t>
    </rPh>
    <rPh sb="171" eb="174">
      <t>ミッチャクガタ</t>
    </rPh>
    <rPh sb="174" eb="176">
      <t>ツウショ</t>
    </rPh>
    <rPh sb="176" eb="178">
      <t>カイゴ</t>
    </rPh>
    <rPh sb="179" eb="181">
      <t>キノウ</t>
    </rPh>
    <rPh sb="181" eb="183">
      <t>クンレン</t>
    </rPh>
    <rPh sb="184" eb="186">
      <t>ツウショ</t>
    </rPh>
    <rPh sb="196" eb="197">
      <t>オコナ</t>
    </rPh>
    <rPh sb="203" eb="205">
      <t>メイカク</t>
    </rPh>
    <rPh sb="206" eb="208">
      <t>クブン</t>
    </rPh>
    <rPh sb="219" eb="221">
      <t>チイキ</t>
    </rPh>
    <rPh sb="221" eb="224">
      <t>ミッチャクガタ</t>
    </rPh>
    <rPh sb="224" eb="226">
      <t>ツウショ</t>
    </rPh>
    <rPh sb="226" eb="228">
      <t>カイゴ</t>
    </rPh>
    <rPh sb="229" eb="231">
      <t>キノウ</t>
    </rPh>
    <rPh sb="231" eb="233">
      <t>クンレン</t>
    </rPh>
    <rPh sb="233" eb="234">
      <t>シツ</t>
    </rPh>
    <rPh sb="237" eb="239">
      <t>シヨウ</t>
    </rPh>
    <rPh sb="241" eb="243">
      <t>クブン</t>
    </rPh>
    <rPh sb="245" eb="247">
      <t>ツウショ</t>
    </rPh>
    <rPh sb="257" eb="258">
      <t>オコナ</t>
    </rPh>
    <rPh sb="266" eb="268">
      <t>シヨウ</t>
    </rPh>
    <rPh sb="270" eb="272">
      <t>クブン</t>
    </rPh>
    <rPh sb="279" eb="281">
      <t>セツビ</t>
    </rPh>
    <rPh sb="281" eb="283">
      <t>キジュン</t>
    </rPh>
    <rPh sb="284" eb="285">
      <t>ミ</t>
    </rPh>
    <rPh sb="293" eb="295">
      <t>ソウゴウ</t>
    </rPh>
    <rPh sb="295" eb="297">
      <t>ジギョウ</t>
    </rPh>
    <rPh sb="298" eb="299">
      <t>ダイ</t>
    </rPh>
    <rPh sb="299" eb="301">
      <t>イチゴウ</t>
    </rPh>
    <rPh sb="301" eb="303">
      <t>ツウショ</t>
    </rPh>
    <rPh sb="303" eb="305">
      <t>ジギョウ</t>
    </rPh>
    <rPh sb="307" eb="309">
      <t>シテイ</t>
    </rPh>
    <rPh sb="310" eb="311">
      <t>アワ</t>
    </rPh>
    <rPh sb="313" eb="314">
      <t>ウ</t>
    </rPh>
    <rPh sb="318" eb="320">
      <t>ドウイツ</t>
    </rPh>
    <rPh sb="321" eb="324">
      <t>ジギョウショ</t>
    </rPh>
    <rPh sb="328" eb="331">
      <t>イッタイテキ</t>
    </rPh>
    <rPh sb="332" eb="334">
      <t>ウンエイ</t>
    </rPh>
    <rPh sb="339" eb="341">
      <t>バアイ</t>
    </rPh>
    <phoneticPr fontId="15"/>
  </si>
  <si>
    <t>前項の「食事の提供に要する費用」について、「居住、滞在及び宿泊並びに食事の提供に係る利用料等に関する指針」（平成17年9月7日厚労省告示第419号）に基づき、事前に利用者又はその家族に対して文書により説明を行い、同意を得ていますか。
また、運営規程に記載するとともに、事業所の見やすい場所に掲示していますか。</t>
    <rPh sb="0" eb="2">
      <t>ゼンコウ</t>
    </rPh>
    <rPh sb="4" eb="6">
      <t>ショクジ</t>
    </rPh>
    <rPh sb="7" eb="9">
      <t>テイキョウ</t>
    </rPh>
    <rPh sb="10" eb="11">
      <t>ヨウ</t>
    </rPh>
    <rPh sb="13" eb="15">
      <t>ヒヨウ</t>
    </rPh>
    <rPh sb="22" eb="24">
      <t>キョジュウ</t>
    </rPh>
    <rPh sb="25" eb="27">
      <t>タイザイ</t>
    </rPh>
    <rPh sb="27" eb="28">
      <t>オヨ</t>
    </rPh>
    <rPh sb="29" eb="31">
      <t>シュクハク</t>
    </rPh>
    <rPh sb="31" eb="32">
      <t>ナラ</t>
    </rPh>
    <rPh sb="34" eb="36">
      <t>ショクジ</t>
    </rPh>
    <rPh sb="37" eb="39">
      <t>テイキョウ</t>
    </rPh>
    <rPh sb="40" eb="41">
      <t>カカ</t>
    </rPh>
    <rPh sb="42" eb="46">
      <t>リヨウリョウナド</t>
    </rPh>
    <rPh sb="47" eb="48">
      <t>カン</t>
    </rPh>
    <rPh sb="50" eb="52">
      <t>シシン</t>
    </rPh>
    <rPh sb="54" eb="56">
      <t>ヘイセイ</t>
    </rPh>
    <rPh sb="58" eb="59">
      <t>ネン</t>
    </rPh>
    <rPh sb="60" eb="61">
      <t>ガツ</t>
    </rPh>
    <rPh sb="62" eb="63">
      <t>ニチ</t>
    </rPh>
    <rPh sb="63" eb="66">
      <t>コウロウショウ</t>
    </rPh>
    <rPh sb="66" eb="68">
      <t>コクジ</t>
    </rPh>
    <rPh sb="68" eb="69">
      <t>ダイ</t>
    </rPh>
    <rPh sb="72" eb="73">
      <t>ゴウ</t>
    </rPh>
    <rPh sb="75" eb="76">
      <t>モト</t>
    </rPh>
    <rPh sb="79" eb="81">
      <t>ジゼン</t>
    </rPh>
    <rPh sb="82" eb="84">
      <t>リヨウ</t>
    </rPh>
    <rPh sb="84" eb="85">
      <t>シャ</t>
    </rPh>
    <rPh sb="85" eb="86">
      <t>マタ</t>
    </rPh>
    <rPh sb="89" eb="91">
      <t>カゾク</t>
    </rPh>
    <rPh sb="92" eb="93">
      <t>タイ</t>
    </rPh>
    <rPh sb="95" eb="97">
      <t>ブンショ</t>
    </rPh>
    <rPh sb="100" eb="102">
      <t>セツメイ</t>
    </rPh>
    <rPh sb="103" eb="104">
      <t>オコナ</t>
    </rPh>
    <rPh sb="106" eb="108">
      <t>ドウイ</t>
    </rPh>
    <rPh sb="109" eb="110">
      <t>エ</t>
    </rPh>
    <rPh sb="120" eb="122">
      <t>ウンエイ</t>
    </rPh>
    <rPh sb="122" eb="124">
      <t>キテイ</t>
    </rPh>
    <rPh sb="125" eb="127">
      <t>キサイ</t>
    </rPh>
    <rPh sb="134" eb="137">
      <t>ジギョウショ</t>
    </rPh>
    <rPh sb="138" eb="139">
      <t>ミ</t>
    </rPh>
    <rPh sb="142" eb="144">
      <t>バショ</t>
    </rPh>
    <rPh sb="145" eb="147">
      <t>ケイジ</t>
    </rPh>
    <phoneticPr fontId="3"/>
  </si>
  <si>
    <t>・重要事項説明書
・契約書等
・同意に関する書類</t>
    <rPh sb="1" eb="3">
      <t>ジュウヨウ</t>
    </rPh>
    <rPh sb="3" eb="5">
      <t>ジコウ</t>
    </rPh>
    <rPh sb="5" eb="8">
      <t>セツメイショ</t>
    </rPh>
    <rPh sb="10" eb="13">
      <t>ケイヤクショ</t>
    </rPh>
    <rPh sb="13" eb="14">
      <t>トウ</t>
    </rPh>
    <rPh sb="16" eb="18">
      <t>ドウイ</t>
    </rPh>
    <rPh sb="19" eb="20">
      <t>カン</t>
    </rPh>
    <rPh sb="22" eb="24">
      <t>ショルイ</t>
    </rPh>
    <phoneticPr fontId="3"/>
  </si>
  <si>
    <t>・居宅サービス計画</t>
    <rPh sb="1" eb="3">
      <t>キョタク</t>
    </rPh>
    <rPh sb="7" eb="9">
      <t>ケイカク</t>
    </rPh>
    <phoneticPr fontId="3"/>
  </si>
  <si>
    <t>・重要事項説明書
・運営規程
・領収書控</t>
    <rPh sb="1" eb="3">
      <t>ジュウヨウ</t>
    </rPh>
    <rPh sb="3" eb="5">
      <t>ジコウ</t>
    </rPh>
    <rPh sb="5" eb="8">
      <t>セツメイショ</t>
    </rPh>
    <rPh sb="10" eb="12">
      <t>ウンエイ</t>
    </rPh>
    <rPh sb="12" eb="14">
      <t>キテイ</t>
    </rPh>
    <rPh sb="16" eb="19">
      <t>リョウシュウショ</t>
    </rPh>
    <rPh sb="19" eb="20">
      <t>ヒカ</t>
    </rPh>
    <phoneticPr fontId="3"/>
  </si>
  <si>
    <t>・地域密着型通所介護計画書等
・居宅サービス計画書
・モニタリング、カンファレンス等の記録</t>
    <rPh sb="1" eb="3">
      <t>チイキ</t>
    </rPh>
    <rPh sb="3" eb="6">
      <t>ミッチャクガタ</t>
    </rPh>
    <rPh sb="6" eb="8">
      <t>ツウショ</t>
    </rPh>
    <rPh sb="8" eb="10">
      <t>カイゴ</t>
    </rPh>
    <rPh sb="10" eb="12">
      <t>ケイカク</t>
    </rPh>
    <rPh sb="12" eb="13">
      <t>ショ</t>
    </rPh>
    <rPh sb="13" eb="14">
      <t>トウ</t>
    </rPh>
    <rPh sb="16" eb="18">
      <t>キョタク</t>
    </rPh>
    <rPh sb="22" eb="24">
      <t>ケイカク</t>
    </rPh>
    <rPh sb="24" eb="25">
      <t>ショ</t>
    </rPh>
    <rPh sb="41" eb="42">
      <t>トウ</t>
    </rPh>
    <rPh sb="43" eb="45">
      <t>キロク</t>
    </rPh>
    <phoneticPr fontId="3"/>
  </si>
  <si>
    <t>・市町村に送付した通知に係る記録</t>
    <rPh sb="1" eb="4">
      <t>シチョウソン</t>
    </rPh>
    <rPh sb="5" eb="7">
      <t>ソウフ</t>
    </rPh>
    <rPh sb="9" eb="11">
      <t>ツウチ</t>
    </rPh>
    <rPh sb="12" eb="13">
      <t>カカ</t>
    </rPh>
    <rPh sb="14" eb="16">
      <t>キロク</t>
    </rPh>
    <phoneticPr fontId="3"/>
  </si>
  <si>
    <r>
      <t>法定代理受領サービスの提供</t>
    </r>
    <r>
      <rPr>
        <sz val="9"/>
        <rFont val="ＭＳ ゴシック"/>
        <family val="3"/>
        <charset val="128"/>
      </rPr>
      <t>を受けるための援助</t>
    </r>
    <rPh sb="0" eb="2">
      <t>ホウテイ</t>
    </rPh>
    <rPh sb="2" eb="4">
      <t>ダイリ</t>
    </rPh>
    <rPh sb="4" eb="6">
      <t>ジュリョウ</t>
    </rPh>
    <rPh sb="11" eb="13">
      <t>テイキョウ</t>
    </rPh>
    <rPh sb="20" eb="22">
      <t>エンジョ</t>
    </rPh>
    <phoneticPr fontId="3"/>
  </si>
  <si>
    <r>
      <t>利用申込者又はその家族に対し、居宅サービス計画の作成を居宅介護支援事業者に依頼する旨を市に対して届け出ること等により、地域密着型通所介護</t>
    </r>
    <r>
      <rPr>
        <sz val="9"/>
        <rFont val="ＭＳ ゴシック"/>
        <family val="3"/>
        <charset val="128"/>
      </rPr>
      <t>を法定代理受領サービスとして受けることができる旨を説明すること、居宅介護支援事業者に関する情報提供すること、その他の法定代理受領サービスを行うために必要な援助を行っていますか。</t>
    </r>
    <rPh sb="0" eb="2">
      <t>リヨウ</t>
    </rPh>
    <rPh sb="2" eb="4">
      <t>モウシコミ</t>
    </rPh>
    <rPh sb="4" eb="5">
      <t>シャ</t>
    </rPh>
    <rPh sb="5" eb="6">
      <t>マタ</t>
    </rPh>
    <rPh sb="9" eb="11">
      <t>カゾク</t>
    </rPh>
    <rPh sb="12" eb="13">
      <t>タイ</t>
    </rPh>
    <rPh sb="15" eb="17">
      <t>キョタク</t>
    </rPh>
    <rPh sb="21" eb="23">
      <t>ケイカク</t>
    </rPh>
    <rPh sb="24" eb="26">
      <t>サクセイ</t>
    </rPh>
    <rPh sb="27" eb="29">
      <t>キョタク</t>
    </rPh>
    <rPh sb="29" eb="31">
      <t>カイゴ</t>
    </rPh>
    <rPh sb="31" eb="33">
      <t>シエン</t>
    </rPh>
    <rPh sb="33" eb="36">
      <t>ジギョウシャ</t>
    </rPh>
    <rPh sb="37" eb="39">
      <t>イライ</t>
    </rPh>
    <rPh sb="41" eb="42">
      <t>ムネ</t>
    </rPh>
    <rPh sb="48" eb="49">
      <t>トド</t>
    </rPh>
    <rPh sb="50" eb="51">
      <t>デ</t>
    </rPh>
    <rPh sb="54" eb="55">
      <t>トウ</t>
    </rPh>
    <rPh sb="69" eb="71">
      <t>ホウテイ</t>
    </rPh>
    <rPh sb="71" eb="73">
      <t>ダイリ</t>
    </rPh>
    <rPh sb="73" eb="75">
      <t>ジュリョウ</t>
    </rPh>
    <rPh sb="82" eb="83">
      <t>ウ</t>
    </rPh>
    <rPh sb="91" eb="92">
      <t>ムネ</t>
    </rPh>
    <rPh sb="93" eb="95">
      <t>セツメイ</t>
    </rPh>
    <rPh sb="100" eb="102">
      <t>キョタク</t>
    </rPh>
    <rPh sb="102" eb="104">
      <t>カイゴ</t>
    </rPh>
    <rPh sb="104" eb="106">
      <t>シエン</t>
    </rPh>
    <rPh sb="106" eb="108">
      <t>ジギョウ</t>
    </rPh>
    <rPh sb="108" eb="109">
      <t>シャ</t>
    </rPh>
    <rPh sb="110" eb="111">
      <t>カン</t>
    </rPh>
    <rPh sb="113" eb="115">
      <t>ジョウホウ</t>
    </rPh>
    <rPh sb="115" eb="117">
      <t>テイキョウ</t>
    </rPh>
    <rPh sb="124" eb="125">
      <t>タ</t>
    </rPh>
    <rPh sb="126" eb="128">
      <t>ホウテイ</t>
    </rPh>
    <rPh sb="128" eb="130">
      <t>ダイリ</t>
    </rPh>
    <rPh sb="130" eb="132">
      <t>ジュリョウ</t>
    </rPh>
    <rPh sb="137" eb="138">
      <t>オコナ</t>
    </rPh>
    <rPh sb="142" eb="144">
      <t>ヒツヨウ</t>
    </rPh>
    <rPh sb="145" eb="147">
      <t>エンジョ</t>
    </rPh>
    <rPh sb="148" eb="149">
      <t>オコナ</t>
    </rPh>
    <phoneticPr fontId="3"/>
  </si>
  <si>
    <r>
      <t>居宅サービス計画</t>
    </r>
    <r>
      <rPr>
        <sz val="9"/>
        <rFont val="ＭＳ ゴシック"/>
        <family val="3"/>
        <charset val="128"/>
      </rPr>
      <t>に沿ったサービスの提供</t>
    </r>
    <rPh sb="0" eb="2">
      <t>キョタク</t>
    </rPh>
    <rPh sb="6" eb="8">
      <t>ケイカク</t>
    </rPh>
    <rPh sb="9" eb="10">
      <t>ソ</t>
    </rPh>
    <rPh sb="17" eb="19">
      <t>テイキョウ</t>
    </rPh>
    <phoneticPr fontId="3"/>
  </si>
  <si>
    <r>
      <t>居宅サービス計画</t>
    </r>
    <r>
      <rPr>
        <sz val="9"/>
        <rFont val="ＭＳ ゴシック"/>
        <family val="3"/>
        <charset val="128"/>
      </rPr>
      <t>が作成されている場合は、当該計画に沿ったサービスを提供していますか。</t>
    </r>
    <rPh sb="0" eb="2">
      <t>キョタク</t>
    </rPh>
    <rPh sb="6" eb="8">
      <t>ケイカク</t>
    </rPh>
    <rPh sb="9" eb="11">
      <t>サクセイ</t>
    </rPh>
    <rPh sb="16" eb="18">
      <t>バアイ</t>
    </rPh>
    <rPh sb="20" eb="22">
      <t>トウガイ</t>
    </rPh>
    <rPh sb="22" eb="24">
      <t>ケイカク</t>
    </rPh>
    <rPh sb="25" eb="26">
      <t>ソ</t>
    </rPh>
    <rPh sb="33" eb="35">
      <t>テイキョウ</t>
    </rPh>
    <phoneticPr fontId="3"/>
  </si>
  <si>
    <r>
      <t>利用者が居宅サービス計画</t>
    </r>
    <r>
      <rPr>
        <sz val="9"/>
        <rFont val="ＭＳ ゴシック"/>
        <family val="3"/>
        <charset val="128"/>
      </rPr>
      <t>等の変更を希望する場合は、居宅介護支援事業者への連絡その他の必要な援助を行っていますか。</t>
    </r>
    <rPh sb="0" eb="3">
      <t>リヨウシャ</t>
    </rPh>
    <rPh sb="4" eb="6">
      <t>キョタク</t>
    </rPh>
    <rPh sb="10" eb="12">
      <t>ケイカク</t>
    </rPh>
    <rPh sb="12" eb="13">
      <t>トウ</t>
    </rPh>
    <rPh sb="14" eb="16">
      <t>ヘンコウ</t>
    </rPh>
    <rPh sb="17" eb="19">
      <t>キボウ</t>
    </rPh>
    <rPh sb="21" eb="23">
      <t>バアイ</t>
    </rPh>
    <rPh sb="25" eb="27">
      <t>キョタク</t>
    </rPh>
    <rPh sb="27" eb="29">
      <t>カイゴ</t>
    </rPh>
    <rPh sb="29" eb="31">
      <t>シエン</t>
    </rPh>
    <rPh sb="31" eb="34">
      <t>ジギョウシャ</t>
    </rPh>
    <rPh sb="36" eb="38">
      <t>レンラク</t>
    </rPh>
    <rPh sb="40" eb="41">
      <t>タ</t>
    </rPh>
    <rPh sb="42" eb="44">
      <t>ヒツヨウ</t>
    </rPh>
    <rPh sb="45" eb="47">
      <t>エンジョ</t>
    </rPh>
    <rPh sb="48" eb="49">
      <t>オコナ</t>
    </rPh>
    <phoneticPr fontId="3"/>
  </si>
  <si>
    <r>
      <t>介護保険の自己負担分以外に、以下の費用の支払いを利用者から受けていますか。該当するものにチェックをしてください。
□ 利用者の選定により通常の事業の実施地域以外の地域に居する利用者に対して行う送迎に要する費用
□ 延長サービス提供で、利用者の選定に係るものの提供に伴い必要となる費用の範囲内において，通常の指定地域密着型通所介護に係る地域密着型介護サービス費用基</t>
    </r>
    <r>
      <rPr>
        <sz val="9"/>
        <color theme="1"/>
        <rFont val="ＭＳ ゴシック"/>
        <family val="3"/>
        <charset val="128"/>
      </rPr>
      <t>準額を超える費用</t>
    </r>
    <r>
      <rPr>
        <sz val="9"/>
        <rFont val="ＭＳ ゴシック"/>
        <family val="3"/>
        <charset val="128"/>
      </rPr>
      <t xml:space="preserve">
□ 食事の提供に要する費用
□ おむつ代
□ 指定地域密着型通所介護の提供において提供されるサービスのうち，日常生活においても通常必要となるものに係る費用であって，利用者負担とすることが適当な費用</t>
    </r>
    <rPh sb="156" eb="161">
      <t>チイキミッチャクガタ</t>
    </rPh>
    <rPh sb="168" eb="170">
      <t>チイキ</t>
    </rPh>
    <rPh sb="170" eb="173">
      <t>ミッチャクガタ</t>
    </rPh>
    <rPh sb="216" eb="221">
      <t>チイキミッチャクガタ</t>
    </rPh>
    <phoneticPr fontId="3"/>
  </si>
  <si>
    <r>
      <t>法定代理受領サービスに該当しない地域密着型通所介護に係る利用料の支払いを受けた場合は、提供した地域密着型通所介護</t>
    </r>
    <r>
      <rPr>
        <sz val="9"/>
        <rFont val="ＭＳ ゴシック"/>
        <family val="3"/>
        <charset val="128"/>
      </rPr>
      <t>の内容、費用の額その他必要と認められる事項を記載したサービス提供証明書を利用者に対し交付していますか。</t>
    </r>
    <rPh sb="0" eb="2">
      <t>ホウテイ</t>
    </rPh>
    <rPh sb="2" eb="4">
      <t>ダイリ</t>
    </rPh>
    <rPh sb="4" eb="6">
      <t>ジュリョウ</t>
    </rPh>
    <rPh sb="11" eb="12">
      <t>ガイ</t>
    </rPh>
    <rPh sb="12" eb="13">
      <t>トウ</t>
    </rPh>
    <rPh sb="16" eb="18">
      <t>チイキ</t>
    </rPh>
    <rPh sb="18" eb="21">
      <t>ミッチャクガタ</t>
    </rPh>
    <rPh sb="21" eb="23">
      <t>ツウショ</t>
    </rPh>
    <rPh sb="23" eb="25">
      <t>カイゴ</t>
    </rPh>
    <rPh sb="26" eb="27">
      <t>カカ</t>
    </rPh>
    <rPh sb="28" eb="31">
      <t>リヨウリョウ</t>
    </rPh>
    <rPh sb="32" eb="34">
      <t>シハラ</t>
    </rPh>
    <rPh sb="36" eb="37">
      <t>ウ</t>
    </rPh>
    <rPh sb="39" eb="41">
      <t>バアイ</t>
    </rPh>
    <rPh sb="43" eb="45">
      <t>テイキョウ</t>
    </rPh>
    <rPh sb="47" eb="49">
      <t>チイキ</t>
    </rPh>
    <rPh sb="49" eb="52">
      <t>ミッチャクガタ</t>
    </rPh>
    <rPh sb="57" eb="59">
      <t>ナイヨウ</t>
    </rPh>
    <rPh sb="60" eb="62">
      <t>ヒヨウ</t>
    </rPh>
    <rPh sb="63" eb="64">
      <t>ガク</t>
    </rPh>
    <rPh sb="66" eb="67">
      <t>タ</t>
    </rPh>
    <rPh sb="67" eb="69">
      <t>ヒツヨウ</t>
    </rPh>
    <rPh sb="70" eb="71">
      <t>ミト</t>
    </rPh>
    <rPh sb="75" eb="77">
      <t>ジコウ</t>
    </rPh>
    <rPh sb="78" eb="80">
      <t>キサイ</t>
    </rPh>
    <rPh sb="86" eb="88">
      <t>テイキョウ</t>
    </rPh>
    <rPh sb="88" eb="90">
      <t>ショウメイ</t>
    </rPh>
    <rPh sb="90" eb="91">
      <t>ショ</t>
    </rPh>
    <rPh sb="92" eb="94">
      <t>リヨウ</t>
    </rPh>
    <rPh sb="94" eb="95">
      <t>シャ</t>
    </rPh>
    <rPh sb="96" eb="97">
      <t>タイ</t>
    </rPh>
    <rPh sb="98" eb="100">
      <t>コウフ</t>
    </rPh>
    <phoneticPr fontId="3"/>
  </si>
  <si>
    <r>
      <t>地域密着型通所介護</t>
    </r>
    <r>
      <rPr>
        <sz val="9"/>
        <rFont val="ＭＳ ゴシック"/>
        <family val="3"/>
        <charset val="128"/>
      </rPr>
      <t>の基本取扱方針</t>
    </r>
    <rPh sb="0" eb="2">
      <t>チイキ</t>
    </rPh>
    <rPh sb="2" eb="5">
      <t>ミッチャクガタ</t>
    </rPh>
    <rPh sb="5" eb="7">
      <t>ツウショ</t>
    </rPh>
    <rPh sb="7" eb="9">
      <t>カイゴ</t>
    </rPh>
    <rPh sb="10" eb="12">
      <t>キホン</t>
    </rPh>
    <rPh sb="12" eb="14">
      <t>トリアツカイ</t>
    </rPh>
    <rPh sb="14" eb="16">
      <t>ホウシン</t>
    </rPh>
    <phoneticPr fontId="3"/>
  </si>
  <si>
    <r>
      <t>地域密着型通所介護の提供は、利用者の要介護状態の軽減又は悪化の防止</t>
    </r>
    <r>
      <rPr>
        <sz val="9"/>
        <rFont val="ＭＳ ゴシック"/>
        <family val="3"/>
        <charset val="128"/>
      </rPr>
      <t>に資するよう目標を設定し、計画的に行われていますか。</t>
    </r>
    <rPh sb="0" eb="2">
      <t>チイキ</t>
    </rPh>
    <rPh sb="2" eb="5">
      <t>ミッチャクガタ</t>
    </rPh>
    <rPh sb="5" eb="7">
      <t>ツウショ</t>
    </rPh>
    <rPh sb="7" eb="9">
      <t>カイゴ</t>
    </rPh>
    <rPh sb="10" eb="12">
      <t>テイキョウ</t>
    </rPh>
    <rPh sb="14" eb="17">
      <t>リヨウシャ</t>
    </rPh>
    <rPh sb="18" eb="19">
      <t>ヨウ</t>
    </rPh>
    <rPh sb="19" eb="21">
      <t>カイゴ</t>
    </rPh>
    <rPh sb="21" eb="23">
      <t>ジョウタイ</t>
    </rPh>
    <rPh sb="24" eb="26">
      <t>ケイゲン</t>
    </rPh>
    <rPh sb="26" eb="27">
      <t>マタ</t>
    </rPh>
    <rPh sb="28" eb="30">
      <t>アッカ</t>
    </rPh>
    <rPh sb="34" eb="35">
      <t>シ</t>
    </rPh>
    <rPh sb="39" eb="41">
      <t>モクヒョウ</t>
    </rPh>
    <rPh sb="42" eb="44">
      <t>セッテイ</t>
    </rPh>
    <rPh sb="46" eb="49">
      <t>ケイカクテキ</t>
    </rPh>
    <rPh sb="50" eb="51">
      <t>オコナ</t>
    </rPh>
    <phoneticPr fontId="3"/>
  </si>
  <si>
    <r>
      <t>自らその提供する地域密着型通所介護</t>
    </r>
    <r>
      <rPr>
        <sz val="9"/>
        <rFont val="ＭＳ ゴシック"/>
        <family val="3"/>
        <charset val="128"/>
      </rPr>
      <t>の質の評価を行い、常にその改善に取り組んでいますか。</t>
    </r>
    <rPh sb="0" eb="1">
      <t>ミズカ</t>
    </rPh>
    <rPh sb="4" eb="6">
      <t>テイキョウ</t>
    </rPh>
    <rPh sb="8" eb="10">
      <t>チイキ</t>
    </rPh>
    <rPh sb="10" eb="13">
      <t>ミッチャクガタ</t>
    </rPh>
    <rPh sb="13" eb="15">
      <t>ツウショ</t>
    </rPh>
    <rPh sb="15" eb="17">
      <t>カイゴ</t>
    </rPh>
    <rPh sb="18" eb="19">
      <t>シツ</t>
    </rPh>
    <rPh sb="20" eb="22">
      <t>ヒョウカ</t>
    </rPh>
    <rPh sb="23" eb="24">
      <t>オコナ</t>
    </rPh>
    <rPh sb="26" eb="27">
      <t>ツネ</t>
    </rPh>
    <rPh sb="30" eb="32">
      <t>カイゼン</t>
    </rPh>
    <rPh sb="33" eb="34">
      <t>ト</t>
    </rPh>
    <rPh sb="35" eb="36">
      <t>ク</t>
    </rPh>
    <phoneticPr fontId="3"/>
  </si>
  <si>
    <r>
      <t>管理者は利用者の心身の状況、希望及びその置かれている環境を踏まえて、機能訓練等の目標、目標を達成するための具体的なサービスの内容等を記載した地域密着型通所介護計画書</t>
    </r>
    <r>
      <rPr>
        <sz val="9"/>
        <rFont val="ＭＳ ゴシック"/>
        <family val="3"/>
        <charset val="128"/>
      </rPr>
      <t>を作成していますか。</t>
    </r>
    <rPh sb="0" eb="3">
      <t>カンリシャ</t>
    </rPh>
    <rPh sb="4" eb="7">
      <t>リヨウシャ</t>
    </rPh>
    <rPh sb="8" eb="10">
      <t>シンシン</t>
    </rPh>
    <rPh sb="11" eb="13">
      <t>ジョウキョウ</t>
    </rPh>
    <rPh sb="14" eb="16">
      <t>キボウ</t>
    </rPh>
    <rPh sb="16" eb="17">
      <t>オヨ</t>
    </rPh>
    <rPh sb="20" eb="21">
      <t>オ</t>
    </rPh>
    <rPh sb="26" eb="28">
      <t>カンキョウ</t>
    </rPh>
    <rPh sb="29" eb="30">
      <t>フ</t>
    </rPh>
    <rPh sb="34" eb="36">
      <t>キノウ</t>
    </rPh>
    <rPh sb="36" eb="38">
      <t>クンレン</t>
    </rPh>
    <rPh sb="38" eb="39">
      <t>トウ</t>
    </rPh>
    <rPh sb="40" eb="42">
      <t>モクヒョウ</t>
    </rPh>
    <rPh sb="43" eb="45">
      <t>モクヒョウ</t>
    </rPh>
    <rPh sb="46" eb="48">
      <t>タッセイ</t>
    </rPh>
    <rPh sb="53" eb="56">
      <t>グタイテキ</t>
    </rPh>
    <rPh sb="62" eb="64">
      <t>ナイヨウ</t>
    </rPh>
    <rPh sb="64" eb="65">
      <t>トウ</t>
    </rPh>
    <rPh sb="66" eb="68">
      <t>キサイ</t>
    </rPh>
    <rPh sb="70" eb="72">
      <t>チイキ</t>
    </rPh>
    <rPh sb="72" eb="75">
      <t>ミッチャクガタ</t>
    </rPh>
    <rPh sb="75" eb="77">
      <t>ツウショ</t>
    </rPh>
    <rPh sb="77" eb="79">
      <t>カイゴ</t>
    </rPh>
    <rPh sb="79" eb="81">
      <t>ケイカク</t>
    </rPh>
    <rPh sb="81" eb="82">
      <t>ショ</t>
    </rPh>
    <rPh sb="83" eb="85">
      <t>サクセイ</t>
    </rPh>
    <phoneticPr fontId="3"/>
  </si>
  <si>
    <r>
      <t>地域密着型通所介護計画書</t>
    </r>
    <r>
      <rPr>
        <sz val="9"/>
        <rFont val="ＭＳ ゴシック"/>
        <family val="3"/>
        <charset val="128"/>
      </rPr>
      <t>は,居宅サービス計画書</t>
    </r>
    <r>
      <rPr>
        <sz val="9"/>
        <rFont val="ＭＳ ゴシック"/>
        <family val="3"/>
        <charset val="128"/>
      </rPr>
      <t>に沿った内容となっていますか。</t>
    </r>
    <rPh sb="0" eb="2">
      <t>チイキ</t>
    </rPh>
    <rPh sb="2" eb="5">
      <t>ミッチャクガタ</t>
    </rPh>
    <rPh sb="5" eb="7">
      <t>ツウショ</t>
    </rPh>
    <rPh sb="7" eb="9">
      <t>カイゴ</t>
    </rPh>
    <phoneticPr fontId="3"/>
  </si>
  <si>
    <r>
      <t>地域密着型通所介護計画書</t>
    </r>
    <r>
      <rPr>
        <sz val="9"/>
        <rFont val="ＭＳ ゴシック"/>
        <family val="3"/>
        <charset val="128"/>
      </rPr>
      <t>内容について利用者又はその家族に説明を行い、利用者から同意を得ていますか。</t>
    </r>
    <rPh sb="0" eb="2">
      <t>チイキ</t>
    </rPh>
    <rPh sb="2" eb="5">
      <t>ミッチャクガタ</t>
    </rPh>
    <rPh sb="5" eb="7">
      <t>ツウショ</t>
    </rPh>
    <rPh sb="7" eb="9">
      <t>カイゴ</t>
    </rPh>
    <rPh sb="12" eb="14">
      <t>ナイヨウ</t>
    </rPh>
    <rPh sb="21" eb="22">
      <t>マタ</t>
    </rPh>
    <phoneticPr fontId="3"/>
  </si>
  <si>
    <t xml:space="preserve">地密型条例　第59条の3第1項（1）
</t>
    <phoneticPr fontId="3"/>
  </si>
  <si>
    <t>地密型条例第59条3第1項（2）</t>
    <rPh sb="5" eb="6">
      <t>ダイ</t>
    </rPh>
    <rPh sb="8" eb="9">
      <t>ジョウ</t>
    </rPh>
    <rPh sb="10" eb="11">
      <t>ダイ</t>
    </rPh>
    <rPh sb="12" eb="13">
      <t>コウ</t>
    </rPh>
    <phoneticPr fontId="3"/>
  </si>
  <si>
    <t>地密型条例第59条の3第1項(3)</t>
    <phoneticPr fontId="3"/>
  </si>
  <si>
    <t>地密型条例第59条の3第3項</t>
    <phoneticPr fontId="3"/>
  </si>
  <si>
    <t>地密型条例第59条の3第7項</t>
    <rPh sb="5" eb="6">
      <t>ダイ</t>
    </rPh>
    <rPh sb="8" eb="9">
      <t>ジョウ</t>
    </rPh>
    <rPh sb="11" eb="12">
      <t>ダイ</t>
    </rPh>
    <rPh sb="13" eb="14">
      <t>コウ</t>
    </rPh>
    <phoneticPr fontId="3"/>
  </si>
  <si>
    <t>地密型条例第59条3第1項（4）</t>
    <phoneticPr fontId="3"/>
  </si>
  <si>
    <t>地密型条例第59条の4</t>
    <rPh sb="5" eb="6">
      <t>ダイ</t>
    </rPh>
    <rPh sb="8" eb="9">
      <t>ジョウ</t>
    </rPh>
    <phoneticPr fontId="2"/>
  </si>
  <si>
    <t>地密型条例　　第59条の5</t>
    <rPh sb="7" eb="8">
      <t>ダイ</t>
    </rPh>
    <rPh sb="10" eb="11">
      <t>ジョウ</t>
    </rPh>
    <phoneticPr fontId="3"/>
  </si>
  <si>
    <t>地密型条例　　第59条20(第9条準用）</t>
    <rPh sb="7" eb="8">
      <t>ダイ</t>
    </rPh>
    <rPh sb="10" eb="11">
      <t>ジョウ</t>
    </rPh>
    <rPh sb="14" eb="15">
      <t>ダイ</t>
    </rPh>
    <rPh sb="16" eb="17">
      <t>ジョウ</t>
    </rPh>
    <rPh sb="17" eb="19">
      <t>ジュンヨウ</t>
    </rPh>
    <phoneticPr fontId="3"/>
  </si>
  <si>
    <t>地密型条例第59条の20（第10条準用）</t>
    <rPh sb="5" eb="6">
      <t>ダイ</t>
    </rPh>
    <rPh sb="8" eb="9">
      <t>ジョウ</t>
    </rPh>
    <rPh sb="13" eb="14">
      <t>ダイ</t>
    </rPh>
    <rPh sb="16" eb="17">
      <t>ジョウ</t>
    </rPh>
    <rPh sb="17" eb="19">
      <t>ジュンヨウ</t>
    </rPh>
    <phoneticPr fontId="3"/>
  </si>
  <si>
    <t>地密型条例第59条の20（第11条準用）</t>
    <rPh sb="5" eb="6">
      <t>ダイ</t>
    </rPh>
    <rPh sb="8" eb="9">
      <t>ジョウ</t>
    </rPh>
    <rPh sb="13" eb="14">
      <t>ダイ</t>
    </rPh>
    <rPh sb="16" eb="17">
      <t>ジョウ</t>
    </rPh>
    <rPh sb="17" eb="19">
      <t>ジュンヨウ</t>
    </rPh>
    <phoneticPr fontId="3"/>
  </si>
  <si>
    <t>地密型条例第59条の20（第12条準用）</t>
    <rPh sb="5" eb="6">
      <t>ダイ</t>
    </rPh>
    <rPh sb="8" eb="9">
      <t>ジョウ</t>
    </rPh>
    <rPh sb="13" eb="14">
      <t>ダイ</t>
    </rPh>
    <rPh sb="16" eb="17">
      <t>ジョウ</t>
    </rPh>
    <rPh sb="17" eb="19">
      <t>ジュンヨウ</t>
    </rPh>
    <phoneticPr fontId="3"/>
  </si>
  <si>
    <t>地密型条例第59条の20（第13条準用）</t>
    <rPh sb="5" eb="6">
      <t>ダイ</t>
    </rPh>
    <rPh sb="8" eb="9">
      <t>ジョウ</t>
    </rPh>
    <rPh sb="13" eb="14">
      <t>ダイ</t>
    </rPh>
    <rPh sb="16" eb="17">
      <t>ジョウ</t>
    </rPh>
    <rPh sb="17" eb="19">
      <t>ジュンヨウ</t>
    </rPh>
    <phoneticPr fontId="3"/>
  </si>
  <si>
    <t>地密型条例第59条の6</t>
    <rPh sb="5" eb="6">
      <t>ダイ</t>
    </rPh>
    <rPh sb="8" eb="9">
      <t>ジョウ</t>
    </rPh>
    <phoneticPr fontId="3"/>
  </si>
  <si>
    <t>地密型条例第59条の20（第15条準用）</t>
    <rPh sb="5" eb="6">
      <t>ダイ</t>
    </rPh>
    <rPh sb="8" eb="9">
      <t>ジョウ</t>
    </rPh>
    <rPh sb="13" eb="14">
      <t>ダイ</t>
    </rPh>
    <rPh sb="16" eb="17">
      <t>ジョウ</t>
    </rPh>
    <rPh sb="17" eb="19">
      <t>ジュンヨウ</t>
    </rPh>
    <phoneticPr fontId="3"/>
  </si>
  <si>
    <t>地密型条例第59条の20（第16条準用）</t>
    <rPh sb="5" eb="6">
      <t>ダイ</t>
    </rPh>
    <rPh sb="8" eb="9">
      <t>ジョウ</t>
    </rPh>
    <rPh sb="13" eb="14">
      <t>ダイ</t>
    </rPh>
    <rPh sb="16" eb="17">
      <t>ジョウ</t>
    </rPh>
    <rPh sb="17" eb="19">
      <t>ジュンヨウ</t>
    </rPh>
    <phoneticPr fontId="3"/>
  </si>
  <si>
    <t>地密型条例第59条の20（第17条準用）</t>
    <rPh sb="5" eb="6">
      <t>ダイ</t>
    </rPh>
    <rPh sb="8" eb="9">
      <t>ジョウ</t>
    </rPh>
    <rPh sb="13" eb="14">
      <t>ダイ</t>
    </rPh>
    <rPh sb="16" eb="17">
      <t>ジョウ</t>
    </rPh>
    <rPh sb="17" eb="19">
      <t>ジュンヨウ</t>
    </rPh>
    <phoneticPr fontId="3"/>
  </si>
  <si>
    <t>地密型条例第59条の20（第20条準用）</t>
    <rPh sb="5" eb="6">
      <t>ダイ</t>
    </rPh>
    <rPh sb="8" eb="9">
      <t>ジョウ</t>
    </rPh>
    <rPh sb="13" eb="14">
      <t>ダイ</t>
    </rPh>
    <rPh sb="16" eb="17">
      <t>ジョウ</t>
    </rPh>
    <rPh sb="17" eb="19">
      <t>ジュンヨウ</t>
    </rPh>
    <phoneticPr fontId="3"/>
  </si>
  <si>
    <t>地密型条例第59条の7</t>
    <rPh sb="5" eb="6">
      <t>ダイ</t>
    </rPh>
    <rPh sb="8" eb="9">
      <t>ジョウ</t>
    </rPh>
    <phoneticPr fontId="3"/>
  </si>
  <si>
    <t>地密型条例　　第59条の8</t>
    <rPh sb="7" eb="8">
      <t>ダイ</t>
    </rPh>
    <rPh sb="10" eb="11">
      <t>ジョウ</t>
    </rPh>
    <phoneticPr fontId="3"/>
  </si>
  <si>
    <t>地密型条例第59条の9</t>
    <rPh sb="5" eb="6">
      <t>ダイ</t>
    </rPh>
    <rPh sb="8" eb="9">
      <t>ジョウ</t>
    </rPh>
    <phoneticPr fontId="3"/>
  </si>
  <si>
    <t>地密型条例第59条の10</t>
    <rPh sb="5" eb="6">
      <t>ダイ</t>
    </rPh>
    <rPh sb="8" eb="9">
      <t>ジョウ</t>
    </rPh>
    <phoneticPr fontId="2"/>
  </si>
  <si>
    <t>地密型条例第59条の10第3項</t>
    <rPh sb="5" eb="6">
      <t>ダイ</t>
    </rPh>
    <rPh sb="8" eb="9">
      <t>ジョウ</t>
    </rPh>
    <rPh sb="12" eb="13">
      <t>ダイ</t>
    </rPh>
    <rPh sb="14" eb="15">
      <t>コウ</t>
    </rPh>
    <phoneticPr fontId="2"/>
  </si>
  <si>
    <t>地密型条例第59条の10第4項</t>
    <rPh sb="5" eb="6">
      <t>ダイ</t>
    </rPh>
    <rPh sb="8" eb="9">
      <t>ジョウ</t>
    </rPh>
    <rPh sb="12" eb="13">
      <t>ダイ</t>
    </rPh>
    <rPh sb="14" eb="15">
      <t>コウ</t>
    </rPh>
    <phoneticPr fontId="2"/>
  </si>
  <si>
    <t>地密型条例   第59条の20（第28条準用）</t>
    <rPh sb="8" eb="9">
      <t>ダイ</t>
    </rPh>
    <rPh sb="11" eb="12">
      <t>ジョウ</t>
    </rPh>
    <rPh sb="16" eb="17">
      <t>ダイ</t>
    </rPh>
    <rPh sb="19" eb="20">
      <t>ジョウ</t>
    </rPh>
    <rPh sb="20" eb="22">
      <t>ジュンヨウ</t>
    </rPh>
    <phoneticPr fontId="3"/>
  </si>
  <si>
    <t>地密型条例   第59条の20（第53条準用）</t>
    <rPh sb="8" eb="9">
      <t>ダイ</t>
    </rPh>
    <rPh sb="11" eb="12">
      <t>ジョウ</t>
    </rPh>
    <rPh sb="16" eb="17">
      <t>ダイ</t>
    </rPh>
    <rPh sb="19" eb="20">
      <t>ジョウ</t>
    </rPh>
    <rPh sb="20" eb="22">
      <t>ジュンヨウ</t>
    </rPh>
    <phoneticPr fontId="3"/>
  </si>
  <si>
    <t>地密型条例第59条の11</t>
    <rPh sb="5" eb="6">
      <t>ダイ</t>
    </rPh>
    <rPh sb="8" eb="9">
      <t>ジョウ</t>
    </rPh>
    <phoneticPr fontId="2"/>
  </si>
  <si>
    <t>地密型条例　第59条の12</t>
    <rPh sb="6" eb="7">
      <t>ダイ</t>
    </rPh>
    <rPh sb="9" eb="10">
      <t>ジョウ</t>
    </rPh>
    <phoneticPr fontId="3"/>
  </si>
  <si>
    <t>地密型条例第59条の13　　　</t>
    <rPh sb="5" eb="6">
      <t>ダイ</t>
    </rPh>
    <rPh sb="8" eb="9">
      <t>ジョウ</t>
    </rPh>
    <phoneticPr fontId="3"/>
  </si>
  <si>
    <t>地密型条例第59条の20(第32条の2準用）</t>
    <rPh sb="5" eb="6">
      <t>ダイ</t>
    </rPh>
    <rPh sb="8" eb="9">
      <t>ジョウ</t>
    </rPh>
    <rPh sb="13" eb="14">
      <t>ダイ</t>
    </rPh>
    <rPh sb="16" eb="17">
      <t>ジョウ</t>
    </rPh>
    <rPh sb="19" eb="21">
      <t>ジュンヨウ</t>
    </rPh>
    <phoneticPr fontId="2"/>
  </si>
  <si>
    <t>地密型条例　　第59条の14</t>
    <rPh sb="7" eb="8">
      <t>ダイ</t>
    </rPh>
    <rPh sb="10" eb="11">
      <t>ジョウ</t>
    </rPh>
    <phoneticPr fontId="3"/>
  </si>
  <si>
    <t>地密型条例　　第59条の5、第59条の15</t>
    <rPh sb="7" eb="8">
      <t>ダイ</t>
    </rPh>
    <rPh sb="10" eb="11">
      <t>ジョウ</t>
    </rPh>
    <rPh sb="14" eb="15">
      <t>ダイ</t>
    </rPh>
    <rPh sb="17" eb="18">
      <t>ジョウ</t>
    </rPh>
    <phoneticPr fontId="3"/>
  </si>
  <si>
    <t>地密型条例　　第59条の16</t>
    <rPh sb="7" eb="8">
      <t>ダイ</t>
    </rPh>
    <rPh sb="10" eb="11">
      <t>ジョウ</t>
    </rPh>
    <phoneticPr fontId="3"/>
  </si>
  <si>
    <t>地密型条例第59条の20（第36条第1項準用）</t>
    <rPh sb="5" eb="6">
      <t>ダイ</t>
    </rPh>
    <rPh sb="8" eb="9">
      <t>ジョウ</t>
    </rPh>
    <rPh sb="13" eb="14">
      <t>ダイ</t>
    </rPh>
    <rPh sb="16" eb="17">
      <t>ジョウ</t>
    </rPh>
    <rPh sb="17" eb="18">
      <t>ダイ</t>
    </rPh>
    <rPh sb="19" eb="20">
      <t>コウ</t>
    </rPh>
    <rPh sb="20" eb="22">
      <t>ジュンヨウ</t>
    </rPh>
    <phoneticPr fontId="3"/>
  </si>
  <si>
    <t>地密型条例第59条の20（第35条準用）</t>
    <rPh sb="5" eb="6">
      <t>ダイ</t>
    </rPh>
    <rPh sb="8" eb="9">
      <t>ジョウ</t>
    </rPh>
    <rPh sb="13" eb="14">
      <t>ダイ</t>
    </rPh>
    <rPh sb="16" eb="17">
      <t>ジョウ</t>
    </rPh>
    <rPh sb="17" eb="19">
      <t>ジュンヨウ</t>
    </rPh>
    <phoneticPr fontId="3"/>
  </si>
  <si>
    <t>地密型条例　　第59条の20（第36条準用）</t>
    <rPh sb="7" eb="8">
      <t>ダイ</t>
    </rPh>
    <rPh sb="10" eb="11">
      <t>ジョウ</t>
    </rPh>
    <rPh sb="15" eb="16">
      <t>ダイ</t>
    </rPh>
    <rPh sb="18" eb="19">
      <t>ジョウ</t>
    </rPh>
    <rPh sb="19" eb="21">
      <t>ジュンヨウ</t>
    </rPh>
    <phoneticPr fontId="3"/>
  </si>
  <si>
    <t>地密型条例　　第59条の20（第37条準用）</t>
    <rPh sb="7" eb="8">
      <t>ダイ</t>
    </rPh>
    <rPh sb="10" eb="11">
      <t>ジョウ</t>
    </rPh>
    <rPh sb="15" eb="16">
      <t>ダイ</t>
    </rPh>
    <rPh sb="18" eb="19">
      <t>ジョウ</t>
    </rPh>
    <rPh sb="19" eb="21">
      <t>ジュンヨウ</t>
    </rPh>
    <phoneticPr fontId="3"/>
  </si>
  <si>
    <t>地密型条例　　第59条の18</t>
    <rPh sb="7" eb="8">
      <t>ダイ</t>
    </rPh>
    <rPh sb="10" eb="11">
      <t>ジョウ</t>
    </rPh>
    <phoneticPr fontId="3"/>
  </si>
  <si>
    <t>地密型条例第59条の19第1項</t>
    <rPh sb="5" eb="6">
      <t>ダイ</t>
    </rPh>
    <rPh sb="8" eb="9">
      <t>ジョウ</t>
    </rPh>
    <rPh sb="12" eb="13">
      <t>ダイ</t>
    </rPh>
    <rPh sb="14" eb="15">
      <t>コウ</t>
    </rPh>
    <phoneticPr fontId="3"/>
  </si>
  <si>
    <t>地密型条例第59条の19第2項</t>
    <rPh sb="5" eb="6">
      <t>ダイ</t>
    </rPh>
    <rPh sb="8" eb="9">
      <t>ジョウ</t>
    </rPh>
    <rPh sb="12" eb="13">
      <t>ダイ</t>
    </rPh>
    <rPh sb="14" eb="15">
      <t>コウ</t>
    </rPh>
    <phoneticPr fontId="3"/>
  </si>
  <si>
    <r>
      <rPr>
        <b/>
        <sz val="9"/>
        <rFont val="ＭＳ ゴシック"/>
        <family val="3"/>
        <charset val="128"/>
      </rPr>
      <t>【生活相談員】</t>
    </r>
    <r>
      <rPr>
        <sz val="9"/>
        <rFont val="ＭＳ ゴシック"/>
        <family val="3"/>
        <charset val="128"/>
      </rPr>
      <t xml:space="preserve">
サービスの提供日ごとに、サービスを提供している時間帯に生活相談員を1名以上配置していますか。
※確保すべき生活相談員の勤務延時間数の計算式
提供日ごとに確保すべき勤務延時間数≧提供時間数</t>
    </r>
    <rPh sb="15" eb="16">
      <t>ヒ</t>
    </rPh>
    <rPh sb="36" eb="38">
      <t>テイキョウ</t>
    </rPh>
    <rPh sb="39" eb="40">
      <t>ア</t>
    </rPh>
    <rPh sb="42" eb="44">
      <t>セイカツ</t>
    </rPh>
    <rPh sb="44" eb="47">
      <t>ソウダンイン</t>
    </rPh>
    <rPh sb="49" eb="52">
      <t>メイイジョウ</t>
    </rPh>
    <rPh sb="52" eb="54">
      <t>ハイチ</t>
    </rPh>
    <rPh sb="57" eb="59">
      <t>カクホ</t>
    </rPh>
    <rPh sb="62" eb="64">
      <t>セイカツ</t>
    </rPh>
    <rPh sb="64" eb="66">
      <t>ソウダン</t>
    </rPh>
    <rPh sb="66" eb="67">
      <t>イン</t>
    </rPh>
    <rPh sb="68" eb="70">
      <t>キンム</t>
    </rPh>
    <rPh sb="70" eb="71">
      <t>ノ</t>
    </rPh>
    <rPh sb="71" eb="74">
      <t>ジカンスウ</t>
    </rPh>
    <rPh sb="75" eb="78">
      <t>ケイサンシキ</t>
    </rPh>
    <rPh sb="79" eb="81">
      <t>テイキョウ</t>
    </rPh>
    <rPh sb="81" eb="82">
      <t>ビ</t>
    </rPh>
    <rPh sb="85" eb="87">
      <t>カクホ</t>
    </rPh>
    <rPh sb="90" eb="92">
      <t>キンム</t>
    </rPh>
    <rPh sb="92" eb="93">
      <t>ノ</t>
    </rPh>
    <rPh sb="93" eb="96">
      <t>ジカンスウ</t>
    </rPh>
    <rPh sb="97" eb="99">
      <t>テイキョウ</t>
    </rPh>
    <rPh sb="99" eb="102">
      <t>ジカンスウ</t>
    </rPh>
    <phoneticPr fontId="3"/>
  </si>
  <si>
    <t>生活相談員は、下記の資格要件を満たしていますか。
・社会福祉士
・精神保健福祉士
・介護支援専門員
・介護福祉士
・社会福祉主事任用資格を有する者
・これらと同等以上の能力を有すると認められる者</t>
    <rPh sb="0" eb="2">
      <t>セイカツ</t>
    </rPh>
    <rPh sb="2" eb="5">
      <t>ソウダンイン</t>
    </rPh>
    <rPh sb="7" eb="9">
      <t>カキ</t>
    </rPh>
    <rPh sb="10" eb="12">
      <t>シカク</t>
    </rPh>
    <rPh sb="12" eb="14">
      <t>ヨウケン</t>
    </rPh>
    <rPh sb="15" eb="16">
      <t>ミ</t>
    </rPh>
    <rPh sb="26" eb="28">
      <t>シャカイ</t>
    </rPh>
    <rPh sb="28" eb="30">
      <t>フクシ</t>
    </rPh>
    <rPh sb="30" eb="31">
      <t>シ</t>
    </rPh>
    <rPh sb="33" eb="35">
      <t>セイシン</t>
    </rPh>
    <rPh sb="35" eb="37">
      <t>ホケン</t>
    </rPh>
    <rPh sb="37" eb="40">
      <t>フクシシ</t>
    </rPh>
    <rPh sb="42" eb="44">
      <t>カイゴ</t>
    </rPh>
    <rPh sb="44" eb="46">
      <t>シエン</t>
    </rPh>
    <rPh sb="46" eb="48">
      <t>センモン</t>
    </rPh>
    <rPh sb="48" eb="49">
      <t>イン</t>
    </rPh>
    <rPh sb="51" eb="53">
      <t>カイゴ</t>
    </rPh>
    <rPh sb="53" eb="56">
      <t>フクシシ</t>
    </rPh>
    <rPh sb="69" eb="70">
      <t>ユウ</t>
    </rPh>
    <rPh sb="72" eb="73">
      <t>シャ</t>
    </rPh>
    <rPh sb="91" eb="92">
      <t>ミト</t>
    </rPh>
    <phoneticPr fontId="3"/>
  </si>
  <si>
    <t>【食堂、機能訓練室】
食堂及び機能訓練室は、それぞれ必要な広さがあり、その合計した面積は3平方メートルに利用定員を乗じて得た面積以上となっていますか。
※必要面積＝利用定員×3㎡</t>
    <rPh sb="11" eb="13">
      <t>ショクドウ</t>
    </rPh>
    <rPh sb="13" eb="14">
      <t>オヨ</t>
    </rPh>
    <rPh sb="15" eb="17">
      <t>キノウ</t>
    </rPh>
    <rPh sb="17" eb="19">
      <t>クンレン</t>
    </rPh>
    <rPh sb="19" eb="20">
      <t>シツ</t>
    </rPh>
    <rPh sb="26" eb="28">
      <t>ヒツヨウ</t>
    </rPh>
    <rPh sb="29" eb="30">
      <t>ヒロ</t>
    </rPh>
    <rPh sb="37" eb="39">
      <t>ゴウケイ</t>
    </rPh>
    <rPh sb="41" eb="43">
      <t>メンセキ</t>
    </rPh>
    <rPh sb="45" eb="47">
      <t>ヘイホウ</t>
    </rPh>
    <rPh sb="52" eb="54">
      <t>リヨウ</t>
    </rPh>
    <rPh sb="54" eb="56">
      <t>テイイン</t>
    </rPh>
    <rPh sb="57" eb="58">
      <t>ジョウ</t>
    </rPh>
    <rPh sb="60" eb="61">
      <t>エ</t>
    </rPh>
    <rPh sb="62" eb="64">
      <t>メンセキ</t>
    </rPh>
    <rPh sb="64" eb="66">
      <t>イジョウ</t>
    </rPh>
    <rPh sb="78" eb="80">
      <t>ヒツヨウ</t>
    </rPh>
    <rPh sb="80" eb="82">
      <t>メンセキ</t>
    </rPh>
    <rPh sb="83" eb="85">
      <t>リヨウ</t>
    </rPh>
    <rPh sb="85" eb="87">
      <t>テイイン</t>
    </rPh>
    <phoneticPr fontId="3"/>
  </si>
  <si>
    <t>サービスの提供に当たっては、介護技術の進歩に対応し、適切な介護技術をもってサービスの提供を行っていますか。</t>
    <phoneticPr fontId="2"/>
  </si>
  <si>
    <t>・地域密着型通所介護計画書</t>
    <rPh sb="1" eb="3">
      <t>チイキ</t>
    </rPh>
    <rPh sb="3" eb="6">
      <t>ミッチャクガタ</t>
    </rPh>
    <rPh sb="6" eb="8">
      <t>ツウショ</t>
    </rPh>
    <rPh sb="8" eb="10">
      <t>カイゴ</t>
    </rPh>
    <rPh sb="10" eb="12">
      <t>ケイカク</t>
    </rPh>
    <rPh sb="12" eb="13">
      <t>ショ</t>
    </rPh>
    <phoneticPr fontId="3"/>
  </si>
  <si>
    <t>・地域密着型通所介護計画書</t>
    <rPh sb="1" eb="3">
      <t>チイキ</t>
    </rPh>
    <rPh sb="3" eb="6">
      <t>ミッチャクガタ</t>
    </rPh>
    <rPh sb="6" eb="8">
      <t>ツウショ</t>
    </rPh>
    <rPh sb="8" eb="10">
      <t>カイゴ</t>
    </rPh>
    <rPh sb="10" eb="13">
      <t>ケイカクショ</t>
    </rPh>
    <phoneticPr fontId="3"/>
  </si>
  <si>
    <t>・運営規程
・緊急連絡網、緊急連絡先一覧表
・業務日誌等　　　　　　　　・緊急時対応マニュアル</t>
    <rPh sb="1" eb="3">
      <t>ウンエイ</t>
    </rPh>
    <rPh sb="3" eb="5">
      <t>キテイ</t>
    </rPh>
    <rPh sb="7" eb="9">
      <t>キンキュウ</t>
    </rPh>
    <rPh sb="9" eb="12">
      <t>レンラクモウ</t>
    </rPh>
    <rPh sb="13" eb="21">
      <t>キンキュウレンラクサキイチランヒョウ</t>
    </rPh>
    <rPh sb="23" eb="25">
      <t>ギョウム</t>
    </rPh>
    <rPh sb="25" eb="27">
      <t>ニッシ</t>
    </rPh>
    <rPh sb="27" eb="28">
      <t>トウ</t>
    </rPh>
    <rPh sb="37" eb="39">
      <t>キンキュウ</t>
    </rPh>
    <rPh sb="39" eb="40">
      <t>ジ</t>
    </rPh>
    <rPh sb="40" eb="42">
      <t>タイオウ</t>
    </rPh>
    <phoneticPr fontId="3"/>
  </si>
  <si>
    <t>・新型コロナウイルス感染症発生時の業務継続計画
・非常災害発生時の業務継続計画
・研修計画
・研修会資料
・研修報告書</t>
    <rPh sb="1" eb="3">
      <t>シンガタ</t>
    </rPh>
    <rPh sb="10" eb="16">
      <t>カンセンショウハッセイジ</t>
    </rPh>
    <rPh sb="17" eb="19">
      <t>ギョウム</t>
    </rPh>
    <rPh sb="19" eb="21">
      <t>ケイゾク</t>
    </rPh>
    <rPh sb="21" eb="23">
      <t>ケイカク</t>
    </rPh>
    <rPh sb="25" eb="27">
      <t>ヒジョウ</t>
    </rPh>
    <rPh sb="27" eb="29">
      <t>サイガイ</t>
    </rPh>
    <rPh sb="29" eb="32">
      <t>ハッセイジ</t>
    </rPh>
    <rPh sb="33" eb="35">
      <t>ギョウム</t>
    </rPh>
    <rPh sb="35" eb="37">
      <t>ケイゾク</t>
    </rPh>
    <rPh sb="37" eb="39">
      <t>ケイカク</t>
    </rPh>
    <phoneticPr fontId="2"/>
  </si>
  <si>
    <t>地密型条例　　第59条の20（第38条準用）</t>
    <phoneticPr fontId="15"/>
  </si>
  <si>
    <t>地密型条例第59条の17</t>
    <rPh sb="0" eb="5">
      <t>チミツガタジョウレイ</t>
    </rPh>
    <rPh sb="5" eb="6">
      <t>ダイ</t>
    </rPh>
    <rPh sb="8" eb="9">
      <t>ジョウ</t>
    </rPh>
    <phoneticPr fontId="15"/>
  </si>
  <si>
    <t>地密型条例第59条の17</t>
    <phoneticPr fontId="15"/>
  </si>
  <si>
    <t xml:space="preserve">・委員会議事録
</t>
    <rPh sb="1" eb="4">
      <t>イインカイ</t>
    </rPh>
    <rPh sb="4" eb="7">
      <t>ギジロク</t>
    </rPh>
    <phoneticPr fontId="2"/>
  </si>
  <si>
    <t>・指針
・研修会資料</t>
    <phoneticPr fontId="15"/>
  </si>
  <si>
    <t>自己点検シート（地域密着型通所介護）</t>
    <rPh sb="0" eb="2">
      <t>ジコ</t>
    </rPh>
    <rPh sb="2" eb="4">
      <t>テンケン</t>
    </rPh>
    <rPh sb="8" eb="10">
      <t>チイキ</t>
    </rPh>
    <rPh sb="10" eb="13">
      <t>ミッチャクガタ</t>
    </rPh>
    <rPh sb="13" eb="15">
      <t>ツウショ</t>
    </rPh>
    <rPh sb="15" eb="17">
      <t>カイゴ</t>
    </rPh>
    <phoneticPr fontId="3"/>
  </si>
  <si>
    <t>自己点検シート（旧介護予防通所介護相当サービス）</t>
    <rPh sb="0" eb="2">
      <t>ジコ</t>
    </rPh>
    <rPh sb="2" eb="4">
      <t>テンケン</t>
    </rPh>
    <rPh sb="8" eb="9">
      <t>キュウ</t>
    </rPh>
    <rPh sb="9" eb="11">
      <t>カイゴ</t>
    </rPh>
    <rPh sb="11" eb="13">
      <t>ヨボウ</t>
    </rPh>
    <rPh sb="13" eb="15">
      <t>ツウショ</t>
    </rPh>
    <rPh sb="15" eb="17">
      <t>カイゴ</t>
    </rPh>
    <rPh sb="17" eb="19">
      <t>ソウトウ</t>
    </rPh>
    <phoneticPr fontId="3"/>
  </si>
  <si>
    <t>・運営規程</t>
    <rPh sb="1" eb="3">
      <t>ウンエイ</t>
    </rPh>
    <rPh sb="3" eb="5">
      <t>キテイ</t>
    </rPh>
    <phoneticPr fontId="15"/>
  </si>
  <si>
    <t>旧介護予防通所介護相当サービスの基本取扱方針</t>
    <phoneticPr fontId="15"/>
  </si>
  <si>
    <t>基準第108条</t>
    <rPh sb="0" eb="2">
      <t>キジュン</t>
    </rPh>
    <rPh sb="2" eb="3">
      <t>ダイ</t>
    </rPh>
    <rPh sb="6" eb="7">
      <t>ジョウ</t>
    </rPh>
    <phoneticPr fontId="15"/>
  </si>
  <si>
    <t>基準第96条</t>
    <rPh sb="0" eb="2">
      <t>キジュン</t>
    </rPh>
    <rPh sb="2" eb="3">
      <t>ダイ</t>
    </rPh>
    <rPh sb="5" eb="6">
      <t>ジョウ</t>
    </rPh>
    <phoneticPr fontId="3"/>
  </si>
  <si>
    <t>旧介護予防通所介護相当サービスの提供に当たり、利用者の介護予防に資するよう、その目標を設定し、計画的に行っていますか。</t>
    <rPh sb="23" eb="26">
      <t>リヨウシャ</t>
    </rPh>
    <rPh sb="27" eb="29">
      <t>カイゴ</t>
    </rPh>
    <rPh sb="29" eb="31">
      <t>ヨボウ</t>
    </rPh>
    <rPh sb="32" eb="33">
      <t>シ</t>
    </rPh>
    <rPh sb="40" eb="42">
      <t>モクヒョウ</t>
    </rPh>
    <rPh sb="43" eb="45">
      <t>セッテイ</t>
    </rPh>
    <rPh sb="47" eb="50">
      <t>ケイカクテキ</t>
    </rPh>
    <rPh sb="51" eb="52">
      <t>オコナ</t>
    </rPh>
    <phoneticPr fontId="15"/>
  </si>
  <si>
    <t>自らその提供するサービスの質の評価を行うとともに、主治の医師又は歯科医師とも連携を図りつつ、常にその改善を図っていますか。</t>
    <rPh sb="4" eb="6">
      <t>テイキョウ</t>
    </rPh>
    <rPh sb="13" eb="14">
      <t>シツ</t>
    </rPh>
    <rPh sb="15" eb="17">
      <t>ヒョウカ</t>
    </rPh>
    <rPh sb="18" eb="19">
      <t>オコナ</t>
    </rPh>
    <rPh sb="25" eb="27">
      <t>シュジ</t>
    </rPh>
    <rPh sb="28" eb="30">
      <t>イシ</t>
    </rPh>
    <rPh sb="30" eb="31">
      <t>マタ</t>
    </rPh>
    <rPh sb="32" eb="34">
      <t>シカ</t>
    </rPh>
    <rPh sb="34" eb="36">
      <t>イシ</t>
    </rPh>
    <rPh sb="38" eb="40">
      <t>レンケイ</t>
    </rPh>
    <rPh sb="41" eb="42">
      <t>ハカ</t>
    </rPh>
    <rPh sb="46" eb="47">
      <t>ツネ</t>
    </rPh>
    <rPh sb="50" eb="52">
      <t>カイゼン</t>
    </rPh>
    <rPh sb="53" eb="54">
      <t>ハカ</t>
    </rPh>
    <phoneticPr fontId="2"/>
  </si>
  <si>
    <t>旧介護予防通所介護相当サービス計画書は,介護予防サービス計画に沿った内容となっていますか。又必要に応じて変更していますか。</t>
    <rPh sb="0" eb="11">
      <t>キュウカイゴヨボウツウショカイゴソウトウ</t>
    </rPh>
    <rPh sb="15" eb="18">
      <t>ケイカクショ</t>
    </rPh>
    <rPh sb="20" eb="24">
      <t>カイゴヨボウ</t>
    </rPh>
    <rPh sb="28" eb="30">
      <t>ケイカク</t>
    </rPh>
    <phoneticPr fontId="3"/>
  </si>
  <si>
    <t>管理者は、旧介護予防通所介護相当サービス計画書の内容について利用者又はその家族に説明を行い、利用者から同意を得ていますか。</t>
    <rPh sb="0" eb="3">
      <t>カンリシャ</t>
    </rPh>
    <rPh sb="5" eb="16">
      <t>キュウカイゴヨボウツウショカイゴソウトウ</t>
    </rPh>
    <rPh sb="20" eb="23">
      <t>ケイカクショ</t>
    </rPh>
    <rPh sb="24" eb="26">
      <t>ナイヨウ</t>
    </rPh>
    <rPh sb="33" eb="34">
      <t>マタ</t>
    </rPh>
    <phoneticPr fontId="3"/>
  </si>
  <si>
    <t>旧介護予防通所介護相当サービス計画書を利用者に交付していますか。</t>
    <phoneticPr fontId="3"/>
  </si>
  <si>
    <t>旧介護予防通所介護相当サービスの具体的取扱方針</t>
    <phoneticPr fontId="3"/>
  </si>
  <si>
    <t>サービス提供を行っているときに利用者に病状の急変等が生じた場合に備え、緊急時マニュアル等を作成し、その事業所内の従業者に周知徹底を図るとともに、速やかに主治の医師への連絡を行えるよう、緊急時の連絡方法をあらかじめ定めていますか。</t>
    <rPh sb="4" eb="6">
      <t>テイキョウ</t>
    </rPh>
    <rPh sb="7" eb="8">
      <t>オコナ</t>
    </rPh>
    <rPh sb="15" eb="18">
      <t>リヨウシャ</t>
    </rPh>
    <rPh sb="19" eb="21">
      <t>ビョウジョウ</t>
    </rPh>
    <rPh sb="22" eb="24">
      <t>キュウヘン</t>
    </rPh>
    <rPh sb="24" eb="25">
      <t>ナド</t>
    </rPh>
    <rPh sb="26" eb="27">
      <t>ショウ</t>
    </rPh>
    <rPh sb="29" eb="31">
      <t>バアイ</t>
    </rPh>
    <rPh sb="32" eb="33">
      <t>ソナ</t>
    </rPh>
    <rPh sb="35" eb="38">
      <t>キンキュウジ</t>
    </rPh>
    <rPh sb="43" eb="44">
      <t>ナド</t>
    </rPh>
    <rPh sb="45" eb="47">
      <t>サクセイ</t>
    </rPh>
    <rPh sb="51" eb="54">
      <t>ジギョウショ</t>
    </rPh>
    <rPh sb="54" eb="55">
      <t>ナイ</t>
    </rPh>
    <rPh sb="56" eb="59">
      <t>ジュウギョウシャ</t>
    </rPh>
    <rPh sb="60" eb="62">
      <t>シュウチ</t>
    </rPh>
    <rPh sb="62" eb="64">
      <t>テッテイ</t>
    </rPh>
    <rPh sb="65" eb="66">
      <t>ハカ</t>
    </rPh>
    <rPh sb="72" eb="73">
      <t>スミ</t>
    </rPh>
    <rPh sb="76" eb="78">
      <t>シュジ</t>
    </rPh>
    <rPh sb="79" eb="81">
      <t>イシ</t>
    </rPh>
    <rPh sb="83" eb="85">
      <t>レンラク</t>
    </rPh>
    <rPh sb="86" eb="87">
      <t>オコナ</t>
    </rPh>
    <rPh sb="92" eb="94">
      <t>キンキュウ</t>
    </rPh>
    <rPh sb="94" eb="95">
      <t>ジ</t>
    </rPh>
    <rPh sb="96" eb="98">
      <t>レンラク</t>
    </rPh>
    <rPh sb="98" eb="100">
      <t>ホウホウ</t>
    </rPh>
    <rPh sb="106" eb="107">
      <t>サダ</t>
    </rPh>
    <phoneticPr fontId="15"/>
  </si>
  <si>
    <t>基準第111条</t>
    <rPh sb="0" eb="2">
      <t>キジュン</t>
    </rPh>
    <rPh sb="2" eb="3">
      <t>ダイ</t>
    </rPh>
    <rPh sb="6" eb="7">
      <t>ジョウ</t>
    </rPh>
    <phoneticPr fontId="3"/>
  </si>
  <si>
    <t>基準第110条</t>
    <rPh sb="0" eb="2">
      <t>キジュン</t>
    </rPh>
    <rPh sb="2" eb="3">
      <t>ダイ</t>
    </rPh>
    <rPh sb="6" eb="7">
      <t>ジョウ</t>
    </rPh>
    <phoneticPr fontId="15"/>
  </si>
  <si>
    <t>旧介護予防通所介護相当サービスの提供に当たっての留意点</t>
    <phoneticPr fontId="15"/>
  </si>
  <si>
    <t>安全管理体制等の確保</t>
    <rPh sb="0" eb="2">
      <t>アンゼン</t>
    </rPh>
    <rPh sb="2" eb="4">
      <t>カンリ</t>
    </rPh>
    <rPh sb="4" eb="6">
      <t>タイセイ</t>
    </rPh>
    <rPh sb="6" eb="7">
      <t>トウ</t>
    </rPh>
    <rPh sb="8" eb="10">
      <t>カクホ</t>
    </rPh>
    <phoneticPr fontId="2"/>
  </si>
  <si>
    <t>基準第109条</t>
    <rPh sb="0" eb="2">
      <t>キジュン</t>
    </rPh>
    <rPh sb="2" eb="3">
      <t>ダイ</t>
    </rPh>
    <rPh sb="6" eb="7">
      <t>ジョウ</t>
    </rPh>
    <phoneticPr fontId="15"/>
  </si>
  <si>
    <t xml:space="preserve">Ⅱ　運営に関する基準　　　　　　　　　　　　　　　 </t>
    <rPh sb="2" eb="4">
      <t>ウンエイ</t>
    </rPh>
    <rPh sb="5" eb="6">
      <t>カン</t>
    </rPh>
    <rPh sb="8" eb="10">
      <t>キジュン</t>
    </rPh>
    <phoneticPr fontId="3"/>
  </si>
  <si>
    <t>利用者の心身の状況、希望及びその置かれている環境を踏まえて、旧介護予防通所介護サービスの目標、目標を達成するための具体的なサービス内容、サービス提供期間等を記載した旧介護予防通所介護相当サービス計画書を作成していますか。</t>
    <rPh sb="0" eb="3">
      <t>リヨウシャ</t>
    </rPh>
    <rPh sb="4" eb="6">
      <t>シンシン</t>
    </rPh>
    <rPh sb="7" eb="9">
      <t>ジョウキョウ</t>
    </rPh>
    <rPh sb="10" eb="12">
      <t>キボウ</t>
    </rPh>
    <rPh sb="12" eb="13">
      <t>オヨ</t>
    </rPh>
    <rPh sb="16" eb="17">
      <t>オ</t>
    </rPh>
    <rPh sb="22" eb="24">
      <t>カンキョウ</t>
    </rPh>
    <rPh sb="25" eb="26">
      <t>フ</t>
    </rPh>
    <rPh sb="101" eb="103">
      <t>サクセイ</t>
    </rPh>
    <phoneticPr fontId="3"/>
  </si>
  <si>
    <t>・サービス担当者会議録
・主治医等からの情報提供書等
・アセスメントの記録
・旧介護予防通所介護相当サービス計画書
・介護予防支援事業者へ報告を行ったことが確認できる記録
・モニタリングの記録
・介護予防支援事業者へモニタリングの報告を行ったことが確認できる記録</t>
    <rPh sb="5" eb="8">
      <t>タントウシャ</t>
    </rPh>
    <rPh sb="8" eb="11">
      <t>カイギロク</t>
    </rPh>
    <rPh sb="13" eb="16">
      <t>シュジイ</t>
    </rPh>
    <rPh sb="16" eb="17">
      <t>ナド</t>
    </rPh>
    <rPh sb="20" eb="22">
      <t>ジョウホウ</t>
    </rPh>
    <rPh sb="22" eb="24">
      <t>テイキョウ</t>
    </rPh>
    <rPh sb="24" eb="25">
      <t>ショ</t>
    </rPh>
    <rPh sb="25" eb="26">
      <t>ナド</t>
    </rPh>
    <rPh sb="35" eb="37">
      <t>キロク</t>
    </rPh>
    <phoneticPr fontId="2"/>
  </si>
  <si>
    <t>・緊急時対応マニュアル
・緊急時連絡体制表</t>
    <rPh sb="1" eb="4">
      <t>キンキュウジ</t>
    </rPh>
    <rPh sb="4" eb="6">
      <t>タイオウ</t>
    </rPh>
    <rPh sb="13" eb="16">
      <t>キンキュウジ</t>
    </rPh>
    <rPh sb="16" eb="18">
      <t>レンラク</t>
    </rPh>
    <rPh sb="18" eb="20">
      <t>タイセイ</t>
    </rPh>
    <rPh sb="20" eb="21">
      <t>ヒョウ</t>
    </rPh>
    <phoneticPr fontId="15"/>
  </si>
  <si>
    <t xml:space="preserve">
・旧介護予防通所介護相当サービス計画書
・介護予防サービス計画
・アセスメントの記録
・介護記録
・自己評価の記録等</t>
    <rPh sb="2" eb="13">
      <t>キュウカイゴヨボウツウショカイゴソウトウ</t>
    </rPh>
    <rPh sb="17" eb="20">
      <t>ケイカクショ</t>
    </rPh>
    <rPh sb="22" eb="26">
      <t>カイゴヨボウ</t>
    </rPh>
    <rPh sb="30" eb="32">
      <t>ケイカク</t>
    </rPh>
    <rPh sb="41" eb="43">
      <t>キロク</t>
    </rPh>
    <rPh sb="45" eb="47">
      <t>カイゴ</t>
    </rPh>
    <rPh sb="47" eb="49">
      <t>キロク</t>
    </rPh>
    <rPh sb="51" eb="53">
      <t>ジコ</t>
    </rPh>
    <rPh sb="53" eb="55">
      <t>ヒョウカ</t>
    </rPh>
    <rPh sb="56" eb="58">
      <t>キロク</t>
    </rPh>
    <rPh sb="58" eb="59">
      <t>ナド</t>
    </rPh>
    <phoneticPr fontId="3"/>
  </si>
  <si>
    <t>地密型条例第59条の20（第18条準用）</t>
    <rPh sb="5" eb="6">
      <t>ダイ</t>
    </rPh>
    <rPh sb="8" eb="9">
      <t>ジョウ</t>
    </rPh>
    <rPh sb="13" eb="14">
      <t>ダイ</t>
    </rPh>
    <rPh sb="16" eb="17">
      <t>ジョウ</t>
    </rPh>
    <rPh sb="17" eb="19">
      <t>ジュンヨウ</t>
    </rPh>
    <phoneticPr fontId="3"/>
  </si>
  <si>
    <t>・地域密着型通所介護計画書
・使用しているパンフレット等
・研修等への参加状況等がわかる書類
・アセスメント
・モニタリング、カンファレンス記録等
・介護記録
・居宅サービス計画書</t>
    <rPh sb="1" eb="3">
      <t>チイキ</t>
    </rPh>
    <rPh sb="3" eb="5">
      <t>ミッチャク</t>
    </rPh>
    <rPh sb="5" eb="6">
      <t>ガタ</t>
    </rPh>
    <rPh sb="6" eb="8">
      <t>ツウショ</t>
    </rPh>
    <rPh sb="8" eb="10">
      <t>カイゴ</t>
    </rPh>
    <rPh sb="10" eb="12">
      <t>ケイカク</t>
    </rPh>
    <rPh sb="12" eb="13">
      <t>ショ</t>
    </rPh>
    <rPh sb="15" eb="17">
      <t>シヨウ</t>
    </rPh>
    <rPh sb="27" eb="28">
      <t>トウ</t>
    </rPh>
    <phoneticPr fontId="3"/>
  </si>
  <si>
    <t>地域密着型通所介護計画の作成</t>
    <rPh sb="0" eb="2">
      <t>チイキ</t>
    </rPh>
    <rPh sb="2" eb="5">
      <t>ミッチャクガタ</t>
    </rPh>
    <rPh sb="5" eb="7">
      <t>ツウショ</t>
    </rPh>
    <rPh sb="7" eb="9">
      <t>カイゴ</t>
    </rPh>
    <rPh sb="9" eb="11">
      <t>ケイカク</t>
    </rPh>
    <rPh sb="12" eb="14">
      <t>サクセイ</t>
    </rPh>
    <phoneticPr fontId="15"/>
  </si>
  <si>
    <t>地域密着型通所介護計画の作成</t>
    <phoneticPr fontId="15"/>
  </si>
  <si>
    <r>
      <t xml:space="preserve">従業者に対し、業務継続計画について周知するとともに、必要な研修及び訓練を定期的（感染症及び非常災害時それぞれ年１回以上）に実施していますか。
</t>
    </r>
    <r>
      <rPr>
        <sz val="9"/>
        <color rgb="FFFF0000"/>
        <rFont val="ＭＳ ゴシック"/>
        <family val="3"/>
        <charset val="128"/>
      </rPr>
      <t>※令和6年3月31日までの経過措置あり</t>
    </r>
    <r>
      <rPr>
        <sz val="9"/>
        <rFont val="ＭＳ ゴシック"/>
        <family val="3"/>
        <charset val="128"/>
      </rPr>
      <t xml:space="preserve">
※感染症に予防及びまん延の防止のための訓練、非常災害対策に係る訓練と一体的な実施も可。</t>
    </r>
    <phoneticPr fontId="2"/>
  </si>
  <si>
    <r>
      <t xml:space="preserve">定期的に業務継続計画の見直しを行い、必要に応じて業務継続計画の変更行っていますか。
</t>
    </r>
    <r>
      <rPr>
        <sz val="9"/>
        <color rgb="FFFF0000"/>
        <rFont val="ＭＳ ゴシック"/>
        <family val="3"/>
        <charset val="128"/>
      </rPr>
      <t>※令和6年3月31日までの経過措置あり</t>
    </r>
    <rPh sb="33" eb="34">
      <t>オコナ</t>
    </rPh>
    <phoneticPr fontId="2"/>
  </si>
  <si>
    <r>
      <t xml:space="preserve">感染症又は非常災害の発生時において、利用者に対するサービスの提供を継続的に実施するため及び非常時の体制で早期の業務の再開を図るための業務継続計画を策定し、当該計画に従い必要な措置を講じていますか。
</t>
    </r>
    <r>
      <rPr>
        <sz val="9"/>
        <color rgb="FFFF0000"/>
        <rFont val="ＭＳ ゴシック"/>
        <family val="3"/>
        <charset val="128"/>
      </rPr>
      <t>※令和6年3月31日までの経過措置あり</t>
    </r>
    <rPh sb="66" eb="68">
      <t>ギョウム</t>
    </rPh>
    <rPh sb="68" eb="70">
      <t>ケイゾク</t>
    </rPh>
    <rPh sb="77" eb="78">
      <t>トウ</t>
    </rPh>
    <rPh sb="100" eb="102">
      <t>レイワ</t>
    </rPh>
    <rPh sb="103" eb="104">
      <t>ネン</t>
    </rPh>
    <rPh sb="105" eb="106">
      <t>ガツ</t>
    </rPh>
    <rPh sb="108" eb="109">
      <t>ニチ</t>
    </rPh>
    <rPh sb="112" eb="114">
      <t>ケイカ</t>
    </rPh>
    <rPh sb="114" eb="116">
      <t>ソチ</t>
    </rPh>
    <phoneticPr fontId="2"/>
  </si>
  <si>
    <t>・運営推進会議録</t>
    <phoneticPr fontId="15"/>
  </si>
  <si>
    <t>サービスの提供の開始に際し，あらかじめ，利用申込者又はその家族に対し，運営規程の概要，従業者の勤務の体制その他の利用申込者のサービスの選択に資すると認められる重要事項（※）を記した文書を交付して説明を行い，当該提供の開始について利用申込者の同意を得ていますか。</t>
    <rPh sb="35" eb="37">
      <t>ウンエイ</t>
    </rPh>
    <rPh sb="43" eb="46">
      <t>ジュウギョウシャ</t>
    </rPh>
    <phoneticPr fontId="2"/>
  </si>
  <si>
    <t>（※）その他利用申込者のサービスの選択に資すると認められる重要事項
・事故発生時の対応
・苦情処理の体制
・提供するサービスの第三者評価の実施状況　等</t>
    <rPh sb="5" eb="6">
      <t>タ</t>
    </rPh>
    <rPh sb="6" eb="8">
      <t>リヨウ</t>
    </rPh>
    <rPh sb="8" eb="10">
      <t>モウシコミ</t>
    </rPh>
    <rPh sb="10" eb="11">
      <t>シャ</t>
    </rPh>
    <rPh sb="17" eb="19">
      <t>センタク</t>
    </rPh>
    <rPh sb="20" eb="21">
      <t>シ</t>
    </rPh>
    <rPh sb="24" eb="25">
      <t>ミト</t>
    </rPh>
    <rPh sb="29" eb="31">
      <t>ジュウヨウ</t>
    </rPh>
    <rPh sb="31" eb="33">
      <t>ジコウ</t>
    </rPh>
    <rPh sb="35" eb="37">
      <t>ジコ</t>
    </rPh>
    <rPh sb="37" eb="39">
      <t>ハッセイ</t>
    </rPh>
    <rPh sb="39" eb="40">
      <t>ジ</t>
    </rPh>
    <rPh sb="41" eb="43">
      <t>タイオウ</t>
    </rPh>
    <rPh sb="45" eb="47">
      <t>クジョウ</t>
    </rPh>
    <rPh sb="47" eb="49">
      <t>ショリ</t>
    </rPh>
    <rPh sb="50" eb="52">
      <t>タイセイ</t>
    </rPh>
    <rPh sb="54" eb="56">
      <t>テイキョウ</t>
    </rPh>
    <rPh sb="63" eb="64">
      <t>ダイ</t>
    </rPh>
    <rPh sb="64" eb="65">
      <t>サン</t>
    </rPh>
    <rPh sb="65" eb="66">
      <t>シャ</t>
    </rPh>
    <rPh sb="66" eb="68">
      <t>ヒョウカ</t>
    </rPh>
    <rPh sb="69" eb="71">
      <t>ジッシ</t>
    </rPh>
    <rPh sb="71" eb="73">
      <t>ジョウキョウ</t>
    </rPh>
    <rPh sb="74" eb="75">
      <t>ナド</t>
    </rPh>
    <phoneticPr fontId="2"/>
  </si>
  <si>
    <t xml:space="preserve">・利用相談受付簿
・利用者一覧表
・個別台帳等
</t>
    <phoneticPr fontId="3"/>
  </si>
  <si>
    <t>・基本情報
・被保険者証の写し等</t>
    <phoneticPr fontId="15"/>
  </si>
  <si>
    <t>・利用者に関する記録</t>
  </si>
  <si>
    <r>
      <t xml:space="preserve">事業所において感染症が発生し、又はまん延しないように、次に掲げる措置を講じていますか。
</t>
    </r>
    <r>
      <rPr>
        <sz val="9"/>
        <color rgb="FFFF0000"/>
        <rFont val="ＭＳ ゴシック"/>
        <family val="3"/>
        <charset val="128"/>
      </rPr>
      <t>※令和6年3月31日までの経過措置あり</t>
    </r>
    <phoneticPr fontId="2"/>
  </si>
  <si>
    <r>
      <t>事業者は、利用者、利用者の家族、地域住民の代表者、市の職員又は地域包括支援センターの職員、地域密着型通所介護について知見を有する者等により構成される「運営推進会議」</t>
    </r>
    <r>
      <rPr>
        <sz val="9"/>
        <color rgb="FFFF0000"/>
        <rFont val="ＭＳ ゴシック"/>
        <family val="3"/>
        <charset val="128"/>
      </rPr>
      <t>（テレビ電話装置等の活用可)</t>
    </r>
    <r>
      <rPr>
        <sz val="9"/>
        <rFont val="ＭＳ ゴシック"/>
        <family val="3"/>
        <charset val="128"/>
      </rPr>
      <t>を設置し、おおむね６月に１回以上、開催していますか。</t>
    </r>
    <rPh sb="0" eb="3">
      <t>ジギョウシャ</t>
    </rPh>
    <rPh sb="5" eb="8">
      <t>リヨウシャ</t>
    </rPh>
    <rPh sb="9" eb="12">
      <t>リヨウシャ</t>
    </rPh>
    <rPh sb="13" eb="15">
      <t>カゾク</t>
    </rPh>
    <rPh sb="16" eb="18">
      <t>チイキ</t>
    </rPh>
    <rPh sb="18" eb="20">
      <t>ジュウミン</t>
    </rPh>
    <rPh sb="21" eb="24">
      <t>ダイヒョウシャ</t>
    </rPh>
    <rPh sb="25" eb="26">
      <t>シ</t>
    </rPh>
    <rPh sb="27" eb="29">
      <t>ショクイン</t>
    </rPh>
    <rPh sb="29" eb="30">
      <t>マタ</t>
    </rPh>
    <rPh sb="31" eb="33">
      <t>チイキ</t>
    </rPh>
    <rPh sb="33" eb="35">
      <t>ホウカツ</t>
    </rPh>
    <rPh sb="35" eb="37">
      <t>シエン</t>
    </rPh>
    <rPh sb="42" eb="44">
      <t>ショクイン</t>
    </rPh>
    <rPh sb="45" eb="47">
      <t>チイキ</t>
    </rPh>
    <rPh sb="47" eb="50">
      <t>ミッチャクガタ</t>
    </rPh>
    <rPh sb="50" eb="52">
      <t>ツウショ</t>
    </rPh>
    <rPh sb="52" eb="54">
      <t>カイゴ</t>
    </rPh>
    <rPh sb="58" eb="60">
      <t>チケン</t>
    </rPh>
    <rPh sb="61" eb="62">
      <t>ユウ</t>
    </rPh>
    <rPh sb="64" eb="65">
      <t>モノ</t>
    </rPh>
    <rPh sb="65" eb="66">
      <t>トウ</t>
    </rPh>
    <rPh sb="69" eb="71">
      <t>コウセイ</t>
    </rPh>
    <rPh sb="75" eb="77">
      <t>ウンエイ</t>
    </rPh>
    <rPh sb="77" eb="79">
      <t>スイシン</t>
    </rPh>
    <rPh sb="79" eb="81">
      <t>カイギ</t>
    </rPh>
    <rPh sb="97" eb="99">
      <t>セッチ</t>
    </rPh>
    <rPh sb="106" eb="107">
      <t>ツキ</t>
    </rPh>
    <rPh sb="109" eb="110">
      <t>カイ</t>
    </rPh>
    <rPh sb="110" eb="112">
      <t>イジョウ</t>
    </rPh>
    <rPh sb="113" eb="115">
      <t>カイサイ</t>
    </rPh>
    <phoneticPr fontId="15"/>
  </si>
  <si>
    <t>運営推進会議では、地域密着型通所介護の活動の報告を行い、運営推進会議による評価を受けるとともに、必要な要望、助言等を設けていますか。</t>
    <rPh sb="0" eb="2">
      <t>ウンエイ</t>
    </rPh>
    <rPh sb="2" eb="4">
      <t>スイシン</t>
    </rPh>
    <rPh sb="4" eb="6">
      <t>カイギ</t>
    </rPh>
    <rPh sb="9" eb="11">
      <t>チイキ</t>
    </rPh>
    <rPh sb="11" eb="14">
      <t>ミッチャクガタ</t>
    </rPh>
    <rPh sb="14" eb="16">
      <t>ツウショ</t>
    </rPh>
    <rPh sb="16" eb="18">
      <t>カイゴ</t>
    </rPh>
    <rPh sb="19" eb="21">
      <t>カツドウ</t>
    </rPh>
    <rPh sb="22" eb="24">
      <t>ホウコク</t>
    </rPh>
    <rPh sb="25" eb="26">
      <t>オコナ</t>
    </rPh>
    <rPh sb="28" eb="30">
      <t>ウンエイ</t>
    </rPh>
    <rPh sb="30" eb="32">
      <t>スイシン</t>
    </rPh>
    <rPh sb="32" eb="34">
      <t>カイギ</t>
    </rPh>
    <rPh sb="37" eb="39">
      <t>ヒョウカ</t>
    </rPh>
    <rPh sb="40" eb="41">
      <t>ウ</t>
    </rPh>
    <rPh sb="48" eb="50">
      <t>ヒツヨウ</t>
    </rPh>
    <rPh sb="51" eb="53">
      <t>ヨウボウ</t>
    </rPh>
    <rPh sb="54" eb="56">
      <t>ジョゲン</t>
    </rPh>
    <rPh sb="56" eb="57">
      <t>トウ</t>
    </rPh>
    <rPh sb="58" eb="59">
      <t>モウ</t>
    </rPh>
    <phoneticPr fontId="15"/>
  </si>
  <si>
    <t>③従業者に対し、虐待の防止のための研修を定期的（年１回以上）に実施している。</t>
    <rPh sb="1" eb="4">
      <t>ジュウギョウシャ</t>
    </rPh>
    <rPh sb="20" eb="23">
      <t>テイキテキ</t>
    </rPh>
    <rPh sb="24" eb="25">
      <t>ネン</t>
    </rPh>
    <rPh sb="26" eb="27">
      <t>カイ</t>
    </rPh>
    <rPh sb="27" eb="29">
      <t>イジョウ</t>
    </rPh>
    <phoneticPr fontId="2"/>
  </si>
  <si>
    <t>地密型条例第59条の20（第40条の2準用）</t>
    <rPh sb="5" eb="6">
      <t>ダイ</t>
    </rPh>
    <rPh sb="8" eb="9">
      <t>ジョウ</t>
    </rPh>
    <rPh sb="13" eb="14">
      <t>ダイ</t>
    </rPh>
    <rPh sb="16" eb="17">
      <t>ジョウ</t>
    </rPh>
    <rPh sb="19" eb="21">
      <t>ジュンヨウ</t>
    </rPh>
    <phoneticPr fontId="2"/>
  </si>
  <si>
    <t>地密型条例　　　第59条の20（第41条準用）</t>
    <rPh sb="8" eb="9">
      <t>ダイ</t>
    </rPh>
    <rPh sb="11" eb="12">
      <t>ジョウ</t>
    </rPh>
    <rPh sb="16" eb="17">
      <t>ダイ</t>
    </rPh>
    <rPh sb="19" eb="20">
      <t>ジョウ</t>
    </rPh>
    <rPh sb="20" eb="22">
      <t>ジュンヨウ</t>
    </rPh>
    <phoneticPr fontId="3"/>
  </si>
  <si>
    <t>　　　感染症の予防及びまん延の防止のための対策を検討する委員会（テレビ電話装置等の活用可）をおおむね６月に１回以上開催する。
　　　上記委員会の結果について、従業者に周知している。
　　　感染症の予防及びまん延の防止のための指針を整備している。
　　　従業者に対し、感染症の予防及びまん延の防止のための研修及び訓練を定期的（それぞれ年1回以上）に実施している。</t>
    <rPh sb="79" eb="82">
      <t>ジュウギョウシャ</t>
    </rPh>
    <rPh sb="126" eb="129">
      <t>ジュウギョウシャ</t>
    </rPh>
    <phoneticPr fontId="2"/>
  </si>
  <si>
    <t>介護保険法
第78条の5
介護保険法施行規則第131条の13</t>
    <rPh sb="0" eb="2">
      <t>カイゴ</t>
    </rPh>
    <rPh sb="2" eb="4">
      <t>ホケン</t>
    </rPh>
    <rPh sb="4" eb="5">
      <t>ホウ</t>
    </rPh>
    <rPh sb="6" eb="7">
      <t>ダイ</t>
    </rPh>
    <rPh sb="9" eb="10">
      <t>ジョウ</t>
    </rPh>
    <rPh sb="13" eb="15">
      <t>カイゴ</t>
    </rPh>
    <rPh sb="15" eb="17">
      <t>ホケン</t>
    </rPh>
    <rPh sb="17" eb="18">
      <t>ホウ</t>
    </rPh>
    <rPh sb="18" eb="20">
      <t>セコウ</t>
    </rPh>
    <rPh sb="20" eb="22">
      <t>キソク</t>
    </rPh>
    <rPh sb="22" eb="23">
      <t>ダイ</t>
    </rPh>
    <rPh sb="26" eb="27">
      <t>ジョウ</t>
    </rPh>
    <phoneticPr fontId="3"/>
  </si>
  <si>
    <t>当該指定に係る事業所の名称及び所在地その他厚生労働省令で定める下記の事項に変更があったときは、１０日以内にその旨を届け出ていますか。
・事業所の名称及び所在地
・申請者の名称及び主たる事務所の所在地並びにその
  代表者の氏名，生年月日，住所及び職名
・申請者の登記事項証明書又は条例等
・事業所の平面図並びに設備の概要
・事業所の管理者の氏名，生年月日，住所及び経歴
・運営規程</t>
    <rPh sb="0" eb="2">
      <t>トウガイ</t>
    </rPh>
    <rPh sb="2" eb="4">
      <t>シテイ</t>
    </rPh>
    <rPh sb="5" eb="6">
      <t>カカ</t>
    </rPh>
    <rPh sb="7" eb="9">
      <t>ジギョウ</t>
    </rPh>
    <rPh sb="9" eb="10">
      <t>ショ</t>
    </rPh>
    <rPh sb="11" eb="13">
      <t>メイショウ</t>
    </rPh>
    <rPh sb="13" eb="14">
      <t>オヨ</t>
    </rPh>
    <rPh sb="15" eb="18">
      <t>ショザイチ</t>
    </rPh>
    <rPh sb="20" eb="21">
      <t>タ</t>
    </rPh>
    <rPh sb="21" eb="23">
      <t>コウセイ</t>
    </rPh>
    <rPh sb="23" eb="25">
      <t>ロウドウ</t>
    </rPh>
    <rPh sb="25" eb="26">
      <t>ショウ</t>
    </rPh>
    <rPh sb="26" eb="27">
      <t>レイ</t>
    </rPh>
    <rPh sb="28" eb="29">
      <t>サダ</t>
    </rPh>
    <rPh sb="31" eb="33">
      <t>カキ</t>
    </rPh>
    <rPh sb="34" eb="36">
      <t>ジコウ</t>
    </rPh>
    <rPh sb="37" eb="39">
      <t>ヘンコウ</t>
    </rPh>
    <rPh sb="49" eb="50">
      <t>ニチ</t>
    </rPh>
    <rPh sb="50" eb="52">
      <t>イナイ</t>
    </rPh>
    <rPh sb="55" eb="56">
      <t>ムネ</t>
    </rPh>
    <rPh sb="57" eb="58">
      <t>トド</t>
    </rPh>
    <rPh sb="58" eb="59">
      <t>ケンチジ</t>
    </rPh>
    <rPh sb="59" eb="60">
      <t>デ</t>
    </rPh>
    <rPh sb="146" eb="149">
      <t>ジギョウショ</t>
    </rPh>
    <phoneticPr fontId="3"/>
  </si>
  <si>
    <t>※機能訓練指導員は、下記の資格要件を満たしていますか。
・理学療法士
・作業療法士
・言語聴覚士
・看護師、准看護師
・柔道整復師
・あん摩マッサージ指圧師
・はり師きゅう師（注）
（注）理学療法士、作業療法士、言語聴覚士、看護職員、柔道整復師又はあん摩マッサージ指圧師の資格を有する機能訓練指導員を配置した事業所で6月以上機能訓練指導に従事した経験を有する者に限る。</t>
    <rPh sb="1" eb="3">
      <t>キノウ</t>
    </rPh>
    <rPh sb="3" eb="5">
      <t>クンレン</t>
    </rPh>
    <rPh sb="5" eb="8">
      <t>シドウイン</t>
    </rPh>
    <rPh sb="10" eb="12">
      <t>カキ</t>
    </rPh>
    <rPh sb="13" eb="15">
      <t>シカク</t>
    </rPh>
    <rPh sb="15" eb="17">
      <t>ヨウケン</t>
    </rPh>
    <rPh sb="18" eb="19">
      <t>ミ</t>
    </rPh>
    <rPh sb="82" eb="83">
      <t>シ</t>
    </rPh>
    <rPh sb="86" eb="87">
      <t>シ</t>
    </rPh>
    <rPh sb="88" eb="89">
      <t>チュウ</t>
    </rPh>
    <rPh sb="92" eb="93">
      <t>チュウ</t>
    </rPh>
    <rPh sb="94" eb="96">
      <t>リガク</t>
    </rPh>
    <rPh sb="96" eb="99">
      <t>リョウホウシ</t>
    </rPh>
    <rPh sb="100" eb="102">
      <t>サギョウ</t>
    </rPh>
    <rPh sb="102" eb="105">
      <t>リョウホウシ</t>
    </rPh>
    <rPh sb="106" eb="108">
      <t>ゲンゴ</t>
    </rPh>
    <rPh sb="108" eb="110">
      <t>チョウカク</t>
    </rPh>
    <rPh sb="110" eb="111">
      <t>シ</t>
    </rPh>
    <rPh sb="112" eb="114">
      <t>カンゴ</t>
    </rPh>
    <rPh sb="114" eb="116">
      <t>ショクイン</t>
    </rPh>
    <rPh sb="117" eb="122">
      <t>ジュウドウセイフクシ</t>
    </rPh>
    <rPh sb="122" eb="123">
      <t>マタ</t>
    </rPh>
    <rPh sb="126" eb="127">
      <t>マ</t>
    </rPh>
    <rPh sb="132" eb="135">
      <t>シアツシ</t>
    </rPh>
    <rPh sb="136" eb="138">
      <t>シカク</t>
    </rPh>
    <rPh sb="139" eb="140">
      <t>ユウ</t>
    </rPh>
    <rPh sb="142" eb="144">
      <t>キノウ</t>
    </rPh>
    <rPh sb="144" eb="146">
      <t>クンレン</t>
    </rPh>
    <rPh sb="146" eb="149">
      <t>シドウイン</t>
    </rPh>
    <rPh sb="150" eb="152">
      <t>ハイチ</t>
    </rPh>
    <rPh sb="154" eb="157">
      <t>ジギョウショ</t>
    </rPh>
    <rPh sb="159" eb="160">
      <t>ツキ</t>
    </rPh>
    <rPh sb="160" eb="162">
      <t>イジョウ</t>
    </rPh>
    <rPh sb="162" eb="164">
      <t>キノウ</t>
    </rPh>
    <rPh sb="164" eb="166">
      <t>クンレン</t>
    </rPh>
    <phoneticPr fontId="3"/>
  </si>
  <si>
    <t>・指針
・研修会資料</t>
    <phoneticPr fontId="15"/>
  </si>
  <si>
    <t>609 地域密着型通所介護費</t>
    <rPh sb="4" eb="6">
      <t>チイキ</t>
    </rPh>
    <rPh sb="6" eb="9">
      <t>ミッチャクガタ</t>
    </rPh>
    <phoneticPr fontId="2"/>
  </si>
  <si>
    <t>令和　　年　　月　　日</t>
    <rPh sb="0" eb="2">
      <t>レイワ</t>
    </rPh>
    <rPh sb="4" eb="5">
      <t>ネン</t>
    </rPh>
    <rPh sb="7" eb="8">
      <t>ツキ</t>
    </rPh>
    <rPh sb="10" eb="11">
      <t>ヒ</t>
    </rPh>
    <phoneticPr fontId="2"/>
  </si>
  <si>
    <t>点検項目</t>
    <rPh sb="0" eb="2">
      <t>テンケン</t>
    </rPh>
    <rPh sb="2" eb="4">
      <t>コウモク</t>
    </rPh>
    <phoneticPr fontId="2"/>
  </si>
  <si>
    <t>算定</t>
    <rPh sb="0" eb="2">
      <t>サンテイ</t>
    </rPh>
    <phoneticPr fontId="2"/>
  </si>
  <si>
    <t>点検事項</t>
    <rPh sb="0" eb="2">
      <t>テンケン</t>
    </rPh>
    <rPh sb="2" eb="4">
      <t>ジコウ</t>
    </rPh>
    <phoneticPr fontId="2"/>
  </si>
  <si>
    <t>点検結果</t>
    <rPh sb="0" eb="2">
      <t>テンケン</t>
    </rPh>
    <rPh sb="2" eb="4">
      <t>ケッカ</t>
    </rPh>
    <phoneticPr fontId="2"/>
  </si>
  <si>
    <t>確認書類等</t>
    <rPh sb="0" eb="2">
      <t>カクニン</t>
    </rPh>
    <rPh sb="2" eb="4">
      <t>ショルイ</t>
    </rPh>
    <rPh sb="4" eb="5">
      <t>ナド</t>
    </rPh>
    <phoneticPr fontId="2"/>
  </si>
  <si>
    <t>定員超過減算</t>
    <rPh sb="0" eb="2">
      <t>テイイン</t>
    </rPh>
    <rPh sb="2" eb="4">
      <t>チョウカ</t>
    </rPh>
    <rPh sb="4" eb="6">
      <t>ゲンサン</t>
    </rPh>
    <phoneticPr fontId="2"/>
  </si>
  <si>
    <t xml:space="preserve">   なし</t>
    <phoneticPr fontId="2"/>
  </si>
  <si>
    <t>＜指定地域密着型通所介護＞
介護保険法施行規則第131条の３の２の規定に基づき市町村長に提出した運営規程に定められている利用定員を超えていない</t>
    <rPh sb="1" eb="3">
      <t>シテイ</t>
    </rPh>
    <rPh sb="3" eb="5">
      <t>チイキ</t>
    </rPh>
    <rPh sb="5" eb="8">
      <t>ミッチャクガタ</t>
    </rPh>
    <rPh sb="8" eb="10">
      <t>ツウショ</t>
    </rPh>
    <rPh sb="10" eb="12">
      <t>カイゴ</t>
    </rPh>
    <rPh sb="14" eb="16">
      <t>カイゴ</t>
    </rPh>
    <rPh sb="16" eb="19">
      <t>ホケンホウ</t>
    </rPh>
    <rPh sb="19" eb="21">
      <t>セコウ</t>
    </rPh>
    <rPh sb="21" eb="23">
      <t>キソク</t>
    </rPh>
    <rPh sb="23" eb="24">
      <t>ダイ</t>
    </rPh>
    <rPh sb="27" eb="28">
      <t>ジョウ</t>
    </rPh>
    <rPh sb="33" eb="35">
      <t>キテイ</t>
    </rPh>
    <rPh sb="36" eb="37">
      <t>モト</t>
    </rPh>
    <rPh sb="39" eb="43">
      <t>シチョウソンチョウ</t>
    </rPh>
    <rPh sb="44" eb="46">
      <t>テイシュツ</t>
    </rPh>
    <rPh sb="48" eb="50">
      <t>ウンエイ</t>
    </rPh>
    <rPh sb="50" eb="52">
      <t>キテイ</t>
    </rPh>
    <rPh sb="53" eb="54">
      <t>サダ</t>
    </rPh>
    <rPh sb="60" eb="62">
      <t>リヨウ</t>
    </rPh>
    <rPh sb="62" eb="64">
      <t>テイイン</t>
    </rPh>
    <rPh sb="65" eb="66">
      <t>コ</t>
    </rPh>
    <phoneticPr fontId="2"/>
  </si>
  <si>
    <t>該当</t>
    <rPh sb="0" eb="2">
      <t>ガイトウ</t>
    </rPh>
    <phoneticPr fontId="2"/>
  </si>
  <si>
    <t>業務日誌等</t>
    <rPh sb="0" eb="2">
      <t>ギョウム</t>
    </rPh>
    <rPh sb="2" eb="4">
      <t>ニッシ</t>
    </rPh>
    <rPh sb="4" eb="5">
      <t>ナド</t>
    </rPh>
    <phoneticPr fontId="2"/>
  </si>
  <si>
    <t>＜指定療養通所介護＞
指定地域密着型サービス基準第40条の３に定められている利用定員を超えていない</t>
    <rPh sb="1" eb="3">
      <t>シテイ</t>
    </rPh>
    <rPh sb="3" eb="5">
      <t>リョウヨウ</t>
    </rPh>
    <rPh sb="5" eb="7">
      <t>ツウショ</t>
    </rPh>
    <rPh sb="7" eb="9">
      <t>カイゴ</t>
    </rPh>
    <rPh sb="11" eb="13">
      <t>シテイ</t>
    </rPh>
    <rPh sb="13" eb="15">
      <t>チイキ</t>
    </rPh>
    <rPh sb="15" eb="18">
      <t>ミッチャクガタ</t>
    </rPh>
    <rPh sb="22" eb="24">
      <t>キジュン</t>
    </rPh>
    <rPh sb="24" eb="25">
      <t>ダイ</t>
    </rPh>
    <rPh sb="27" eb="28">
      <t>ジョウ</t>
    </rPh>
    <rPh sb="31" eb="32">
      <t>サダ</t>
    </rPh>
    <rPh sb="38" eb="40">
      <t>リヨウ</t>
    </rPh>
    <rPh sb="40" eb="42">
      <t>テイイン</t>
    </rPh>
    <rPh sb="43" eb="44">
      <t>コ</t>
    </rPh>
    <phoneticPr fontId="2"/>
  </si>
  <si>
    <t>人員基準減算</t>
    <rPh sb="0" eb="2">
      <t>ジンイン</t>
    </rPh>
    <rPh sb="2" eb="4">
      <t>キジュン</t>
    </rPh>
    <rPh sb="4" eb="6">
      <t>ゲンサン</t>
    </rPh>
    <phoneticPr fontId="2"/>
  </si>
  <si>
    <t>＜指定地域密着型通所介護＞
指定地域密着型サービス基準第37条の２の規定の適用を受けない指定地域密着型通所介護事業所にあっては、指定地域密着型サービス基準第20条に定める員数を置いている</t>
    <rPh sb="1" eb="3">
      <t>シテイ</t>
    </rPh>
    <rPh sb="3" eb="5">
      <t>チイキ</t>
    </rPh>
    <rPh sb="5" eb="8">
      <t>ミッチャクガタ</t>
    </rPh>
    <rPh sb="8" eb="10">
      <t>ツウショ</t>
    </rPh>
    <rPh sb="10" eb="12">
      <t>カイゴ</t>
    </rPh>
    <rPh sb="14" eb="16">
      <t>シテイ</t>
    </rPh>
    <rPh sb="16" eb="18">
      <t>チイキ</t>
    </rPh>
    <rPh sb="18" eb="21">
      <t>ミッチャクガタ</t>
    </rPh>
    <rPh sb="25" eb="27">
      <t>キジュン</t>
    </rPh>
    <rPh sb="27" eb="28">
      <t>ダイ</t>
    </rPh>
    <rPh sb="30" eb="31">
      <t>ジョウ</t>
    </rPh>
    <rPh sb="34" eb="36">
      <t>キテイ</t>
    </rPh>
    <rPh sb="37" eb="39">
      <t>テキヨウ</t>
    </rPh>
    <rPh sb="40" eb="41">
      <t>ウ</t>
    </rPh>
    <rPh sb="44" eb="46">
      <t>シテイ</t>
    </rPh>
    <rPh sb="46" eb="48">
      <t>チイキ</t>
    </rPh>
    <rPh sb="48" eb="51">
      <t>ミッチャクガタ</t>
    </rPh>
    <rPh sb="51" eb="53">
      <t>ツウショ</t>
    </rPh>
    <rPh sb="53" eb="55">
      <t>カイゴ</t>
    </rPh>
    <rPh sb="55" eb="58">
      <t>ジギョウショ</t>
    </rPh>
    <rPh sb="64" eb="66">
      <t>シテイ</t>
    </rPh>
    <rPh sb="66" eb="68">
      <t>チイキ</t>
    </rPh>
    <rPh sb="68" eb="71">
      <t>ミッチャクガタ</t>
    </rPh>
    <rPh sb="75" eb="77">
      <t>キジュン</t>
    </rPh>
    <rPh sb="77" eb="78">
      <t>ダイ</t>
    </rPh>
    <rPh sb="80" eb="81">
      <t>ジョウ</t>
    </rPh>
    <rPh sb="82" eb="83">
      <t>サダ</t>
    </rPh>
    <rPh sb="85" eb="87">
      <t>インスウ</t>
    </rPh>
    <rPh sb="88" eb="89">
      <t>オ</t>
    </rPh>
    <phoneticPr fontId="2"/>
  </si>
  <si>
    <t>勤務表、業務日誌等</t>
    <phoneticPr fontId="2"/>
  </si>
  <si>
    <r>
      <t>＜指定地域密着型通所介護＞</t>
    </r>
    <r>
      <rPr>
        <sz val="11"/>
        <color rgb="FF0070C0"/>
        <rFont val="ＭＳ ゴシック"/>
        <family val="3"/>
        <charset val="128"/>
      </rPr>
      <t>※共生型地域密着型サービス</t>
    </r>
    <r>
      <rPr>
        <sz val="11"/>
        <rFont val="ＭＳ ゴシック"/>
        <family val="3"/>
        <charset val="128"/>
      </rPr>
      <t xml:space="preserve">
指定地域密着型サービス基準第37条の２の規定の適用を受ける指定地域密着型通所介護事業所にあっては、同条第１号に定める員数を置いている</t>
    </r>
    <rPh sb="1" eb="3">
      <t>シテイ</t>
    </rPh>
    <rPh sb="3" eb="5">
      <t>チイキ</t>
    </rPh>
    <rPh sb="5" eb="8">
      <t>ミッチャクガタ</t>
    </rPh>
    <rPh sb="8" eb="10">
      <t>ツウショ</t>
    </rPh>
    <rPh sb="10" eb="12">
      <t>カイゴ</t>
    </rPh>
    <rPh sb="14" eb="17">
      <t>キョウセイガタ</t>
    </rPh>
    <rPh sb="17" eb="19">
      <t>チイキ</t>
    </rPh>
    <rPh sb="19" eb="22">
      <t>ミッチャクガタ</t>
    </rPh>
    <rPh sb="27" eb="29">
      <t>シテイ</t>
    </rPh>
    <rPh sb="29" eb="31">
      <t>チイキ</t>
    </rPh>
    <rPh sb="31" eb="34">
      <t>ミッチャクガタ</t>
    </rPh>
    <rPh sb="38" eb="40">
      <t>キジュン</t>
    </rPh>
    <rPh sb="40" eb="41">
      <t>ダイ</t>
    </rPh>
    <rPh sb="43" eb="44">
      <t>ジョウ</t>
    </rPh>
    <rPh sb="47" eb="49">
      <t>キテイ</t>
    </rPh>
    <rPh sb="50" eb="52">
      <t>テキヨウ</t>
    </rPh>
    <rPh sb="53" eb="54">
      <t>ウ</t>
    </rPh>
    <rPh sb="56" eb="58">
      <t>シテイ</t>
    </rPh>
    <rPh sb="58" eb="60">
      <t>チイキ</t>
    </rPh>
    <rPh sb="60" eb="63">
      <t>ミッチャクガタ</t>
    </rPh>
    <rPh sb="63" eb="65">
      <t>ツウショ</t>
    </rPh>
    <rPh sb="65" eb="67">
      <t>カイゴ</t>
    </rPh>
    <rPh sb="67" eb="70">
      <t>ジギョウショ</t>
    </rPh>
    <rPh sb="76" eb="78">
      <t>ドウジョウ</t>
    </rPh>
    <rPh sb="78" eb="79">
      <t>ダイ</t>
    </rPh>
    <rPh sb="80" eb="81">
      <t>ゴウ</t>
    </rPh>
    <rPh sb="82" eb="83">
      <t>サダ</t>
    </rPh>
    <rPh sb="85" eb="87">
      <t>インスウ</t>
    </rPh>
    <rPh sb="88" eb="89">
      <t>オ</t>
    </rPh>
    <phoneticPr fontId="2"/>
  </si>
  <si>
    <t>＜指定療養通所介護＞
指定地域密着型サービス基準第40条に定める員数を置いている</t>
    <rPh sb="1" eb="3">
      <t>シテイ</t>
    </rPh>
    <rPh sb="3" eb="5">
      <t>リョウヨウ</t>
    </rPh>
    <rPh sb="5" eb="7">
      <t>ツウショ</t>
    </rPh>
    <rPh sb="7" eb="9">
      <t>カイゴ</t>
    </rPh>
    <rPh sb="11" eb="13">
      <t>シテイ</t>
    </rPh>
    <rPh sb="13" eb="15">
      <t>チイキ</t>
    </rPh>
    <rPh sb="15" eb="18">
      <t>ミッチャクガタ</t>
    </rPh>
    <rPh sb="22" eb="24">
      <t>キジュン</t>
    </rPh>
    <rPh sb="24" eb="25">
      <t>ダイ</t>
    </rPh>
    <rPh sb="27" eb="28">
      <t>ジョウ</t>
    </rPh>
    <rPh sb="29" eb="30">
      <t>サダ</t>
    </rPh>
    <rPh sb="32" eb="34">
      <t>インスウ</t>
    </rPh>
    <rPh sb="35" eb="36">
      <t>オ</t>
    </rPh>
    <phoneticPr fontId="2"/>
  </si>
  <si>
    <t>２時間以上３時間未満の地域密着型通所介護を行う場合</t>
    <rPh sb="1" eb="3">
      <t>ジカン</t>
    </rPh>
    <rPh sb="3" eb="5">
      <t>イジョウ</t>
    </rPh>
    <rPh sb="6" eb="8">
      <t>ジカン</t>
    </rPh>
    <rPh sb="8" eb="10">
      <t>ミマン</t>
    </rPh>
    <rPh sb="11" eb="20">
      <t>チイキミッチャクガタツウショカイゴ</t>
    </rPh>
    <rPh sb="21" eb="22">
      <t>オコナ</t>
    </rPh>
    <rPh sb="23" eb="25">
      <t>バアイ</t>
    </rPh>
    <phoneticPr fontId="2"/>
  </si>
  <si>
    <t xml:space="preserve">   あり</t>
    <phoneticPr fontId="2"/>
  </si>
  <si>
    <t xml:space="preserve">   あり</t>
    <phoneticPr fontId="2"/>
  </si>
  <si>
    <t>心身の状況その他利用者側のやむを得ない事情により長時間のサービス利用が困難な者に対して、所要時間２時間以上３時間未満の指定地域密着型通所介護を行う場合</t>
    <rPh sb="0" eb="2">
      <t>シンシン</t>
    </rPh>
    <rPh sb="3" eb="5">
      <t>ジョウキョウ</t>
    </rPh>
    <rPh sb="7" eb="8">
      <t>ホカ</t>
    </rPh>
    <rPh sb="8" eb="11">
      <t>リヨウシャ</t>
    </rPh>
    <rPh sb="11" eb="12">
      <t>ガワ</t>
    </rPh>
    <rPh sb="16" eb="17">
      <t>エ</t>
    </rPh>
    <rPh sb="19" eb="21">
      <t>ジジョウ</t>
    </rPh>
    <rPh sb="24" eb="27">
      <t>チョウジカン</t>
    </rPh>
    <rPh sb="32" eb="34">
      <t>リヨウ</t>
    </rPh>
    <rPh sb="35" eb="37">
      <t>コンナン</t>
    </rPh>
    <rPh sb="38" eb="39">
      <t>モノ</t>
    </rPh>
    <rPh sb="40" eb="41">
      <t>タイ</t>
    </rPh>
    <rPh sb="44" eb="46">
      <t>ショヨウ</t>
    </rPh>
    <rPh sb="46" eb="48">
      <t>ジカン</t>
    </rPh>
    <rPh sb="49" eb="51">
      <t>ジカン</t>
    </rPh>
    <rPh sb="51" eb="53">
      <t>イジョウ</t>
    </rPh>
    <rPh sb="54" eb="56">
      <t>ジカン</t>
    </rPh>
    <rPh sb="56" eb="58">
      <t>ミマン</t>
    </rPh>
    <rPh sb="59" eb="61">
      <t>シテイ</t>
    </rPh>
    <rPh sb="61" eb="63">
      <t>チイキ</t>
    </rPh>
    <rPh sb="63" eb="66">
      <t>ミッチャクガタ</t>
    </rPh>
    <rPh sb="66" eb="68">
      <t>ツウショ</t>
    </rPh>
    <rPh sb="68" eb="70">
      <t>カイゴ</t>
    </rPh>
    <rPh sb="71" eb="72">
      <t>オコナ</t>
    </rPh>
    <rPh sb="73" eb="75">
      <t>バアイ</t>
    </rPh>
    <phoneticPr fontId="2"/>
  </si>
  <si>
    <t>やむを得ない事情がわかる記録</t>
    <rPh sb="3" eb="4">
      <t>エ</t>
    </rPh>
    <rPh sb="6" eb="8">
      <t>ジジョウ</t>
    </rPh>
    <rPh sb="12" eb="14">
      <t>キロク</t>
    </rPh>
    <phoneticPr fontId="2"/>
  </si>
  <si>
    <t>地域密着型通所介護の本来の目的に照らし、単に入浴サービスのみといった利用ではなく、利用者の日常生活動作能力などの向上のため、日常生活を通じた機能訓練等が実施されている。</t>
    <rPh sb="0" eb="2">
      <t>チイキ</t>
    </rPh>
    <rPh sb="2" eb="5">
      <t>ミッチャクガタ</t>
    </rPh>
    <rPh sb="5" eb="7">
      <t>ツウショ</t>
    </rPh>
    <rPh sb="7" eb="9">
      <t>カイゴ</t>
    </rPh>
    <rPh sb="10" eb="12">
      <t>ホンライ</t>
    </rPh>
    <rPh sb="13" eb="15">
      <t>モクテキ</t>
    </rPh>
    <rPh sb="16" eb="17">
      <t>テ</t>
    </rPh>
    <rPh sb="20" eb="21">
      <t>タン</t>
    </rPh>
    <rPh sb="22" eb="24">
      <t>ニュウヨク</t>
    </rPh>
    <rPh sb="34" eb="36">
      <t>リヨウ</t>
    </rPh>
    <rPh sb="41" eb="44">
      <t>リヨウシャ</t>
    </rPh>
    <rPh sb="45" eb="47">
      <t>ニチジョウ</t>
    </rPh>
    <rPh sb="47" eb="49">
      <t>セイカツ</t>
    </rPh>
    <rPh sb="49" eb="51">
      <t>ドウサ</t>
    </rPh>
    <rPh sb="51" eb="53">
      <t>ノウリョク</t>
    </rPh>
    <rPh sb="56" eb="58">
      <t>コウジョウ</t>
    </rPh>
    <rPh sb="62" eb="64">
      <t>ニチジョウ</t>
    </rPh>
    <rPh sb="64" eb="66">
      <t>セイカツ</t>
    </rPh>
    <rPh sb="67" eb="68">
      <t>ツウ</t>
    </rPh>
    <rPh sb="70" eb="72">
      <t>キノウ</t>
    </rPh>
    <rPh sb="72" eb="74">
      <t>クンレン</t>
    </rPh>
    <rPh sb="74" eb="75">
      <t>トウ</t>
    </rPh>
    <rPh sb="76" eb="78">
      <t>ジッシ</t>
    </rPh>
    <phoneticPr fontId="2"/>
  </si>
  <si>
    <t>感染症又は災害の発生を理由とする利用者数の減少が一定以上生じている場合の基本報酬への加算</t>
    <rPh sb="0" eb="3">
      <t>カンセンショウ</t>
    </rPh>
    <rPh sb="3" eb="4">
      <t>マタ</t>
    </rPh>
    <rPh sb="5" eb="7">
      <t>サイガイ</t>
    </rPh>
    <rPh sb="8" eb="10">
      <t>ハッセイ</t>
    </rPh>
    <rPh sb="11" eb="13">
      <t>リユウ</t>
    </rPh>
    <rPh sb="16" eb="19">
      <t>リヨウシャ</t>
    </rPh>
    <rPh sb="19" eb="20">
      <t>スウ</t>
    </rPh>
    <rPh sb="21" eb="23">
      <t>ゲンショウ</t>
    </rPh>
    <rPh sb="24" eb="26">
      <t>イッテイ</t>
    </rPh>
    <rPh sb="26" eb="28">
      <t>イジョウ</t>
    </rPh>
    <rPh sb="28" eb="29">
      <t>ショウ</t>
    </rPh>
    <rPh sb="33" eb="35">
      <t>バアイ</t>
    </rPh>
    <rPh sb="36" eb="38">
      <t>キホン</t>
    </rPh>
    <rPh sb="38" eb="40">
      <t>ホウシュウ</t>
    </rPh>
    <rPh sb="42" eb="44">
      <t>カサン</t>
    </rPh>
    <phoneticPr fontId="2"/>
  </si>
  <si>
    <t xml:space="preserve">     あり</t>
    <phoneticPr fontId="2"/>
  </si>
  <si>
    <t>感染症又は災害（厚生労働大臣が認めるものに限る。）の発生を理由とする利用者数の減少が生じ、当該月の利用者数の実績が当該月の前年度における月平均の利用者数よりも100分の５以上減少している。</t>
    <rPh sb="0" eb="3">
      <t>カンセンショウ</t>
    </rPh>
    <rPh sb="3" eb="4">
      <t>マタ</t>
    </rPh>
    <rPh sb="5" eb="7">
      <t>サイガイ</t>
    </rPh>
    <rPh sb="8" eb="10">
      <t>コウセイ</t>
    </rPh>
    <rPh sb="10" eb="12">
      <t>ロウドウ</t>
    </rPh>
    <rPh sb="12" eb="14">
      <t>ダイジン</t>
    </rPh>
    <rPh sb="15" eb="16">
      <t>ミト</t>
    </rPh>
    <rPh sb="21" eb="22">
      <t>カギ</t>
    </rPh>
    <rPh sb="26" eb="28">
      <t>ハッセイ</t>
    </rPh>
    <rPh sb="29" eb="31">
      <t>リユウ</t>
    </rPh>
    <rPh sb="34" eb="37">
      <t>リヨウシャ</t>
    </rPh>
    <rPh sb="37" eb="38">
      <t>スウ</t>
    </rPh>
    <rPh sb="39" eb="41">
      <t>ゲンショウ</t>
    </rPh>
    <rPh sb="42" eb="43">
      <t>ショウ</t>
    </rPh>
    <rPh sb="45" eb="47">
      <t>トウガイ</t>
    </rPh>
    <rPh sb="47" eb="48">
      <t>ツキ</t>
    </rPh>
    <rPh sb="49" eb="52">
      <t>リヨウシャ</t>
    </rPh>
    <rPh sb="52" eb="53">
      <t>スウ</t>
    </rPh>
    <rPh sb="54" eb="56">
      <t>ジッセキ</t>
    </rPh>
    <rPh sb="57" eb="59">
      <t>トウガイ</t>
    </rPh>
    <rPh sb="59" eb="60">
      <t>ツキ</t>
    </rPh>
    <rPh sb="61" eb="64">
      <t>ゼンネンド</t>
    </rPh>
    <rPh sb="68" eb="71">
      <t>ツキヘイキン</t>
    </rPh>
    <rPh sb="72" eb="75">
      <t>リヨウシャ</t>
    </rPh>
    <rPh sb="75" eb="76">
      <t>スウ</t>
    </rPh>
    <rPh sb="82" eb="83">
      <t>ブン</t>
    </rPh>
    <rPh sb="85" eb="87">
      <t>イジョウ</t>
    </rPh>
    <rPh sb="87" eb="89">
      <t>ゲンショウ</t>
    </rPh>
    <phoneticPr fontId="2"/>
  </si>
  <si>
    <t>感染症又は災害の発生を理由とする通所介護等の介護報酬による評価　届出様式（参考様式）
利用延人員数計算シート（参考様式）</t>
    <rPh sb="0" eb="3">
      <t>カンセンショウ</t>
    </rPh>
    <rPh sb="3" eb="4">
      <t>マタ</t>
    </rPh>
    <rPh sb="5" eb="7">
      <t>サイガイ</t>
    </rPh>
    <rPh sb="8" eb="10">
      <t>ハッセイ</t>
    </rPh>
    <rPh sb="11" eb="13">
      <t>リユウ</t>
    </rPh>
    <rPh sb="16" eb="18">
      <t>ツウショ</t>
    </rPh>
    <rPh sb="18" eb="20">
      <t>カイゴ</t>
    </rPh>
    <rPh sb="20" eb="21">
      <t>トウ</t>
    </rPh>
    <rPh sb="22" eb="24">
      <t>カイゴ</t>
    </rPh>
    <rPh sb="24" eb="26">
      <t>ホウシュウ</t>
    </rPh>
    <rPh sb="29" eb="31">
      <t>ヒョウカ</t>
    </rPh>
    <rPh sb="32" eb="34">
      <t>トドケデ</t>
    </rPh>
    <rPh sb="34" eb="36">
      <t>ヨウシキ</t>
    </rPh>
    <rPh sb="37" eb="39">
      <t>サンコウ</t>
    </rPh>
    <rPh sb="39" eb="41">
      <t>ヨウシキ</t>
    </rPh>
    <rPh sb="43" eb="45">
      <t>リヨウ</t>
    </rPh>
    <rPh sb="45" eb="46">
      <t>ノ</t>
    </rPh>
    <rPh sb="46" eb="49">
      <t>ジンインスウ</t>
    </rPh>
    <rPh sb="49" eb="51">
      <t>ケイサン</t>
    </rPh>
    <rPh sb="55" eb="57">
      <t>サンコウ</t>
    </rPh>
    <rPh sb="57" eb="59">
      <t>ヨウシキ</t>
    </rPh>
    <phoneticPr fontId="2"/>
  </si>
  <si>
    <t>８時間以上９時間未満の報酬区分によるサービス提供の前後に行う日常生活上の世話</t>
    <rPh sb="1" eb="3">
      <t>ジカン</t>
    </rPh>
    <rPh sb="3" eb="5">
      <t>イジョウ</t>
    </rPh>
    <rPh sb="6" eb="8">
      <t>ジカン</t>
    </rPh>
    <rPh sb="8" eb="10">
      <t>ミマン</t>
    </rPh>
    <rPh sb="11" eb="13">
      <t>ホウシュウ</t>
    </rPh>
    <rPh sb="13" eb="15">
      <t>クブン</t>
    </rPh>
    <rPh sb="22" eb="24">
      <t>テイキョウ</t>
    </rPh>
    <rPh sb="25" eb="27">
      <t>ゼンゴ</t>
    </rPh>
    <rPh sb="28" eb="29">
      <t>オコナ</t>
    </rPh>
    <rPh sb="30" eb="32">
      <t>ニチジョウ</t>
    </rPh>
    <rPh sb="32" eb="34">
      <t>セイカツ</t>
    </rPh>
    <rPh sb="34" eb="35">
      <t>ウエ</t>
    </rPh>
    <rPh sb="36" eb="38">
      <t>セワ</t>
    </rPh>
    <phoneticPr fontId="2"/>
  </si>
  <si>
    <t xml:space="preserve">   あり</t>
    <phoneticPr fontId="2"/>
  </si>
  <si>
    <t>８時間以上９時間未満の報酬区分でのサービス提供</t>
    <rPh sb="1" eb="3">
      <t>ジカン</t>
    </rPh>
    <rPh sb="3" eb="5">
      <t>イジョウ</t>
    </rPh>
    <rPh sb="6" eb="8">
      <t>ジカン</t>
    </rPh>
    <rPh sb="8" eb="10">
      <t>ミマン</t>
    </rPh>
    <rPh sb="11" eb="13">
      <t>ホウシュウ</t>
    </rPh>
    <rPh sb="13" eb="15">
      <t>クブン</t>
    </rPh>
    <rPh sb="21" eb="23">
      <t>テイキョウ</t>
    </rPh>
    <phoneticPr fontId="2"/>
  </si>
  <si>
    <t>勤務表
サービス提供記録</t>
    <rPh sb="0" eb="2">
      <t>キンム</t>
    </rPh>
    <rPh sb="2" eb="3">
      <t>ヒョウ</t>
    </rPh>
    <rPh sb="8" eb="10">
      <t>テイキョウ</t>
    </rPh>
    <rPh sb="10" eb="12">
      <t>キロク</t>
    </rPh>
    <phoneticPr fontId="2"/>
  </si>
  <si>
    <t>９時間以上10時間未満</t>
    <rPh sb="1" eb="3">
      <t>ジカン</t>
    </rPh>
    <rPh sb="3" eb="5">
      <t>イジョウ</t>
    </rPh>
    <rPh sb="7" eb="9">
      <t>ジカン</t>
    </rPh>
    <rPh sb="9" eb="11">
      <t>ミマン</t>
    </rPh>
    <phoneticPr fontId="2"/>
  </si>
  <si>
    <t>10時間以上11時間未満</t>
    <rPh sb="2" eb="4">
      <t>ジカン</t>
    </rPh>
    <rPh sb="4" eb="6">
      <t>イジョウ</t>
    </rPh>
    <rPh sb="8" eb="10">
      <t>ジカン</t>
    </rPh>
    <rPh sb="10" eb="12">
      <t>ミマン</t>
    </rPh>
    <phoneticPr fontId="2"/>
  </si>
  <si>
    <t>11時間以上12時間未満</t>
    <rPh sb="2" eb="4">
      <t>ジカン</t>
    </rPh>
    <rPh sb="4" eb="6">
      <t>イジョウ</t>
    </rPh>
    <rPh sb="8" eb="10">
      <t>ジカン</t>
    </rPh>
    <rPh sb="10" eb="12">
      <t>ミマン</t>
    </rPh>
    <phoneticPr fontId="2"/>
  </si>
  <si>
    <t>12時間以上13時間未満</t>
    <rPh sb="2" eb="4">
      <t>ジカン</t>
    </rPh>
    <rPh sb="4" eb="6">
      <t>イジョウ</t>
    </rPh>
    <rPh sb="8" eb="10">
      <t>ジカン</t>
    </rPh>
    <rPh sb="10" eb="12">
      <t>ミマン</t>
    </rPh>
    <phoneticPr fontId="2"/>
  </si>
  <si>
    <t>13時間以上14時間未満</t>
    <phoneticPr fontId="2"/>
  </si>
  <si>
    <t>共生型地域密着型通所介護を行う場合</t>
    <rPh sb="0" eb="3">
      <t>キョウセイガタ</t>
    </rPh>
    <rPh sb="3" eb="8">
      <t>チイキミッチャクガタ</t>
    </rPh>
    <rPh sb="8" eb="10">
      <t>ツウショ</t>
    </rPh>
    <rPh sb="10" eb="12">
      <t>カイゴ</t>
    </rPh>
    <rPh sb="13" eb="14">
      <t>オコナ</t>
    </rPh>
    <rPh sb="15" eb="17">
      <t>バアイ</t>
    </rPh>
    <phoneticPr fontId="2"/>
  </si>
  <si>
    <t>共生型居宅サービスの事業を行う指定生活介護事業者が当該事業を行う事業所において共生型地域密着型通所介護を行った場合</t>
    <rPh sb="42" eb="47">
      <t>チイキミッチャクガタ</t>
    </rPh>
    <phoneticPr fontId="2"/>
  </si>
  <si>
    <t>共生型居宅サービスの事業を行う指定自立訓練（機能訓練）事業者又は指定自立訓練（生活訓練）事業者が当該事業を行う事業所において共生型地域密着型通所介護を行った場合</t>
    <rPh sb="65" eb="70">
      <t>チイキミッチャクガタ</t>
    </rPh>
    <phoneticPr fontId="2"/>
  </si>
  <si>
    <t>共生型居宅サービスの事業を行う指定児童発達支援事業者が当該事業を行う事業所において共生型地域密着型通所介護を行った場合</t>
    <rPh sb="44" eb="49">
      <t>チイキミッチャクガタ</t>
    </rPh>
    <phoneticPr fontId="2"/>
  </si>
  <si>
    <t>共生型居宅サービスの事業を行う指定放課後等デイサービス事業者が当該事業を行う事業所において共生型地域密着型通所介護を行った場合</t>
    <rPh sb="48" eb="53">
      <t>チイキミッチャクガタ</t>
    </rPh>
    <phoneticPr fontId="2"/>
  </si>
  <si>
    <t>生活相談員配置等加算</t>
    <rPh sb="0" eb="2">
      <t>セイカツ</t>
    </rPh>
    <rPh sb="2" eb="5">
      <t>ソウダンイン</t>
    </rPh>
    <rPh sb="5" eb="7">
      <t>ハイチ</t>
    </rPh>
    <rPh sb="7" eb="8">
      <t>トウ</t>
    </rPh>
    <rPh sb="8" eb="10">
      <t>カサン</t>
    </rPh>
    <phoneticPr fontId="2"/>
  </si>
  <si>
    <t>共生型地域密着型通所介護費を算定している。</t>
    <rPh sb="0" eb="3">
      <t>キョウセイガタ</t>
    </rPh>
    <rPh sb="3" eb="12">
      <t>チイキミッチャクガタツウショカイゴ</t>
    </rPh>
    <rPh sb="12" eb="13">
      <t>ヒ</t>
    </rPh>
    <rPh sb="14" eb="16">
      <t>サンテイ</t>
    </rPh>
    <phoneticPr fontId="2"/>
  </si>
  <si>
    <t>生活相談員を、共生型地域密着型通所介護の提供日ごとに、当該共生型地域密着型通所介護を行う時間帯を通じて１名以上配置している。</t>
    <rPh sb="0" eb="2">
      <t>セイカツ</t>
    </rPh>
    <rPh sb="2" eb="5">
      <t>ソウダンイン</t>
    </rPh>
    <rPh sb="7" eb="10">
      <t>キョウセイガタ</t>
    </rPh>
    <rPh sb="10" eb="12">
      <t>チイキ</t>
    </rPh>
    <rPh sb="12" eb="15">
      <t>ミッチャクガタ</t>
    </rPh>
    <rPh sb="15" eb="17">
      <t>ツウショ</t>
    </rPh>
    <rPh sb="17" eb="19">
      <t>カイゴ</t>
    </rPh>
    <rPh sb="20" eb="22">
      <t>テイキョウ</t>
    </rPh>
    <rPh sb="22" eb="23">
      <t>ビ</t>
    </rPh>
    <rPh sb="27" eb="29">
      <t>トウガイ</t>
    </rPh>
    <rPh sb="29" eb="32">
      <t>キョウセイガタ</t>
    </rPh>
    <rPh sb="32" eb="34">
      <t>チイキ</t>
    </rPh>
    <rPh sb="34" eb="37">
      <t>ミッチャクガタ</t>
    </rPh>
    <rPh sb="37" eb="39">
      <t>ツウショ</t>
    </rPh>
    <rPh sb="39" eb="41">
      <t>カイゴ</t>
    </rPh>
    <rPh sb="42" eb="43">
      <t>オコナ</t>
    </rPh>
    <rPh sb="44" eb="47">
      <t>ジカンタイ</t>
    </rPh>
    <rPh sb="48" eb="49">
      <t>ツウ</t>
    </rPh>
    <rPh sb="52" eb="55">
      <t>メイイジョウ</t>
    </rPh>
    <rPh sb="55" eb="57">
      <t>ハイチ</t>
    </rPh>
    <phoneticPr fontId="2"/>
  </si>
  <si>
    <t>地域に貢献する活動を行っている。</t>
    <rPh sb="0" eb="2">
      <t>チイキ</t>
    </rPh>
    <rPh sb="3" eb="5">
      <t>コウケン</t>
    </rPh>
    <rPh sb="7" eb="9">
      <t>カツドウ</t>
    </rPh>
    <rPh sb="10" eb="11">
      <t>オコナ</t>
    </rPh>
    <phoneticPr fontId="2"/>
  </si>
  <si>
    <t>中山間地域等に居住する者へのサービス提供加算</t>
    <rPh sb="0" eb="1">
      <t>チュウ</t>
    </rPh>
    <rPh sb="1" eb="3">
      <t>サンカン</t>
    </rPh>
    <rPh sb="3" eb="5">
      <t>チイキ</t>
    </rPh>
    <rPh sb="5" eb="6">
      <t>トウ</t>
    </rPh>
    <rPh sb="7" eb="8">
      <t>イ</t>
    </rPh>
    <rPh sb="8" eb="9">
      <t>ス</t>
    </rPh>
    <rPh sb="11" eb="12">
      <t>モノ</t>
    </rPh>
    <rPh sb="18" eb="20">
      <t>テイキョウ</t>
    </rPh>
    <rPh sb="20" eb="22">
      <t>カサン</t>
    </rPh>
    <phoneticPr fontId="2"/>
  </si>
  <si>
    <t>厚生労働大臣の定める地域（離島振興対策実施地域、奄美群島、豪雪地帯及び特別豪雪地帯、辺地、振興山村、小笠原諸島、半島振興対策実施地域、特定農山村地域、過疎地域、沖縄の離島）</t>
    <rPh sb="0" eb="2">
      <t>コウセイ</t>
    </rPh>
    <rPh sb="2" eb="4">
      <t>ロウドウ</t>
    </rPh>
    <rPh sb="4" eb="6">
      <t>ダイジン</t>
    </rPh>
    <rPh sb="7" eb="8">
      <t>サダ</t>
    </rPh>
    <rPh sb="10" eb="12">
      <t>チイキ</t>
    </rPh>
    <phoneticPr fontId="2"/>
  </si>
  <si>
    <t>入浴介助加算（Ⅰ）</t>
    <rPh sb="0" eb="2">
      <t>ニュウヨク</t>
    </rPh>
    <rPh sb="2" eb="4">
      <t>カイジョ</t>
    </rPh>
    <rPh sb="4" eb="6">
      <t>カサン</t>
    </rPh>
    <phoneticPr fontId="2"/>
  </si>
  <si>
    <t>入浴介助を適切に行うことのできる人員及び設備を有している。</t>
    <rPh sb="0" eb="2">
      <t>ニュウヨク</t>
    </rPh>
    <rPh sb="2" eb="4">
      <t>カイジョ</t>
    </rPh>
    <rPh sb="5" eb="7">
      <t>テキセツ</t>
    </rPh>
    <rPh sb="8" eb="9">
      <t>オコナ</t>
    </rPh>
    <rPh sb="16" eb="18">
      <t>ジンイン</t>
    </rPh>
    <rPh sb="18" eb="19">
      <t>オヨ</t>
    </rPh>
    <rPh sb="20" eb="22">
      <t>セツビ</t>
    </rPh>
    <rPh sb="23" eb="24">
      <t>ユウ</t>
    </rPh>
    <phoneticPr fontId="2"/>
  </si>
  <si>
    <t>勤務表</t>
    <rPh sb="0" eb="2">
      <t>キンム</t>
    </rPh>
    <rPh sb="2" eb="3">
      <t>ヒョウ</t>
    </rPh>
    <phoneticPr fontId="2"/>
  </si>
  <si>
    <t>入浴介助を実施している。</t>
    <rPh sb="0" eb="2">
      <t>ニュウヨク</t>
    </rPh>
    <rPh sb="2" eb="4">
      <t>カイジョ</t>
    </rPh>
    <rPh sb="5" eb="7">
      <t>ジッシ</t>
    </rPh>
    <phoneticPr fontId="2"/>
  </si>
  <si>
    <t>入浴の記録</t>
    <rPh sb="0" eb="2">
      <t>ニュウヨク</t>
    </rPh>
    <rPh sb="3" eb="5">
      <t>キロク</t>
    </rPh>
    <phoneticPr fontId="2"/>
  </si>
  <si>
    <t>入浴介助加算（Ⅱ）</t>
    <rPh sb="0" eb="2">
      <t>ニュウヨク</t>
    </rPh>
    <rPh sb="2" eb="4">
      <t>カイジョ</t>
    </rPh>
    <rPh sb="4" eb="6">
      <t>カサン</t>
    </rPh>
    <phoneticPr fontId="2"/>
  </si>
  <si>
    <t>医師、理学療法士、作業療法士、介護福祉士、介護支援専門員等（利用者の動作及び浴室の環境の評価を行うことができる福祉用具専門相談員、機能訓練指導員を含む。）が利用者の居宅を訪問し、利用者の状態を踏まえ、浴室における利用者の動作と浴室環境を評価している。</t>
  </si>
  <si>
    <t>居宅を訪問し評価した記録</t>
    <rPh sb="0" eb="2">
      <t>キョタク</t>
    </rPh>
    <rPh sb="3" eb="5">
      <t>ホウモン</t>
    </rPh>
    <rPh sb="6" eb="8">
      <t>ヒョウカ</t>
    </rPh>
    <rPh sb="10" eb="12">
      <t>キロク</t>
    </rPh>
    <phoneticPr fontId="2"/>
  </si>
  <si>
    <t>当該利用者の居宅を訪問し評価した者が、入浴に係る適切な介護技術に基づいて、利用者の動作を踏まえ、利用者自身で又は家族・訪問介護員等の介助により入浴を行うことが可能であると判断した場合、指定地域密着型通所介護事業所に対し、その旨情報共有している。
（当該利用者の居宅を訪問し評価した者が、指定地域密着型通所介護事業所の従業者以外の者である場合は、書面等を活用し、十分な情報共有を行っている。）</t>
    <rPh sb="0" eb="2">
      <t>トウガイ</t>
    </rPh>
    <rPh sb="2" eb="5">
      <t>リヨウシャ</t>
    </rPh>
    <rPh sb="6" eb="8">
      <t>キョタク</t>
    </rPh>
    <rPh sb="9" eb="11">
      <t>ホウモン</t>
    </rPh>
    <rPh sb="12" eb="14">
      <t>ヒョウカ</t>
    </rPh>
    <rPh sb="16" eb="17">
      <t>モノ</t>
    </rPh>
    <rPh sb="19" eb="21">
      <t>ニュウヨク</t>
    </rPh>
    <rPh sb="22" eb="23">
      <t>カカ</t>
    </rPh>
    <rPh sb="24" eb="26">
      <t>テキセツ</t>
    </rPh>
    <rPh sb="27" eb="29">
      <t>カイゴ</t>
    </rPh>
    <rPh sb="29" eb="31">
      <t>ギジュツ</t>
    </rPh>
    <rPh sb="32" eb="33">
      <t>モト</t>
    </rPh>
    <rPh sb="37" eb="40">
      <t>リヨウシャ</t>
    </rPh>
    <rPh sb="41" eb="43">
      <t>ドウサ</t>
    </rPh>
    <rPh sb="44" eb="45">
      <t>フ</t>
    </rPh>
    <rPh sb="48" eb="51">
      <t>リヨウシャ</t>
    </rPh>
    <rPh sb="51" eb="53">
      <t>ジシン</t>
    </rPh>
    <rPh sb="54" eb="55">
      <t>マタ</t>
    </rPh>
    <rPh sb="56" eb="58">
      <t>カゾク</t>
    </rPh>
    <rPh sb="59" eb="61">
      <t>ホウモン</t>
    </rPh>
    <rPh sb="61" eb="64">
      <t>カイゴイン</t>
    </rPh>
    <rPh sb="64" eb="65">
      <t>トウ</t>
    </rPh>
    <rPh sb="66" eb="68">
      <t>カイジョ</t>
    </rPh>
    <rPh sb="71" eb="73">
      <t>ニュウヨク</t>
    </rPh>
    <rPh sb="74" eb="75">
      <t>オコナ</t>
    </rPh>
    <rPh sb="79" eb="81">
      <t>カノウ</t>
    </rPh>
    <rPh sb="85" eb="87">
      <t>ハンダン</t>
    </rPh>
    <rPh sb="89" eb="91">
      <t>バアイ</t>
    </rPh>
    <rPh sb="92" eb="94">
      <t>シテイ</t>
    </rPh>
    <rPh sb="94" eb="96">
      <t>チイキ</t>
    </rPh>
    <rPh sb="96" eb="99">
      <t>ミッチャクガタ</t>
    </rPh>
    <rPh sb="99" eb="101">
      <t>ツウショ</t>
    </rPh>
    <rPh sb="101" eb="103">
      <t>カイゴ</t>
    </rPh>
    <rPh sb="103" eb="106">
      <t>ジギョウショ</t>
    </rPh>
    <rPh sb="107" eb="108">
      <t>タイ</t>
    </rPh>
    <rPh sb="112" eb="113">
      <t>ムネ</t>
    </rPh>
    <rPh sb="113" eb="115">
      <t>ジョウホウ</t>
    </rPh>
    <rPh sb="115" eb="117">
      <t>キョウユウ</t>
    </rPh>
    <rPh sb="124" eb="126">
      <t>トウガイ</t>
    </rPh>
    <rPh sb="126" eb="129">
      <t>リヨウシャ</t>
    </rPh>
    <rPh sb="130" eb="132">
      <t>キョタク</t>
    </rPh>
    <rPh sb="133" eb="135">
      <t>ホウモン</t>
    </rPh>
    <rPh sb="136" eb="138">
      <t>ヒョウカ</t>
    </rPh>
    <rPh sb="140" eb="141">
      <t>モノ</t>
    </rPh>
    <rPh sb="143" eb="145">
      <t>シテイ</t>
    </rPh>
    <rPh sb="145" eb="147">
      <t>チイキ</t>
    </rPh>
    <rPh sb="147" eb="150">
      <t>ミッチャクガタ</t>
    </rPh>
    <rPh sb="150" eb="152">
      <t>ツウショ</t>
    </rPh>
    <rPh sb="152" eb="154">
      <t>カイゴ</t>
    </rPh>
    <rPh sb="154" eb="157">
      <t>ジギョウショ</t>
    </rPh>
    <rPh sb="158" eb="161">
      <t>ジュウギョウシャ</t>
    </rPh>
    <rPh sb="161" eb="163">
      <t>イガイ</t>
    </rPh>
    <rPh sb="164" eb="165">
      <t>モノ</t>
    </rPh>
    <rPh sb="168" eb="170">
      <t>バアイ</t>
    </rPh>
    <rPh sb="172" eb="174">
      <t>ショメン</t>
    </rPh>
    <rPh sb="174" eb="175">
      <t>トウ</t>
    </rPh>
    <rPh sb="176" eb="178">
      <t>カツヨウ</t>
    </rPh>
    <rPh sb="180" eb="182">
      <t>ジュウブン</t>
    </rPh>
    <rPh sb="183" eb="185">
      <t>ジョウホウ</t>
    </rPh>
    <rPh sb="185" eb="187">
      <t>キョウユウ</t>
    </rPh>
    <rPh sb="188" eb="189">
      <t>オコナ</t>
    </rPh>
    <phoneticPr fontId="2"/>
  </si>
  <si>
    <t>情報共有した記録</t>
    <rPh sb="0" eb="2">
      <t>ジョウホウ</t>
    </rPh>
    <rPh sb="2" eb="4">
      <t>キョウユウ</t>
    </rPh>
    <rPh sb="6" eb="8">
      <t>キロク</t>
    </rPh>
    <phoneticPr fontId="2"/>
  </si>
  <si>
    <r>
      <t>当該利用者の居宅を訪問し評価した者が、入浴に係る適切な介護技術に基づいて、利用者の動作を踏まえ、利用者自身で又は家族・訪問介護員等の介助により入浴を行うことが難しいと判断した場合は、指定居宅介護支援事業所の介護支援専門員又は指定福祉用具貸与事業所若しくは指定特定福祉用具販売事業所の福祉用具専門相談員と連携し、利用者及び当該利用者を担当する介護支援専門員等に対し、福祉用具の貸与若しくは購入又は住宅改修等の浴室の環境整備</t>
    </r>
    <r>
      <rPr>
        <sz val="11"/>
        <color rgb="FF00B0F0"/>
        <rFont val="ＭＳ ゴシック"/>
        <family val="3"/>
        <charset val="128"/>
      </rPr>
      <t>に</t>
    </r>
    <r>
      <rPr>
        <sz val="11"/>
        <rFont val="ＭＳ ゴシック"/>
        <family val="3"/>
        <charset val="128"/>
      </rPr>
      <t>係る助言を行っている。</t>
    </r>
    <rPh sb="0" eb="2">
      <t>トウガイ</t>
    </rPh>
    <rPh sb="2" eb="5">
      <t>リヨウシャ</t>
    </rPh>
    <rPh sb="6" eb="8">
      <t>キョタク</t>
    </rPh>
    <rPh sb="9" eb="11">
      <t>ホウモン</t>
    </rPh>
    <rPh sb="12" eb="14">
      <t>ヒョウカ</t>
    </rPh>
    <rPh sb="16" eb="17">
      <t>モノ</t>
    </rPh>
    <rPh sb="19" eb="21">
      <t>ニュウヨク</t>
    </rPh>
    <rPh sb="22" eb="23">
      <t>カカ</t>
    </rPh>
    <rPh sb="24" eb="26">
      <t>テキセツ</t>
    </rPh>
    <rPh sb="27" eb="29">
      <t>カイゴ</t>
    </rPh>
    <rPh sb="29" eb="31">
      <t>ギジュツ</t>
    </rPh>
    <rPh sb="32" eb="33">
      <t>モト</t>
    </rPh>
    <rPh sb="37" eb="40">
      <t>リヨウシャ</t>
    </rPh>
    <rPh sb="41" eb="43">
      <t>ドウサ</t>
    </rPh>
    <rPh sb="44" eb="45">
      <t>フ</t>
    </rPh>
    <rPh sb="48" eb="51">
      <t>リヨウシャ</t>
    </rPh>
    <rPh sb="51" eb="53">
      <t>ジシン</t>
    </rPh>
    <rPh sb="54" eb="55">
      <t>マタ</t>
    </rPh>
    <rPh sb="56" eb="58">
      <t>カゾク</t>
    </rPh>
    <rPh sb="59" eb="61">
      <t>ホウモン</t>
    </rPh>
    <rPh sb="61" eb="64">
      <t>カイゴイン</t>
    </rPh>
    <rPh sb="64" eb="65">
      <t>トウ</t>
    </rPh>
    <rPh sb="66" eb="68">
      <t>カイジョ</t>
    </rPh>
    <rPh sb="71" eb="73">
      <t>ニュウヨク</t>
    </rPh>
    <rPh sb="74" eb="75">
      <t>オコナ</t>
    </rPh>
    <rPh sb="79" eb="80">
      <t>ムズカ</t>
    </rPh>
    <rPh sb="83" eb="85">
      <t>ハンダン</t>
    </rPh>
    <rPh sb="87" eb="89">
      <t>バアイ</t>
    </rPh>
    <rPh sb="91" eb="93">
      <t>シテイ</t>
    </rPh>
    <rPh sb="93" eb="95">
      <t>キョタク</t>
    </rPh>
    <rPh sb="95" eb="97">
      <t>カイゴ</t>
    </rPh>
    <rPh sb="97" eb="99">
      <t>シエン</t>
    </rPh>
    <rPh sb="99" eb="102">
      <t>ジギョウショ</t>
    </rPh>
    <rPh sb="103" eb="105">
      <t>カイゴ</t>
    </rPh>
    <rPh sb="105" eb="107">
      <t>シエン</t>
    </rPh>
    <rPh sb="107" eb="110">
      <t>センモンイン</t>
    </rPh>
    <rPh sb="110" eb="111">
      <t>マタ</t>
    </rPh>
    <rPh sb="112" eb="114">
      <t>シテイ</t>
    </rPh>
    <rPh sb="114" eb="116">
      <t>フクシ</t>
    </rPh>
    <rPh sb="116" eb="118">
      <t>ヨウグ</t>
    </rPh>
    <rPh sb="118" eb="120">
      <t>タイヨ</t>
    </rPh>
    <rPh sb="120" eb="123">
      <t>ジギョウショ</t>
    </rPh>
    <rPh sb="123" eb="124">
      <t>モ</t>
    </rPh>
    <rPh sb="127" eb="129">
      <t>シテイ</t>
    </rPh>
    <rPh sb="129" eb="131">
      <t>トクテイ</t>
    </rPh>
    <rPh sb="131" eb="133">
      <t>フクシ</t>
    </rPh>
    <rPh sb="133" eb="135">
      <t>ヨウグ</t>
    </rPh>
    <rPh sb="135" eb="137">
      <t>ハンバイ</t>
    </rPh>
    <rPh sb="137" eb="140">
      <t>ジギョウショ</t>
    </rPh>
    <rPh sb="141" eb="143">
      <t>フクシ</t>
    </rPh>
    <rPh sb="143" eb="145">
      <t>ヨウグ</t>
    </rPh>
    <rPh sb="145" eb="147">
      <t>センモン</t>
    </rPh>
    <rPh sb="147" eb="150">
      <t>ソウダンイン</t>
    </rPh>
    <rPh sb="151" eb="153">
      <t>レンケイ</t>
    </rPh>
    <rPh sb="155" eb="158">
      <t>リヨウシャ</t>
    </rPh>
    <rPh sb="158" eb="159">
      <t>オヨ</t>
    </rPh>
    <rPh sb="160" eb="162">
      <t>トウガイ</t>
    </rPh>
    <rPh sb="162" eb="165">
      <t>リヨウシャ</t>
    </rPh>
    <rPh sb="166" eb="168">
      <t>タントウ</t>
    </rPh>
    <rPh sb="170" eb="172">
      <t>カイゴ</t>
    </rPh>
    <rPh sb="172" eb="174">
      <t>シエン</t>
    </rPh>
    <rPh sb="174" eb="177">
      <t>センモンイン</t>
    </rPh>
    <rPh sb="177" eb="178">
      <t>トウ</t>
    </rPh>
    <rPh sb="179" eb="180">
      <t>タイ</t>
    </rPh>
    <rPh sb="182" eb="184">
      <t>フクシ</t>
    </rPh>
    <rPh sb="184" eb="186">
      <t>ヨウグ</t>
    </rPh>
    <rPh sb="187" eb="189">
      <t>タイヨ</t>
    </rPh>
    <rPh sb="189" eb="190">
      <t>モ</t>
    </rPh>
    <rPh sb="193" eb="195">
      <t>コウニュウ</t>
    </rPh>
    <rPh sb="195" eb="196">
      <t>マタ</t>
    </rPh>
    <rPh sb="197" eb="199">
      <t>ジュウタク</t>
    </rPh>
    <rPh sb="199" eb="202">
      <t>カイシュウトウ</t>
    </rPh>
    <rPh sb="203" eb="205">
      <t>ヨクシツ</t>
    </rPh>
    <rPh sb="206" eb="208">
      <t>カンキョウ</t>
    </rPh>
    <rPh sb="208" eb="210">
      <t>セイビ</t>
    </rPh>
    <rPh sb="211" eb="212">
      <t>カカ</t>
    </rPh>
    <rPh sb="213" eb="215">
      <t>ジョゲン</t>
    </rPh>
    <rPh sb="216" eb="217">
      <t>オコナ</t>
    </rPh>
    <phoneticPr fontId="2"/>
  </si>
  <si>
    <t>判断した経緯がわかる記録
連携・助言の内容がわかる記録</t>
    <rPh sb="0" eb="2">
      <t>ハンダン</t>
    </rPh>
    <rPh sb="4" eb="6">
      <t>ケイイ</t>
    </rPh>
    <rPh sb="10" eb="12">
      <t>キロク</t>
    </rPh>
    <rPh sb="13" eb="15">
      <t>レンケイ</t>
    </rPh>
    <rPh sb="16" eb="18">
      <t>ジョゲン</t>
    </rPh>
    <rPh sb="19" eb="21">
      <t>ナイヨウ</t>
    </rPh>
    <rPh sb="25" eb="27">
      <t>キロク</t>
    </rPh>
    <phoneticPr fontId="2"/>
  </si>
  <si>
    <t>指定地域密着型通所介護事業所の機能訓練指導員等（機能訓練指導員、看護職員、介護職員、生活相談員その他の職種の者）が共同し、利用者の居宅を訪問し評価した者との連携の下で、利用者の身体状況や訪問で把握した利用者の居宅の浴室の環境等を踏まえた個別の入浴計画を作成している。</t>
    <rPh sb="0" eb="2">
      <t>シテイ</t>
    </rPh>
    <rPh sb="2" eb="4">
      <t>チイキ</t>
    </rPh>
    <rPh sb="4" eb="7">
      <t>ミッチャクガタ</t>
    </rPh>
    <rPh sb="7" eb="9">
      <t>ツウショ</t>
    </rPh>
    <rPh sb="9" eb="11">
      <t>カイゴ</t>
    </rPh>
    <rPh sb="11" eb="14">
      <t>ジギョウショ</t>
    </rPh>
    <rPh sb="15" eb="22">
      <t>キノウクンレンシドウイン</t>
    </rPh>
    <rPh sb="22" eb="23">
      <t>トウ</t>
    </rPh>
    <rPh sb="57" eb="59">
      <t>キョウドウ</t>
    </rPh>
    <rPh sb="61" eb="64">
      <t>リヨウシャ</t>
    </rPh>
    <rPh sb="66" eb="67">
      <t>タク</t>
    </rPh>
    <rPh sb="68" eb="70">
      <t>ホウモン</t>
    </rPh>
    <rPh sb="71" eb="73">
      <t>ヒョウカ</t>
    </rPh>
    <rPh sb="75" eb="76">
      <t>モノ</t>
    </rPh>
    <rPh sb="78" eb="80">
      <t>レンケイ</t>
    </rPh>
    <rPh sb="81" eb="82">
      <t>モト</t>
    </rPh>
    <rPh sb="84" eb="87">
      <t>リヨウシャ</t>
    </rPh>
    <rPh sb="88" eb="90">
      <t>シンタイ</t>
    </rPh>
    <rPh sb="90" eb="92">
      <t>ジョウキョウ</t>
    </rPh>
    <rPh sb="93" eb="95">
      <t>ホウモン</t>
    </rPh>
    <rPh sb="96" eb="98">
      <t>ハアク</t>
    </rPh>
    <rPh sb="100" eb="103">
      <t>リヨウシャ</t>
    </rPh>
    <rPh sb="104" eb="106">
      <t>キョタク</t>
    </rPh>
    <rPh sb="107" eb="109">
      <t>ヨクシツ</t>
    </rPh>
    <rPh sb="110" eb="112">
      <t>カンキョウ</t>
    </rPh>
    <rPh sb="112" eb="113">
      <t>トウ</t>
    </rPh>
    <rPh sb="114" eb="115">
      <t>フ</t>
    </rPh>
    <rPh sb="118" eb="120">
      <t>コベツ</t>
    </rPh>
    <rPh sb="121" eb="123">
      <t>ニュウヨク</t>
    </rPh>
    <rPh sb="123" eb="125">
      <t>ケイカク</t>
    </rPh>
    <rPh sb="126" eb="128">
      <t>サクセイ</t>
    </rPh>
    <phoneticPr fontId="2"/>
  </si>
  <si>
    <t>入浴計画</t>
    <phoneticPr fontId="2"/>
  </si>
  <si>
    <t>個別の入浴計画に基づき、個浴その他の利用者宅の状況に近い環境で入浴介助を実施している。</t>
    <rPh sb="0" eb="2">
      <t>コベツ</t>
    </rPh>
    <rPh sb="3" eb="5">
      <t>ニュウヨク</t>
    </rPh>
    <rPh sb="5" eb="7">
      <t>ケイカク</t>
    </rPh>
    <rPh sb="8" eb="9">
      <t>モト</t>
    </rPh>
    <rPh sb="12" eb="13">
      <t>コ</t>
    </rPh>
    <rPh sb="13" eb="14">
      <t>ヨク</t>
    </rPh>
    <rPh sb="16" eb="17">
      <t>タ</t>
    </rPh>
    <rPh sb="18" eb="21">
      <t>リヨウシャ</t>
    </rPh>
    <rPh sb="21" eb="22">
      <t>タク</t>
    </rPh>
    <rPh sb="23" eb="25">
      <t>ジョウキョウ</t>
    </rPh>
    <rPh sb="26" eb="27">
      <t>チカ</t>
    </rPh>
    <rPh sb="28" eb="30">
      <t>カンキョウ</t>
    </rPh>
    <rPh sb="31" eb="33">
      <t>ニュウヨク</t>
    </rPh>
    <rPh sb="33" eb="35">
      <t>カイジョ</t>
    </rPh>
    <rPh sb="36" eb="38">
      <t>ジッシ</t>
    </rPh>
    <phoneticPr fontId="23"/>
  </si>
  <si>
    <t>該当</t>
    <rPh sb="0" eb="2">
      <t>ガイトウ</t>
    </rPh>
    <phoneticPr fontId="23"/>
  </si>
  <si>
    <t>入浴計画</t>
    <rPh sb="0" eb="2">
      <t>ニュウヨク</t>
    </rPh>
    <rPh sb="2" eb="4">
      <t>ケイカク</t>
    </rPh>
    <phoneticPr fontId="2"/>
  </si>
  <si>
    <t>入浴介助を行う際は、関係計画等の達成状況や利用者の状態をふまえて、自身で又は家族・訪問介護員等の介助によって入浴することができるようになるよう、既存の研修等を参考に必要な介護技術の習得に努め、これを用いて行われている。</t>
    <rPh sb="0" eb="2">
      <t>ニュウヨク</t>
    </rPh>
    <rPh sb="2" eb="4">
      <t>カイジョ</t>
    </rPh>
    <rPh sb="5" eb="6">
      <t>オコナ</t>
    </rPh>
    <rPh sb="7" eb="8">
      <t>サイ</t>
    </rPh>
    <rPh sb="10" eb="12">
      <t>カンケイ</t>
    </rPh>
    <rPh sb="12" eb="14">
      <t>ケイカク</t>
    </rPh>
    <rPh sb="14" eb="15">
      <t>トウ</t>
    </rPh>
    <rPh sb="16" eb="18">
      <t>タッセイ</t>
    </rPh>
    <rPh sb="18" eb="20">
      <t>ジョウキョウ</t>
    </rPh>
    <rPh sb="21" eb="24">
      <t>リヨウシャ</t>
    </rPh>
    <rPh sb="25" eb="27">
      <t>ジョウタイ</t>
    </rPh>
    <rPh sb="33" eb="35">
      <t>ジシン</t>
    </rPh>
    <rPh sb="36" eb="37">
      <t>マタ</t>
    </rPh>
    <rPh sb="38" eb="40">
      <t>カゾク</t>
    </rPh>
    <rPh sb="41" eb="43">
      <t>ホウモン</t>
    </rPh>
    <rPh sb="43" eb="46">
      <t>カイゴイン</t>
    </rPh>
    <rPh sb="46" eb="47">
      <t>トウ</t>
    </rPh>
    <rPh sb="48" eb="50">
      <t>カイジョ</t>
    </rPh>
    <rPh sb="54" eb="56">
      <t>ニュウヨク</t>
    </rPh>
    <rPh sb="72" eb="74">
      <t>キゾン</t>
    </rPh>
    <rPh sb="75" eb="78">
      <t>ケンシュウトウ</t>
    </rPh>
    <rPh sb="79" eb="81">
      <t>サンコウ</t>
    </rPh>
    <rPh sb="82" eb="84">
      <t>ヒツヨウ</t>
    </rPh>
    <rPh sb="85" eb="87">
      <t>カイゴ</t>
    </rPh>
    <rPh sb="87" eb="89">
      <t>ギジュツ</t>
    </rPh>
    <rPh sb="90" eb="92">
      <t>シュウトク</t>
    </rPh>
    <rPh sb="93" eb="94">
      <t>ツト</t>
    </rPh>
    <rPh sb="99" eb="100">
      <t>モチ</t>
    </rPh>
    <rPh sb="102" eb="103">
      <t>オコナ</t>
    </rPh>
    <phoneticPr fontId="23"/>
  </si>
  <si>
    <t>職員研修記録等</t>
    <rPh sb="0" eb="2">
      <t>ショクイン</t>
    </rPh>
    <rPh sb="2" eb="4">
      <t>ケンシュウ</t>
    </rPh>
    <rPh sb="4" eb="6">
      <t>キロク</t>
    </rPh>
    <rPh sb="6" eb="7">
      <t>ナド</t>
    </rPh>
    <phoneticPr fontId="2"/>
  </si>
  <si>
    <t>中重度者ケア体制加算</t>
    <rPh sb="0" eb="1">
      <t>ナカ</t>
    </rPh>
    <rPh sb="1" eb="3">
      <t>ジュウド</t>
    </rPh>
    <rPh sb="3" eb="4">
      <t>シャ</t>
    </rPh>
    <rPh sb="6" eb="8">
      <t>タイセイ</t>
    </rPh>
    <rPh sb="8" eb="10">
      <t>カサン</t>
    </rPh>
    <phoneticPr fontId="2"/>
  </si>
  <si>
    <t>指定地域密着型サービス基準第20条第１項第２号又は第３号に規定する看護職員又は介護職員の員数に加え、看護職員又は介護職員を常勤換算方法で２以上確保している。</t>
    <rPh sb="0" eb="2">
      <t>シテイ</t>
    </rPh>
    <rPh sb="2" eb="4">
      <t>チイキ</t>
    </rPh>
    <rPh sb="4" eb="7">
      <t>ミッチャクガタ</t>
    </rPh>
    <rPh sb="11" eb="13">
      <t>キジュン</t>
    </rPh>
    <rPh sb="13" eb="14">
      <t>ダイ</t>
    </rPh>
    <rPh sb="16" eb="17">
      <t>ジョウ</t>
    </rPh>
    <rPh sb="17" eb="18">
      <t>ダイ</t>
    </rPh>
    <rPh sb="19" eb="20">
      <t>コウ</t>
    </rPh>
    <rPh sb="20" eb="21">
      <t>ダイ</t>
    </rPh>
    <rPh sb="22" eb="23">
      <t>ゴウ</t>
    </rPh>
    <rPh sb="23" eb="24">
      <t>マタ</t>
    </rPh>
    <rPh sb="25" eb="26">
      <t>ダイ</t>
    </rPh>
    <rPh sb="27" eb="28">
      <t>ゴウ</t>
    </rPh>
    <rPh sb="29" eb="31">
      <t>キテイ</t>
    </rPh>
    <rPh sb="33" eb="35">
      <t>カンゴ</t>
    </rPh>
    <rPh sb="35" eb="37">
      <t>ショクイン</t>
    </rPh>
    <rPh sb="37" eb="38">
      <t>マタ</t>
    </rPh>
    <rPh sb="39" eb="41">
      <t>カイゴ</t>
    </rPh>
    <rPh sb="41" eb="43">
      <t>ショクイン</t>
    </rPh>
    <rPh sb="44" eb="46">
      <t>インスウ</t>
    </rPh>
    <rPh sb="47" eb="48">
      <t>クワ</t>
    </rPh>
    <rPh sb="50" eb="52">
      <t>カンゴ</t>
    </rPh>
    <rPh sb="52" eb="54">
      <t>ショクイン</t>
    </rPh>
    <rPh sb="54" eb="55">
      <t>マタ</t>
    </rPh>
    <rPh sb="56" eb="58">
      <t>カイゴ</t>
    </rPh>
    <rPh sb="58" eb="60">
      <t>ショクイン</t>
    </rPh>
    <rPh sb="61" eb="63">
      <t>ジョウキン</t>
    </rPh>
    <rPh sb="63" eb="65">
      <t>カンサン</t>
    </rPh>
    <rPh sb="65" eb="67">
      <t>ホウホウ</t>
    </rPh>
    <rPh sb="69" eb="71">
      <t>イジョウ</t>
    </rPh>
    <rPh sb="71" eb="73">
      <t>カクホ</t>
    </rPh>
    <phoneticPr fontId="2"/>
  </si>
  <si>
    <t>勤務表
資格者証</t>
    <rPh sb="0" eb="2">
      <t>キンム</t>
    </rPh>
    <rPh sb="2" eb="3">
      <t>ヒョウ</t>
    </rPh>
    <rPh sb="4" eb="7">
      <t>シカクシャ</t>
    </rPh>
    <rPh sb="7" eb="8">
      <t>ショウ</t>
    </rPh>
    <phoneticPr fontId="2"/>
  </si>
  <si>
    <t>指定地域密着型通所介護事業所における前年度又は算定日が属する月の前３月間の利用者の総数のうち、要介護状態区分が要介護３、要介護４及び要介護５である者の占める割合が100分の30以上である。</t>
    <rPh sb="0" eb="2">
      <t>シテイ</t>
    </rPh>
    <rPh sb="2" eb="4">
      <t>チイキ</t>
    </rPh>
    <rPh sb="4" eb="7">
      <t>ミッチャクガタ</t>
    </rPh>
    <rPh sb="7" eb="9">
      <t>ツウショ</t>
    </rPh>
    <rPh sb="9" eb="11">
      <t>カイゴ</t>
    </rPh>
    <rPh sb="11" eb="14">
      <t>ジギョウショ</t>
    </rPh>
    <rPh sb="18" eb="21">
      <t>ゼンネンド</t>
    </rPh>
    <rPh sb="21" eb="22">
      <t>マタ</t>
    </rPh>
    <rPh sb="23" eb="25">
      <t>サンテイ</t>
    </rPh>
    <rPh sb="25" eb="26">
      <t>ビ</t>
    </rPh>
    <rPh sb="27" eb="28">
      <t>ゾク</t>
    </rPh>
    <rPh sb="30" eb="31">
      <t>ツキ</t>
    </rPh>
    <rPh sb="32" eb="33">
      <t>マエ</t>
    </rPh>
    <rPh sb="34" eb="35">
      <t>ツキ</t>
    </rPh>
    <rPh sb="35" eb="36">
      <t>アイダ</t>
    </rPh>
    <rPh sb="37" eb="40">
      <t>リヨウシャ</t>
    </rPh>
    <rPh sb="41" eb="43">
      <t>ソウスウ</t>
    </rPh>
    <rPh sb="47" eb="50">
      <t>ヨウカイゴ</t>
    </rPh>
    <rPh sb="50" eb="52">
      <t>ジョウタイ</t>
    </rPh>
    <rPh sb="52" eb="54">
      <t>クブン</t>
    </rPh>
    <rPh sb="55" eb="58">
      <t>ヨウカイゴ</t>
    </rPh>
    <rPh sb="60" eb="63">
      <t>ヨウカイゴ</t>
    </rPh>
    <rPh sb="64" eb="65">
      <t>オヨ</t>
    </rPh>
    <rPh sb="66" eb="69">
      <t>ヨウカイゴ</t>
    </rPh>
    <rPh sb="73" eb="74">
      <t>モノ</t>
    </rPh>
    <rPh sb="75" eb="76">
      <t>シ</t>
    </rPh>
    <rPh sb="78" eb="80">
      <t>ワリアイ</t>
    </rPh>
    <rPh sb="84" eb="85">
      <t>ブン</t>
    </rPh>
    <rPh sb="88" eb="90">
      <t>イジョウ</t>
    </rPh>
    <phoneticPr fontId="2"/>
  </si>
  <si>
    <t>・前年度（3月除く）の一月あたりの平均
・前3ヵ月で割合を出している場合は、毎月の割合を記録したもの。
・介護度別の利用者数がわかる書類</t>
    <rPh sb="1" eb="4">
      <t>ゼンネンド</t>
    </rPh>
    <rPh sb="6" eb="7">
      <t>ガツ</t>
    </rPh>
    <rPh sb="7" eb="8">
      <t>ノゾ</t>
    </rPh>
    <rPh sb="11" eb="13">
      <t>ヒトツキ</t>
    </rPh>
    <rPh sb="17" eb="19">
      <t>ヘイキン</t>
    </rPh>
    <rPh sb="21" eb="22">
      <t>ゼン</t>
    </rPh>
    <rPh sb="24" eb="25">
      <t>ゲツ</t>
    </rPh>
    <rPh sb="26" eb="28">
      <t>ワリアイ</t>
    </rPh>
    <rPh sb="29" eb="30">
      <t>ダ</t>
    </rPh>
    <rPh sb="34" eb="36">
      <t>バアイ</t>
    </rPh>
    <rPh sb="38" eb="40">
      <t>マイツキ</t>
    </rPh>
    <rPh sb="41" eb="43">
      <t>ワリアイ</t>
    </rPh>
    <rPh sb="44" eb="46">
      <t>キロク</t>
    </rPh>
    <rPh sb="53" eb="55">
      <t>カイゴ</t>
    </rPh>
    <rPh sb="55" eb="56">
      <t>ド</t>
    </rPh>
    <rPh sb="56" eb="57">
      <t>ベツ</t>
    </rPh>
    <rPh sb="58" eb="61">
      <t>リヨウシャ</t>
    </rPh>
    <rPh sb="61" eb="62">
      <t>スウ</t>
    </rPh>
    <rPh sb="66" eb="68">
      <t>ショルイ</t>
    </rPh>
    <phoneticPr fontId="2"/>
  </si>
  <si>
    <t>指定地域密着型通所介護を行う時間帯を通じて専ら当該指定地域密着型通所介護の提供に当たる看護職員を１名以上配置している。</t>
    <rPh sb="0" eb="11">
      <t>シテイチイキミッチャクガタツウショカイゴ</t>
    </rPh>
    <rPh sb="12" eb="13">
      <t>オコナ</t>
    </rPh>
    <rPh sb="14" eb="17">
      <t>ジカンタイ</t>
    </rPh>
    <rPh sb="18" eb="19">
      <t>ツウ</t>
    </rPh>
    <rPh sb="21" eb="22">
      <t>モッパ</t>
    </rPh>
    <rPh sb="23" eb="25">
      <t>トウガイ</t>
    </rPh>
    <rPh sb="25" eb="27">
      <t>シテイ</t>
    </rPh>
    <rPh sb="27" eb="36">
      <t>チイキミッチャクガタツウショカイゴ</t>
    </rPh>
    <rPh sb="37" eb="39">
      <t>テイキョウ</t>
    </rPh>
    <rPh sb="40" eb="41">
      <t>ア</t>
    </rPh>
    <rPh sb="43" eb="45">
      <t>カンゴ</t>
    </rPh>
    <rPh sb="45" eb="47">
      <t>ショクイン</t>
    </rPh>
    <rPh sb="49" eb="52">
      <t>メイイジョウ</t>
    </rPh>
    <rPh sb="52" eb="54">
      <t>ハイチ</t>
    </rPh>
    <phoneticPr fontId="2"/>
  </si>
  <si>
    <t>・勤務表
・資格証</t>
    <rPh sb="1" eb="3">
      <t>キンム</t>
    </rPh>
    <rPh sb="3" eb="4">
      <t>ヒョウ</t>
    </rPh>
    <rPh sb="6" eb="8">
      <t>シカク</t>
    </rPh>
    <rPh sb="8" eb="9">
      <t>ショウ</t>
    </rPh>
    <phoneticPr fontId="2"/>
  </si>
  <si>
    <t>共生型地域密着型通所介護費を算定していない。</t>
    <rPh sb="0" eb="3">
      <t>キョウセイガタ</t>
    </rPh>
    <rPh sb="3" eb="5">
      <t>チイキ</t>
    </rPh>
    <rPh sb="5" eb="8">
      <t>ミッチャクガタ</t>
    </rPh>
    <rPh sb="8" eb="10">
      <t>ツウショ</t>
    </rPh>
    <rPh sb="10" eb="13">
      <t>カイゴヒ</t>
    </rPh>
    <rPh sb="14" eb="16">
      <t>サンテイ</t>
    </rPh>
    <phoneticPr fontId="2"/>
  </si>
  <si>
    <t>生活機能向上連携加算（Ⅰ）</t>
    <rPh sb="0" eb="10">
      <t>セイカツキノウコウジョウレンケイカサン</t>
    </rPh>
    <phoneticPr fontId="2"/>
  </si>
  <si>
    <t>指定訪問リハビリテーション事業所、指定通所リハビリテーション事業所又はリハビリテーションを実施している医療提供施設（病院にあっては、許可病床数が200床未満のもの又は当該病院を中心とした半径４キロメートル以内に診療所が存在しないものに限る。）の理学療法士、作業療法士、言語聴覚士又は医師（当加算において「理学療法士等」という。）の助言に基づき、当該地域密着型通所介護事業所の機能訓練指導員、看護職員、介護職員、生活相談員その他の職種の者（当加算において「機能訓練指導員等」という。）が共同して利用者の身体の状況等の評価及び個別機能訓練計画の作成を行っている。</t>
    <rPh sb="0" eb="2">
      <t>シテイ</t>
    </rPh>
    <rPh sb="2" eb="4">
      <t>ホウモン</t>
    </rPh>
    <rPh sb="32" eb="33">
      <t>ショ</t>
    </rPh>
    <rPh sb="33" eb="34">
      <t>マタ</t>
    </rPh>
    <rPh sb="45" eb="47">
      <t>ジッシ</t>
    </rPh>
    <rPh sb="51" eb="53">
      <t>イリョウ</t>
    </rPh>
    <rPh sb="53" eb="55">
      <t>テイキョウ</t>
    </rPh>
    <rPh sb="55" eb="57">
      <t>シセツ</t>
    </rPh>
    <rPh sb="58" eb="60">
      <t>ビョウイン</t>
    </rPh>
    <rPh sb="66" eb="68">
      <t>キョカ</t>
    </rPh>
    <rPh sb="68" eb="71">
      <t>ビョウショウスウ</t>
    </rPh>
    <rPh sb="75" eb="76">
      <t>ユカ</t>
    </rPh>
    <rPh sb="76" eb="78">
      <t>ミマン</t>
    </rPh>
    <rPh sb="81" eb="82">
      <t>マタ</t>
    </rPh>
    <rPh sb="83" eb="85">
      <t>トウガイ</t>
    </rPh>
    <rPh sb="85" eb="87">
      <t>ビョウイン</t>
    </rPh>
    <rPh sb="88" eb="90">
      <t>チュウシン</t>
    </rPh>
    <rPh sb="93" eb="95">
      <t>ハンケイ</t>
    </rPh>
    <rPh sb="102" eb="104">
      <t>イナイ</t>
    </rPh>
    <rPh sb="105" eb="108">
      <t>シンリョウジョ</t>
    </rPh>
    <rPh sb="109" eb="111">
      <t>ソンザイ</t>
    </rPh>
    <rPh sb="117" eb="118">
      <t>カギ</t>
    </rPh>
    <rPh sb="122" eb="124">
      <t>リガク</t>
    </rPh>
    <rPh sb="124" eb="127">
      <t>リョウホウシ</t>
    </rPh>
    <rPh sb="128" eb="130">
      <t>サギョウ</t>
    </rPh>
    <rPh sb="130" eb="133">
      <t>リョウホウシ</t>
    </rPh>
    <rPh sb="134" eb="136">
      <t>ゲンゴ</t>
    </rPh>
    <rPh sb="136" eb="139">
      <t>チョウカクシ</t>
    </rPh>
    <rPh sb="139" eb="140">
      <t>マタ</t>
    </rPh>
    <rPh sb="141" eb="143">
      <t>イシ</t>
    </rPh>
    <rPh sb="144" eb="145">
      <t>トウ</t>
    </rPh>
    <rPh sb="145" eb="147">
      <t>カサン</t>
    </rPh>
    <rPh sb="152" eb="154">
      <t>リガク</t>
    </rPh>
    <rPh sb="154" eb="157">
      <t>リョウホウシ</t>
    </rPh>
    <rPh sb="157" eb="158">
      <t>トウ</t>
    </rPh>
    <rPh sb="165" eb="167">
      <t>ジョゲン</t>
    </rPh>
    <rPh sb="168" eb="169">
      <t>モト</t>
    </rPh>
    <rPh sb="172" eb="174">
      <t>トウガイ</t>
    </rPh>
    <rPh sb="174" eb="176">
      <t>チイキ</t>
    </rPh>
    <rPh sb="176" eb="179">
      <t>ミッチャクガタ</t>
    </rPh>
    <rPh sb="179" eb="181">
      <t>ツウショ</t>
    </rPh>
    <rPh sb="181" eb="183">
      <t>カイゴ</t>
    </rPh>
    <rPh sb="183" eb="186">
      <t>ジギョウショ</t>
    </rPh>
    <rPh sb="187" eb="189">
      <t>キノウ</t>
    </rPh>
    <rPh sb="189" eb="191">
      <t>クンレン</t>
    </rPh>
    <rPh sb="191" eb="194">
      <t>シドウイン</t>
    </rPh>
    <rPh sb="195" eb="197">
      <t>カンゴ</t>
    </rPh>
    <rPh sb="197" eb="199">
      <t>ショクイン</t>
    </rPh>
    <rPh sb="200" eb="202">
      <t>カイゴ</t>
    </rPh>
    <rPh sb="202" eb="204">
      <t>ショクイン</t>
    </rPh>
    <rPh sb="205" eb="207">
      <t>セイカツ</t>
    </rPh>
    <rPh sb="207" eb="210">
      <t>ソウダンイン</t>
    </rPh>
    <rPh sb="212" eb="213">
      <t>ホカ</t>
    </rPh>
    <rPh sb="214" eb="216">
      <t>ショクシュ</t>
    </rPh>
    <rPh sb="217" eb="218">
      <t>モノ</t>
    </rPh>
    <rPh sb="219" eb="220">
      <t>トウ</t>
    </rPh>
    <rPh sb="220" eb="222">
      <t>カサン</t>
    </rPh>
    <rPh sb="227" eb="229">
      <t>キノウ</t>
    </rPh>
    <rPh sb="229" eb="231">
      <t>クンレン</t>
    </rPh>
    <rPh sb="231" eb="234">
      <t>シドウイン</t>
    </rPh>
    <rPh sb="234" eb="235">
      <t>トウ</t>
    </rPh>
    <rPh sb="242" eb="244">
      <t>キョウドウ</t>
    </rPh>
    <rPh sb="247" eb="249">
      <t>ジョウキョウ</t>
    </rPh>
    <rPh sb="249" eb="250">
      <t>トウ</t>
    </rPh>
    <rPh sb="251" eb="253">
      <t>ヒョウカ</t>
    </rPh>
    <rPh sb="253" eb="254">
      <t>オヨ</t>
    </rPh>
    <rPh sb="255" eb="257">
      <t>コベツ</t>
    </rPh>
    <rPh sb="257" eb="259">
      <t>キノウ</t>
    </rPh>
    <rPh sb="259" eb="261">
      <t>クンレン</t>
    </rPh>
    <rPh sb="261" eb="263">
      <t>ケイカク</t>
    </rPh>
    <rPh sb="264" eb="266">
      <t>サクセイ</t>
    </rPh>
    <rPh sb="267" eb="268">
      <t>オコナ</t>
    </rPh>
    <phoneticPr fontId="2"/>
  </si>
  <si>
    <t>・個別機能訓練計画書
・評価した記録
・医療提供施設の委託契約書等</t>
    <rPh sb="1" eb="3">
      <t>コベツ</t>
    </rPh>
    <rPh sb="3" eb="5">
      <t>キノウ</t>
    </rPh>
    <rPh sb="5" eb="7">
      <t>クンレン</t>
    </rPh>
    <rPh sb="7" eb="9">
      <t>ケイカク</t>
    </rPh>
    <rPh sb="9" eb="10">
      <t>ショ</t>
    </rPh>
    <rPh sb="12" eb="14">
      <t>ヒョウカ</t>
    </rPh>
    <rPh sb="16" eb="18">
      <t>キロク</t>
    </rPh>
    <rPh sb="20" eb="22">
      <t>イリョウ</t>
    </rPh>
    <rPh sb="22" eb="24">
      <t>テイキョウ</t>
    </rPh>
    <rPh sb="24" eb="26">
      <t>シセツ</t>
    </rPh>
    <rPh sb="27" eb="29">
      <t>イタク</t>
    </rPh>
    <rPh sb="29" eb="32">
      <t>ケイヤクショ</t>
    </rPh>
    <rPh sb="32" eb="33">
      <t>トウ</t>
    </rPh>
    <phoneticPr fontId="2"/>
  </si>
  <si>
    <t>個別機能訓練計画の作成に当たっては、指定訪問リハビリテーション事業所等の理学療法士等が、当該利用者のADL及びIADLに関する状況について、指定訪問リハビリテーション事業所、指定通所リハビリテーション事業所又はリハビリテーションを実施している医療提供施設の場において把握し、又は指定地域密着型通所介護事業所の機能訓練指導員等と連携してICTを活用した動画やテレビ電話を用いて把握した上で、当該事業所の機能訓練指導員等に助言を行っている。</t>
    <rPh sb="0" eb="2">
      <t>コベツ</t>
    </rPh>
    <rPh sb="2" eb="4">
      <t>キノウ</t>
    </rPh>
    <rPh sb="4" eb="6">
      <t>クンレン</t>
    </rPh>
    <rPh sb="6" eb="8">
      <t>ケイカク</t>
    </rPh>
    <rPh sb="9" eb="11">
      <t>サクセイ</t>
    </rPh>
    <rPh sb="12" eb="13">
      <t>ア</t>
    </rPh>
    <rPh sb="18" eb="20">
      <t>シテイ</t>
    </rPh>
    <rPh sb="20" eb="22">
      <t>ホウモン</t>
    </rPh>
    <rPh sb="31" eb="34">
      <t>ジギョウショ</t>
    </rPh>
    <rPh sb="34" eb="35">
      <t>トウ</t>
    </rPh>
    <rPh sb="36" eb="38">
      <t>リガク</t>
    </rPh>
    <rPh sb="38" eb="41">
      <t>リョウホウシ</t>
    </rPh>
    <rPh sb="41" eb="42">
      <t>トウ</t>
    </rPh>
    <rPh sb="44" eb="46">
      <t>トウガイ</t>
    </rPh>
    <rPh sb="46" eb="49">
      <t>リヨウシャ</t>
    </rPh>
    <rPh sb="53" eb="54">
      <t>オヨ</t>
    </rPh>
    <rPh sb="60" eb="61">
      <t>カン</t>
    </rPh>
    <rPh sb="63" eb="65">
      <t>ジョウキョウ</t>
    </rPh>
    <rPh sb="70" eb="72">
      <t>シテイ</t>
    </rPh>
    <rPh sb="72" eb="74">
      <t>ホウモン</t>
    </rPh>
    <rPh sb="83" eb="86">
      <t>ジギョウショ</t>
    </rPh>
    <rPh sb="87" eb="89">
      <t>シテイ</t>
    </rPh>
    <rPh sb="89" eb="91">
      <t>ツウショ</t>
    </rPh>
    <rPh sb="141" eb="143">
      <t>チイキ</t>
    </rPh>
    <rPh sb="143" eb="146">
      <t>ミッチャクガタ</t>
    </rPh>
    <rPh sb="161" eb="162">
      <t>トウ</t>
    </rPh>
    <phoneticPr fontId="2"/>
  </si>
  <si>
    <t>助言を行った事がわかる記録</t>
    <rPh sb="0" eb="2">
      <t>ジョゲン</t>
    </rPh>
    <rPh sb="3" eb="4">
      <t>オコナ</t>
    </rPh>
    <rPh sb="6" eb="7">
      <t>コト</t>
    </rPh>
    <rPh sb="11" eb="13">
      <t>キロク</t>
    </rPh>
    <phoneticPr fontId="2"/>
  </si>
  <si>
    <t>個別機能訓練計画に、利用者ごとにその目標、実施時間、実施方法等の内容を記載している。目標については、利用者又はその家族の意向及び当該利用者を担当する介護支援専門員の意見を踏まえ作成することとし、当該利用者の意欲の向上につながるよう、段階的な目標を設定するなど可能な限り具体的かつ分かりやすい目標としている。</t>
    <phoneticPr fontId="2"/>
  </si>
  <si>
    <t>個別機能訓練計画書</t>
    <phoneticPr fontId="2"/>
  </si>
  <si>
    <t>個別機能訓練計画に基づき、利用者の身体機能又は生活機能の向上を目的とする機能訓練の項目を準備し、機能訓練指導員等が利用者の心身の状況に応じて計画的に機能訓練を適切に提供している。</t>
    <rPh sb="70" eb="73">
      <t>ケイカクテキ</t>
    </rPh>
    <phoneticPr fontId="2"/>
  </si>
  <si>
    <t>機能訓練指導員等は、各月における評価内容や目標の達成度合いについて、利用者又はその家族及び理学療法士等に報告・相談し、理学療法士等から必要な助言を得た上で、必要に応じて当該利用者又はその家族の意向を確認の上、当該利用者のADLやIADLの改善状況を踏まえた目標の見直しや訓練内容の変更など適切な対応を行っている。</t>
    <rPh sb="0" eb="2">
      <t>キノウ</t>
    </rPh>
    <rPh sb="2" eb="4">
      <t>クンレン</t>
    </rPh>
    <rPh sb="4" eb="8">
      <t>シドウイントウ</t>
    </rPh>
    <rPh sb="10" eb="12">
      <t>カクツキ</t>
    </rPh>
    <rPh sb="16" eb="18">
      <t>ヒョウカ</t>
    </rPh>
    <rPh sb="18" eb="20">
      <t>ナイヨウ</t>
    </rPh>
    <rPh sb="21" eb="23">
      <t>モクヒョウ</t>
    </rPh>
    <rPh sb="24" eb="26">
      <t>タッセイ</t>
    </rPh>
    <rPh sb="26" eb="28">
      <t>ドア</t>
    </rPh>
    <rPh sb="34" eb="37">
      <t>リヨウシャ</t>
    </rPh>
    <rPh sb="37" eb="38">
      <t>マタ</t>
    </rPh>
    <rPh sb="41" eb="43">
      <t>カゾク</t>
    </rPh>
    <rPh sb="43" eb="44">
      <t>オヨ</t>
    </rPh>
    <rPh sb="45" eb="47">
      <t>リガク</t>
    </rPh>
    <rPh sb="47" eb="50">
      <t>リョウホウシ</t>
    </rPh>
    <rPh sb="50" eb="51">
      <t>トウ</t>
    </rPh>
    <rPh sb="52" eb="54">
      <t>ホウコク</t>
    </rPh>
    <rPh sb="55" eb="57">
      <t>ソウダン</t>
    </rPh>
    <rPh sb="59" eb="61">
      <t>リガク</t>
    </rPh>
    <rPh sb="61" eb="64">
      <t>リョウホウシ</t>
    </rPh>
    <rPh sb="64" eb="65">
      <t>トウ</t>
    </rPh>
    <rPh sb="67" eb="69">
      <t>ヒツヨウ</t>
    </rPh>
    <rPh sb="70" eb="72">
      <t>ジョゲン</t>
    </rPh>
    <rPh sb="73" eb="74">
      <t>エ</t>
    </rPh>
    <rPh sb="75" eb="76">
      <t>ウエ</t>
    </rPh>
    <rPh sb="78" eb="80">
      <t>ヒツヨウ</t>
    </rPh>
    <rPh sb="81" eb="82">
      <t>オウ</t>
    </rPh>
    <rPh sb="84" eb="86">
      <t>トウガイ</t>
    </rPh>
    <rPh sb="86" eb="89">
      <t>リヨウシャ</t>
    </rPh>
    <rPh sb="89" eb="90">
      <t>マタ</t>
    </rPh>
    <rPh sb="93" eb="95">
      <t>カゾク</t>
    </rPh>
    <rPh sb="96" eb="98">
      <t>イコウ</t>
    </rPh>
    <rPh sb="99" eb="101">
      <t>カクニン</t>
    </rPh>
    <rPh sb="102" eb="103">
      <t>ウエ</t>
    </rPh>
    <rPh sb="104" eb="106">
      <t>トウガイ</t>
    </rPh>
    <rPh sb="106" eb="109">
      <t>リヨウシャ</t>
    </rPh>
    <rPh sb="119" eb="121">
      <t>カイゼン</t>
    </rPh>
    <rPh sb="121" eb="123">
      <t>ジョウキョウ</t>
    </rPh>
    <rPh sb="124" eb="125">
      <t>フ</t>
    </rPh>
    <rPh sb="128" eb="130">
      <t>モクヒョウ</t>
    </rPh>
    <rPh sb="131" eb="133">
      <t>ミナオ</t>
    </rPh>
    <rPh sb="135" eb="137">
      <t>クンレン</t>
    </rPh>
    <rPh sb="137" eb="139">
      <t>ナイヨウ</t>
    </rPh>
    <rPh sb="140" eb="142">
      <t>ヘンコウ</t>
    </rPh>
    <rPh sb="144" eb="146">
      <t>テキセツ</t>
    </rPh>
    <rPh sb="147" eb="149">
      <t>タイオウ</t>
    </rPh>
    <rPh sb="150" eb="151">
      <t>オコナ</t>
    </rPh>
    <phoneticPr fontId="2"/>
  </si>
  <si>
    <t>個別機能訓練計画書</t>
    <rPh sb="0" eb="2">
      <t>コベツ</t>
    </rPh>
    <rPh sb="2" eb="4">
      <t>キノウ</t>
    </rPh>
    <rPh sb="4" eb="6">
      <t>クンレン</t>
    </rPh>
    <rPh sb="6" eb="8">
      <t>ケイカク</t>
    </rPh>
    <rPh sb="8" eb="9">
      <t>ショ</t>
    </rPh>
    <phoneticPr fontId="2"/>
  </si>
  <si>
    <t>理学療法士等は、機能訓練指導員等と共同で、３月ごとに１回以上、個別機能訓練の進捗状況等について評価した上で、機能訓練指導員等が利用者又はその家族に対して個別機能訓練計画の内容（評価を含む。）や進捗状況等を説明している。</t>
    <rPh sb="0" eb="2">
      <t>リガク</t>
    </rPh>
    <rPh sb="2" eb="5">
      <t>リョウホウシ</t>
    </rPh>
    <rPh sb="5" eb="6">
      <t>トウ</t>
    </rPh>
    <rPh sb="8" eb="10">
      <t>キノウ</t>
    </rPh>
    <rPh sb="10" eb="12">
      <t>クンレン</t>
    </rPh>
    <rPh sb="12" eb="16">
      <t>シドウイントウ</t>
    </rPh>
    <rPh sb="17" eb="19">
      <t>キョウドウ</t>
    </rPh>
    <rPh sb="22" eb="23">
      <t>ツキ</t>
    </rPh>
    <rPh sb="27" eb="28">
      <t>カイ</t>
    </rPh>
    <rPh sb="28" eb="30">
      <t>イジョウ</t>
    </rPh>
    <rPh sb="31" eb="33">
      <t>コベツ</t>
    </rPh>
    <rPh sb="33" eb="35">
      <t>キノウ</t>
    </rPh>
    <rPh sb="35" eb="37">
      <t>クンレン</t>
    </rPh>
    <rPh sb="38" eb="40">
      <t>シンチョク</t>
    </rPh>
    <rPh sb="40" eb="42">
      <t>ジョウキョウ</t>
    </rPh>
    <rPh sb="42" eb="43">
      <t>トウ</t>
    </rPh>
    <rPh sb="47" eb="49">
      <t>ヒョウカ</t>
    </rPh>
    <rPh sb="51" eb="52">
      <t>ウエ</t>
    </rPh>
    <rPh sb="54" eb="56">
      <t>キノウ</t>
    </rPh>
    <rPh sb="56" eb="58">
      <t>クンレン</t>
    </rPh>
    <rPh sb="58" eb="62">
      <t>シドウイントウ</t>
    </rPh>
    <rPh sb="63" eb="66">
      <t>リヨウシャ</t>
    </rPh>
    <rPh sb="66" eb="67">
      <t>マタ</t>
    </rPh>
    <rPh sb="70" eb="72">
      <t>カゾク</t>
    </rPh>
    <rPh sb="73" eb="74">
      <t>タイ</t>
    </rPh>
    <rPh sb="76" eb="78">
      <t>コベツ</t>
    </rPh>
    <rPh sb="78" eb="80">
      <t>キノウ</t>
    </rPh>
    <rPh sb="80" eb="82">
      <t>クンレン</t>
    </rPh>
    <rPh sb="82" eb="84">
      <t>ケイカク</t>
    </rPh>
    <rPh sb="85" eb="87">
      <t>ナイヨウ</t>
    </rPh>
    <rPh sb="88" eb="90">
      <t>ヒョウカ</t>
    </rPh>
    <rPh sb="91" eb="92">
      <t>フク</t>
    </rPh>
    <rPh sb="96" eb="98">
      <t>シンチョク</t>
    </rPh>
    <rPh sb="98" eb="100">
      <t>ジョウキョウ</t>
    </rPh>
    <rPh sb="100" eb="101">
      <t>トウ</t>
    </rPh>
    <rPh sb="102" eb="104">
      <t>セツメイ</t>
    </rPh>
    <phoneticPr fontId="2"/>
  </si>
  <si>
    <t>評価した記録
利用者や家族に説明した記録</t>
    <rPh sb="0" eb="2">
      <t>ヒョウカ</t>
    </rPh>
    <rPh sb="4" eb="6">
      <t>キロク</t>
    </rPh>
    <rPh sb="7" eb="10">
      <t>リヨウシャ</t>
    </rPh>
    <rPh sb="11" eb="13">
      <t>カゾク</t>
    </rPh>
    <rPh sb="14" eb="16">
      <t>セツメイ</t>
    </rPh>
    <rPh sb="18" eb="20">
      <t>キロク</t>
    </rPh>
    <phoneticPr fontId="2"/>
  </si>
  <si>
    <t>機能訓練に関する記録（実施時間、訓練内容、担当者等）は、利用者ごとに保管され、常に当該事業所の機能訓練指導員等により閲覧が可能であるようにしている。</t>
    <rPh sb="0" eb="2">
      <t>キノウ</t>
    </rPh>
    <rPh sb="2" eb="4">
      <t>クンレン</t>
    </rPh>
    <rPh sb="5" eb="6">
      <t>カン</t>
    </rPh>
    <rPh sb="8" eb="10">
      <t>キロク</t>
    </rPh>
    <rPh sb="11" eb="13">
      <t>ジッシ</t>
    </rPh>
    <rPh sb="13" eb="15">
      <t>ジカン</t>
    </rPh>
    <rPh sb="16" eb="18">
      <t>クンレン</t>
    </rPh>
    <rPh sb="18" eb="20">
      <t>ナイヨウ</t>
    </rPh>
    <rPh sb="21" eb="24">
      <t>タントウシャ</t>
    </rPh>
    <rPh sb="24" eb="25">
      <t>トウ</t>
    </rPh>
    <rPh sb="28" eb="31">
      <t>リヨウシャ</t>
    </rPh>
    <rPh sb="34" eb="36">
      <t>ホカン</t>
    </rPh>
    <rPh sb="39" eb="40">
      <t>ツネ</t>
    </rPh>
    <rPh sb="41" eb="43">
      <t>トウガイ</t>
    </rPh>
    <rPh sb="43" eb="46">
      <t>ジギョウショ</t>
    </rPh>
    <rPh sb="47" eb="49">
      <t>キノウ</t>
    </rPh>
    <rPh sb="49" eb="51">
      <t>クンレン</t>
    </rPh>
    <rPh sb="51" eb="55">
      <t>シドウイントウ</t>
    </rPh>
    <rPh sb="58" eb="60">
      <t>エツラン</t>
    </rPh>
    <rPh sb="61" eb="63">
      <t>カノウ</t>
    </rPh>
    <phoneticPr fontId="2"/>
  </si>
  <si>
    <t>実施記録等</t>
    <rPh sb="0" eb="2">
      <t>ジッシ</t>
    </rPh>
    <rPh sb="2" eb="4">
      <t>キロク</t>
    </rPh>
    <rPh sb="4" eb="5">
      <t>ナド</t>
    </rPh>
    <phoneticPr fontId="2"/>
  </si>
  <si>
    <t>生活機能向上連携加算（Ⅱ）</t>
    <rPh sb="0" eb="10">
      <t>セイカツキノウコウジョウレンケイカサン</t>
    </rPh>
    <phoneticPr fontId="2"/>
  </si>
  <si>
    <t>指定訪問リハビリテーション事業所、指定通所リハビリテーション事業所又はリハビリテーションを実施している医療提供施設（病院にあっては、許可病床数が200床未満のもの又は当該病院を中心とした半径４キロメートル以内に診療所が存在しないものに限る。）の理学療法士、作業療法士、言語聴覚士又は医師（当加算において「理学療法士等」という。）が、当該指定地域密着型通所介護事業所を訪問し、当該事業所の機能訓練指導員、看護職員、介護職員、生活相談員その他の職種の者（当加算において「機能訓練指導員等」という。）と共同して、利用者の身体の状況等の評価及び個別機能訓練計画の作成を行っている。</t>
    <rPh sb="0" eb="2">
      <t>シテイ</t>
    </rPh>
    <rPh sb="2" eb="4">
      <t>ホウモン</t>
    </rPh>
    <rPh sb="32" eb="33">
      <t>ショ</t>
    </rPh>
    <rPh sb="33" eb="34">
      <t>マタ</t>
    </rPh>
    <rPh sb="45" eb="47">
      <t>ジッシ</t>
    </rPh>
    <rPh sb="51" eb="53">
      <t>イリョウ</t>
    </rPh>
    <rPh sb="53" eb="55">
      <t>テイキョウ</t>
    </rPh>
    <rPh sb="55" eb="57">
      <t>シセツ</t>
    </rPh>
    <rPh sb="58" eb="60">
      <t>ビョウイン</t>
    </rPh>
    <rPh sb="66" eb="68">
      <t>キョカ</t>
    </rPh>
    <rPh sb="68" eb="71">
      <t>ビョウショウスウ</t>
    </rPh>
    <rPh sb="75" eb="76">
      <t>ユカ</t>
    </rPh>
    <rPh sb="76" eb="78">
      <t>ミマン</t>
    </rPh>
    <rPh sb="81" eb="82">
      <t>マタ</t>
    </rPh>
    <rPh sb="83" eb="85">
      <t>トウガイ</t>
    </rPh>
    <rPh sb="85" eb="87">
      <t>ビョウイン</t>
    </rPh>
    <rPh sb="88" eb="90">
      <t>チュウシン</t>
    </rPh>
    <rPh sb="93" eb="95">
      <t>ハンケイ</t>
    </rPh>
    <rPh sb="102" eb="104">
      <t>イナイ</t>
    </rPh>
    <rPh sb="105" eb="108">
      <t>シンリョウジョ</t>
    </rPh>
    <rPh sb="109" eb="111">
      <t>ソンザイ</t>
    </rPh>
    <rPh sb="117" eb="118">
      <t>カギ</t>
    </rPh>
    <rPh sb="122" eb="124">
      <t>リガク</t>
    </rPh>
    <rPh sb="124" eb="127">
      <t>リョウホウシ</t>
    </rPh>
    <rPh sb="128" eb="130">
      <t>サギョウ</t>
    </rPh>
    <rPh sb="130" eb="133">
      <t>リョウホウシ</t>
    </rPh>
    <rPh sb="134" eb="136">
      <t>ゲンゴ</t>
    </rPh>
    <rPh sb="136" eb="139">
      <t>チョウカクシ</t>
    </rPh>
    <rPh sb="139" eb="140">
      <t>マタ</t>
    </rPh>
    <rPh sb="141" eb="143">
      <t>イシ</t>
    </rPh>
    <rPh sb="144" eb="145">
      <t>トウ</t>
    </rPh>
    <rPh sb="145" eb="147">
      <t>カサン</t>
    </rPh>
    <rPh sb="152" eb="154">
      <t>リガク</t>
    </rPh>
    <rPh sb="154" eb="157">
      <t>リョウホウシ</t>
    </rPh>
    <rPh sb="157" eb="158">
      <t>トウ</t>
    </rPh>
    <rPh sb="166" eb="168">
      <t>トウガイ</t>
    </rPh>
    <rPh sb="168" eb="170">
      <t>シテイ</t>
    </rPh>
    <rPh sb="170" eb="172">
      <t>チイキ</t>
    </rPh>
    <rPh sb="172" eb="175">
      <t>ミッチャクガタ</t>
    </rPh>
    <rPh sb="175" eb="177">
      <t>ツウショ</t>
    </rPh>
    <rPh sb="177" eb="179">
      <t>カイゴ</t>
    </rPh>
    <rPh sb="179" eb="182">
      <t>ジギョウショ</t>
    </rPh>
    <rPh sb="183" eb="185">
      <t>ホウモン</t>
    </rPh>
    <rPh sb="187" eb="189">
      <t>トウガイ</t>
    </rPh>
    <rPh sb="189" eb="192">
      <t>ジギョウショ</t>
    </rPh>
    <rPh sb="193" eb="195">
      <t>キノウ</t>
    </rPh>
    <rPh sb="195" eb="197">
      <t>クンレン</t>
    </rPh>
    <rPh sb="248" eb="250">
      <t>キョウドウ</t>
    </rPh>
    <rPh sb="253" eb="256">
      <t>リヨウシャ</t>
    </rPh>
    <rPh sb="257" eb="259">
      <t>シンタイ</t>
    </rPh>
    <rPh sb="260" eb="263">
      <t>ジョウキョウトウ</t>
    </rPh>
    <rPh sb="264" eb="266">
      <t>ヒョウカ</t>
    </rPh>
    <rPh sb="266" eb="267">
      <t>オヨ</t>
    </rPh>
    <rPh sb="268" eb="270">
      <t>コベツ</t>
    </rPh>
    <rPh sb="270" eb="272">
      <t>キノウ</t>
    </rPh>
    <rPh sb="272" eb="276">
      <t>クンレンケイカク</t>
    </rPh>
    <rPh sb="277" eb="279">
      <t>サクセイ</t>
    </rPh>
    <rPh sb="280" eb="281">
      <t>オコナジョウキョウトウヒョウカオヨコベツキノウクンレンケイカクサクセイオコナトウガイツウショカイゴジギョウショホウモントウガイジギョウショキノウクンレンシドウインカンゴショクインカイゴショクインセイカツソウダンインタショクシュシャイカキノウクンレンシドウイントウキョウドウリヨウシャシンタイジョウキョウトウヒョウカオヨコベツキノウクンレンケイカクサクセイジッシ</t>
    </rPh>
    <phoneticPr fontId="2"/>
  </si>
  <si>
    <t>個別機能訓練計画の作成にあたっては、理学療法士等が、機能訓練指導員等に対し、日常生活上の留意点、介護の工夫等に対する助言を行っている。</t>
    <rPh sb="0" eb="2">
      <t>コベツ</t>
    </rPh>
    <rPh sb="2" eb="4">
      <t>キノウ</t>
    </rPh>
    <rPh sb="4" eb="6">
      <t>クンレン</t>
    </rPh>
    <rPh sb="6" eb="8">
      <t>ケイカク</t>
    </rPh>
    <rPh sb="9" eb="11">
      <t>サクセイ</t>
    </rPh>
    <rPh sb="18" eb="20">
      <t>リガク</t>
    </rPh>
    <rPh sb="20" eb="23">
      <t>リョウホウシ</t>
    </rPh>
    <rPh sb="23" eb="24">
      <t>トウ</t>
    </rPh>
    <rPh sb="26" eb="28">
      <t>キノウ</t>
    </rPh>
    <rPh sb="28" eb="30">
      <t>クンレン</t>
    </rPh>
    <rPh sb="30" eb="34">
      <t>シドウイントウ</t>
    </rPh>
    <rPh sb="35" eb="36">
      <t>タイ</t>
    </rPh>
    <rPh sb="38" eb="40">
      <t>ニチジョウ</t>
    </rPh>
    <rPh sb="40" eb="42">
      <t>セイカツ</t>
    </rPh>
    <rPh sb="42" eb="43">
      <t>ウエ</t>
    </rPh>
    <rPh sb="44" eb="46">
      <t>リュウイ</t>
    </rPh>
    <rPh sb="46" eb="47">
      <t>テン</t>
    </rPh>
    <rPh sb="48" eb="50">
      <t>カイゴ</t>
    </rPh>
    <rPh sb="51" eb="53">
      <t>クフウ</t>
    </rPh>
    <rPh sb="53" eb="54">
      <t>トウ</t>
    </rPh>
    <rPh sb="55" eb="56">
      <t>タイ</t>
    </rPh>
    <rPh sb="58" eb="60">
      <t>ジョゲン</t>
    </rPh>
    <rPh sb="61" eb="62">
      <t>オコナ</t>
    </rPh>
    <phoneticPr fontId="2"/>
  </si>
  <si>
    <t>助言を行った記録</t>
    <rPh sb="0" eb="2">
      <t>ジョゲン</t>
    </rPh>
    <rPh sb="3" eb="4">
      <t>オコナ</t>
    </rPh>
    <rPh sb="6" eb="8">
      <t>キロク</t>
    </rPh>
    <phoneticPr fontId="2"/>
  </si>
  <si>
    <t>個別機能訓練計画に、利用者ごとにその目標、実施時間、実施方法等の内容を記載している。目標については、利用者又はその家族の意向及び当該利用者を担当する介護支援専門員の意見を踏まえ作成することとし、当該利用者の意欲の向上につながるよう、段階的な目標を設定するなど可能な限り具体的かつ分かりやすい目標としている。</t>
    <phoneticPr fontId="2"/>
  </si>
  <si>
    <t>機能訓練に関する記録等</t>
    <rPh sb="0" eb="2">
      <t>キノウ</t>
    </rPh>
    <rPh sb="2" eb="4">
      <t>クンレン</t>
    </rPh>
    <rPh sb="5" eb="6">
      <t>カン</t>
    </rPh>
    <rPh sb="8" eb="10">
      <t>キロク</t>
    </rPh>
    <rPh sb="10" eb="11">
      <t>ナド</t>
    </rPh>
    <phoneticPr fontId="2"/>
  </si>
  <si>
    <t>機能訓練に関する記録等</t>
    <rPh sb="0" eb="2">
      <t>キノウ</t>
    </rPh>
    <rPh sb="2" eb="4">
      <t>クンレン</t>
    </rPh>
    <rPh sb="5" eb="6">
      <t>カン</t>
    </rPh>
    <rPh sb="8" eb="11">
      <t>キロクナド</t>
    </rPh>
    <phoneticPr fontId="2"/>
  </si>
  <si>
    <t>理学療法士等は、３月ごとに１回以上指定地域密着型通所介護事業所を訪問し、機能訓練指導員等と共同で個別機能訓練の進捗状況等について評価した上で、機能訓練指導員等が、利用者又はその家族に対して個別機能訓練計画の内容（評価を含む。）や進捗状況等を説明し記録するとともに、必要に応じて訓練内容の見直し等を行っている。</t>
    <rPh sb="0" eb="2">
      <t>リガク</t>
    </rPh>
    <rPh sb="2" eb="5">
      <t>リョウホウシ</t>
    </rPh>
    <rPh sb="5" eb="6">
      <t>トウ</t>
    </rPh>
    <rPh sb="9" eb="10">
      <t>ツキ</t>
    </rPh>
    <rPh sb="14" eb="15">
      <t>カイ</t>
    </rPh>
    <rPh sb="15" eb="17">
      <t>イジョウ</t>
    </rPh>
    <rPh sb="17" eb="19">
      <t>シテイ</t>
    </rPh>
    <rPh sb="19" eb="21">
      <t>チイキ</t>
    </rPh>
    <rPh sb="21" eb="24">
      <t>ミッチャクガタ</t>
    </rPh>
    <rPh sb="24" eb="26">
      <t>ツウショ</t>
    </rPh>
    <rPh sb="26" eb="28">
      <t>カイゴ</t>
    </rPh>
    <rPh sb="28" eb="31">
      <t>ジギョウショ</t>
    </rPh>
    <rPh sb="32" eb="34">
      <t>ホウモン</t>
    </rPh>
    <rPh sb="36" eb="38">
      <t>キノウ</t>
    </rPh>
    <rPh sb="38" eb="40">
      <t>クンレン</t>
    </rPh>
    <rPh sb="40" eb="43">
      <t>シドウイン</t>
    </rPh>
    <rPh sb="43" eb="44">
      <t>トウ</t>
    </rPh>
    <rPh sb="45" eb="47">
      <t>キョウドウ</t>
    </rPh>
    <rPh sb="48" eb="50">
      <t>コベツ</t>
    </rPh>
    <rPh sb="50" eb="52">
      <t>キノウ</t>
    </rPh>
    <rPh sb="52" eb="54">
      <t>クンレン</t>
    </rPh>
    <rPh sb="55" eb="57">
      <t>シンチョク</t>
    </rPh>
    <rPh sb="57" eb="59">
      <t>ジョウキョウ</t>
    </rPh>
    <rPh sb="59" eb="60">
      <t>トウ</t>
    </rPh>
    <rPh sb="64" eb="66">
      <t>ヒョウカ</t>
    </rPh>
    <rPh sb="68" eb="69">
      <t>ウエ</t>
    </rPh>
    <rPh sb="71" eb="73">
      <t>キノウ</t>
    </rPh>
    <rPh sb="73" eb="75">
      <t>クンレン</t>
    </rPh>
    <rPh sb="75" eb="79">
      <t>シドウイントウ</t>
    </rPh>
    <rPh sb="81" eb="84">
      <t>リヨウシャ</t>
    </rPh>
    <rPh sb="84" eb="85">
      <t>マタ</t>
    </rPh>
    <rPh sb="88" eb="90">
      <t>カゾク</t>
    </rPh>
    <rPh sb="91" eb="92">
      <t>タイ</t>
    </rPh>
    <rPh sb="94" eb="96">
      <t>コベツ</t>
    </rPh>
    <rPh sb="96" eb="98">
      <t>キノウ</t>
    </rPh>
    <rPh sb="98" eb="100">
      <t>クンレン</t>
    </rPh>
    <rPh sb="100" eb="102">
      <t>ケイカク</t>
    </rPh>
    <rPh sb="103" eb="105">
      <t>ナイヨウ</t>
    </rPh>
    <rPh sb="106" eb="108">
      <t>ヒョウカ</t>
    </rPh>
    <rPh sb="109" eb="110">
      <t>フク</t>
    </rPh>
    <rPh sb="114" eb="116">
      <t>シンチョク</t>
    </rPh>
    <rPh sb="116" eb="118">
      <t>ジョウキョウ</t>
    </rPh>
    <rPh sb="118" eb="119">
      <t>トウ</t>
    </rPh>
    <rPh sb="120" eb="122">
      <t>セツメイ</t>
    </rPh>
    <rPh sb="123" eb="125">
      <t>キロク</t>
    </rPh>
    <rPh sb="132" eb="134">
      <t>ヒツヨウ</t>
    </rPh>
    <rPh sb="135" eb="136">
      <t>オウ</t>
    </rPh>
    <rPh sb="138" eb="140">
      <t>クンレン</t>
    </rPh>
    <rPh sb="140" eb="142">
      <t>ナイヨウ</t>
    </rPh>
    <rPh sb="143" eb="145">
      <t>ミナオ</t>
    </rPh>
    <rPh sb="146" eb="147">
      <t>トウ</t>
    </rPh>
    <rPh sb="148" eb="149">
      <t>オコナ</t>
    </rPh>
    <phoneticPr fontId="2"/>
  </si>
  <si>
    <t>・評価した記録
・利用者や家族に説明した記録</t>
    <rPh sb="1" eb="3">
      <t>ヒョウカ</t>
    </rPh>
    <rPh sb="5" eb="7">
      <t>キロク</t>
    </rPh>
    <rPh sb="9" eb="12">
      <t>リヨウシャ</t>
    </rPh>
    <rPh sb="13" eb="15">
      <t>カゾク</t>
    </rPh>
    <rPh sb="16" eb="18">
      <t>セツメイ</t>
    </rPh>
    <rPh sb="20" eb="22">
      <t>キロク</t>
    </rPh>
    <phoneticPr fontId="2"/>
  </si>
  <si>
    <t>機能訓練に関する記録</t>
    <rPh sb="0" eb="2">
      <t>キノウ</t>
    </rPh>
    <rPh sb="2" eb="4">
      <t>クンレン</t>
    </rPh>
    <rPh sb="5" eb="6">
      <t>カン</t>
    </rPh>
    <rPh sb="8" eb="10">
      <t>キロク</t>
    </rPh>
    <phoneticPr fontId="2"/>
  </si>
  <si>
    <t>個別機能訓練加算（Ⅰ）イ</t>
    <rPh sb="0" eb="2">
      <t>コベツ</t>
    </rPh>
    <rPh sb="2" eb="4">
      <t>キノウ</t>
    </rPh>
    <rPh sb="4" eb="6">
      <t>クンレン</t>
    </rPh>
    <rPh sb="6" eb="8">
      <t>カサン</t>
    </rPh>
    <phoneticPr fontId="2"/>
  </si>
  <si>
    <t>専ら機能訓練指導員の職務に従事する理学療法士、作業療法士、言語聴覚士、看護職員、柔道整復師、あん摩マッサージ指圧師、はり師又はきゅう師（はり師又はきゅう師については、理学療法士、作業療法士、言語聴覚士、看護職員、柔道整復師又はあん摩マッサージ指圧師の資格を有する機能訓練指導員を配置した事業所で６月以上機能訓練指導に従事した経験を有する者に限る。）（当加算において「理学療法士等」という。）を１名以上配置している。</t>
    <rPh sb="0" eb="1">
      <t>モッパ</t>
    </rPh>
    <rPh sb="2" eb="4">
      <t>キノウ</t>
    </rPh>
    <rPh sb="4" eb="6">
      <t>クンレン</t>
    </rPh>
    <rPh sb="6" eb="9">
      <t>シドウイン</t>
    </rPh>
    <rPh sb="10" eb="12">
      <t>ショクム</t>
    </rPh>
    <rPh sb="13" eb="15">
      <t>ジュウジ</t>
    </rPh>
    <rPh sb="17" eb="19">
      <t>リガク</t>
    </rPh>
    <rPh sb="19" eb="22">
      <t>リョウホウシ</t>
    </rPh>
    <rPh sb="23" eb="25">
      <t>サギョウ</t>
    </rPh>
    <rPh sb="25" eb="28">
      <t>リョウホウシ</t>
    </rPh>
    <rPh sb="29" eb="31">
      <t>ゲンゴ</t>
    </rPh>
    <rPh sb="31" eb="34">
      <t>チョウカクシ</t>
    </rPh>
    <rPh sb="35" eb="37">
      <t>カンゴ</t>
    </rPh>
    <rPh sb="37" eb="39">
      <t>ショクイン</t>
    </rPh>
    <rPh sb="40" eb="42">
      <t>ジュウドウ</t>
    </rPh>
    <rPh sb="42" eb="45">
      <t>セイフクシ</t>
    </rPh>
    <rPh sb="48" eb="49">
      <t>マ</t>
    </rPh>
    <rPh sb="54" eb="57">
      <t>シアツシ</t>
    </rPh>
    <rPh sb="60" eb="61">
      <t>シ</t>
    </rPh>
    <rPh sb="61" eb="62">
      <t>マタ</t>
    </rPh>
    <rPh sb="66" eb="67">
      <t>シ</t>
    </rPh>
    <rPh sb="70" eb="71">
      <t>シ</t>
    </rPh>
    <rPh sb="71" eb="72">
      <t>マタ</t>
    </rPh>
    <rPh sb="76" eb="77">
      <t>シ</t>
    </rPh>
    <rPh sb="83" eb="85">
      <t>リガク</t>
    </rPh>
    <rPh sb="85" eb="88">
      <t>リョウホウシ</t>
    </rPh>
    <rPh sb="89" eb="91">
      <t>サギョウ</t>
    </rPh>
    <rPh sb="91" eb="94">
      <t>リョウホウシ</t>
    </rPh>
    <rPh sb="95" eb="97">
      <t>ゲンゴ</t>
    </rPh>
    <rPh sb="97" eb="100">
      <t>チョウカクシ</t>
    </rPh>
    <rPh sb="101" eb="103">
      <t>カンゴ</t>
    </rPh>
    <rPh sb="103" eb="105">
      <t>ショクイン</t>
    </rPh>
    <rPh sb="106" eb="108">
      <t>ジュウドウ</t>
    </rPh>
    <rPh sb="108" eb="111">
      <t>セイフクシ</t>
    </rPh>
    <rPh sb="111" eb="112">
      <t>マタ</t>
    </rPh>
    <rPh sb="115" eb="116">
      <t>マ</t>
    </rPh>
    <rPh sb="121" eb="124">
      <t>シアツシ</t>
    </rPh>
    <rPh sb="125" eb="127">
      <t>シカク</t>
    </rPh>
    <rPh sb="128" eb="129">
      <t>ユウ</t>
    </rPh>
    <rPh sb="131" eb="133">
      <t>キノウ</t>
    </rPh>
    <rPh sb="133" eb="135">
      <t>クンレン</t>
    </rPh>
    <rPh sb="135" eb="138">
      <t>シドウイン</t>
    </rPh>
    <rPh sb="139" eb="141">
      <t>ハイチ</t>
    </rPh>
    <rPh sb="143" eb="146">
      <t>ジギョウショ</t>
    </rPh>
    <rPh sb="148" eb="149">
      <t>ツキ</t>
    </rPh>
    <rPh sb="149" eb="151">
      <t>イジョウ</t>
    </rPh>
    <rPh sb="151" eb="153">
      <t>キノウ</t>
    </rPh>
    <rPh sb="153" eb="155">
      <t>クンレン</t>
    </rPh>
    <rPh sb="155" eb="157">
      <t>シドウ</t>
    </rPh>
    <rPh sb="158" eb="160">
      <t>ジュウジ</t>
    </rPh>
    <rPh sb="162" eb="164">
      <t>ケイケン</t>
    </rPh>
    <rPh sb="165" eb="166">
      <t>ユウ</t>
    </rPh>
    <rPh sb="168" eb="169">
      <t>モノ</t>
    </rPh>
    <rPh sb="170" eb="171">
      <t>カギ</t>
    </rPh>
    <rPh sb="175" eb="176">
      <t>トウ</t>
    </rPh>
    <rPh sb="176" eb="178">
      <t>カサン</t>
    </rPh>
    <rPh sb="183" eb="185">
      <t>リガク</t>
    </rPh>
    <rPh sb="185" eb="188">
      <t>リョウホウシ</t>
    </rPh>
    <rPh sb="188" eb="189">
      <t>トウ</t>
    </rPh>
    <rPh sb="197" eb="198">
      <t>メイ</t>
    </rPh>
    <rPh sb="198" eb="200">
      <t>イジョウ</t>
    </rPh>
    <rPh sb="200" eb="202">
      <t>ハイチ</t>
    </rPh>
    <phoneticPr fontId="2"/>
  </si>
  <si>
    <t>・勤務表
・資格者証</t>
    <rPh sb="1" eb="3">
      <t>キンム</t>
    </rPh>
    <rPh sb="3" eb="4">
      <t>ヒョウ</t>
    </rPh>
    <rPh sb="6" eb="9">
      <t>シカクシャ</t>
    </rPh>
    <rPh sb="9" eb="10">
      <t>ショウ</t>
    </rPh>
    <phoneticPr fontId="2"/>
  </si>
  <si>
    <t>個別機能訓練を行うにあたっては、機能訓練指導員等が共同して、利用者ごとにその目標、目標を踏まえた訓練項目、訓練実施時間、訓練実施回数等を内容とする個別機能訓練計画を作成している。</t>
    <rPh sb="0" eb="2">
      <t>コベツ</t>
    </rPh>
    <rPh sb="2" eb="4">
      <t>キノウ</t>
    </rPh>
    <rPh sb="4" eb="6">
      <t>クンレン</t>
    </rPh>
    <rPh sb="7" eb="8">
      <t>オコナ</t>
    </rPh>
    <rPh sb="16" eb="18">
      <t>キノウ</t>
    </rPh>
    <rPh sb="18" eb="20">
      <t>クンレン</t>
    </rPh>
    <rPh sb="20" eb="24">
      <t>シドウイントウ</t>
    </rPh>
    <rPh sb="25" eb="27">
      <t>キョウドウ</t>
    </rPh>
    <rPh sb="30" eb="33">
      <t>リヨウシャ</t>
    </rPh>
    <rPh sb="38" eb="40">
      <t>モクヒョウ</t>
    </rPh>
    <rPh sb="41" eb="43">
      <t>モクヒョウ</t>
    </rPh>
    <rPh sb="44" eb="45">
      <t>フ</t>
    </rPh>
    <rPh sb="48" eb="50">
      <t>クンレン</t>
    </rPh>
    <rPh sb="50" eb="52">
      <t>コウモク</t>
    </rPh>
    <rPh sb="53" eb="55">
      <t>クンレン</t>
    </rPh>
    <rPh sb="55" eb="57">
      <t>ジッシ</t>
    </rPh>
    <rPh sb="57" eb="59">
      <t>ジカン</t>
    </rPh>
    <rPh sb="60" eb="62">
      <t>クンレン</t>
    </rPh>
    <rPh sb="62" eb="64">
      <t>ジッシ</t>
    </rPh>
    <rPh sb="64" eb="66">
      <t>カイスウ</t>
    </rPh>
    <rPh sb="66" eb="67">
      <t>トウ</t>
    </rPh>
    <rPh sb="68" eb="70">
      <t>ナイヨウ</t>
    </rPh>
    <rPh sb="73" eb="75">
      <t>コベツ</t>
    </rPh>
    <rPh sb="75" eb="77">
      <t>キノウ</t>
    </rPh>
    <rPh sb="77" eb="79">
      <t>クンレン</t>
    </rPh>
    <rPh sb="79" eb="81">
      <t>ケイカク</t>
    </rPh>
    <rPh sb="82" eb="84">
      <t>サクセイ</t>
    </rPh>
    <phoneticPr fontId="2"/>
  </si>
  <si>
    <t>○　個別機能訓練計画書</t>
    <rPh sb="2" eb="4">
      <t>コベツ</t>
    </rPh>
    <rPh sb="4" eb="6">
      <t>キノウ</t>
    </rPh>
    <rPh sb="6" eb="8">
      <t>クンレン</t>
    </rPh>
    <rPh sb="8" eb="11">
      <t>ケイカクショ</t>
    </rPh>
    <phoneticPr fontId="2"/>
  </si>
  <si>
    <t>個別機能訓練目標の設定にあたっては、機能訓練指導員等が利用者の居宅を訪問した上で利用者の居宅での生活状況（起居動作、ADL、IADL等の状況）を確認し、その結果や利用者又は家族の意向及び介護支援専門員等の意見も踏まえつつ行っている。</t>
    <rPh sb="0" eb="2">
      <t>コベツ</t>
    </rPh>
    <rPh sb="2" eb="4">
      <t>キノウ</t>
    </rPh>
    <rPh sb="4" eb="6">
      <t>クンレン</t>
    </rPh>
    <rPh sb="6" eb="8">
      <t>モクヒョウ</t>
    </rPh>
    <rPh sb="9" eb="11">
      <t>セッテイ</t>
    </rPh>
    <rPh sb="18" eb="20">
      <t>キノウ</t>
    </rPh>
    <rPh sb="20" eb="22">
      <t>クンレン</t>
    </rPh>
    <rPh sb="22" eb="26">
      <t>シドウイントウ</t>
    </rPh>
    <rPh sb="27" eb="30">
      <t>リヨウシャ</t>
    </rPh>
    <rPh sb="31" eb="33">
      <t>キョタク</t>
    </rPh>
    <rPh sb="34" eb="36">
      <t>ホウモン</t>
    </rPh>
    <rPh sb="38" eb="39">
      <t>ウエ</t>
    </rPh>
    <rPh sb="40" eb="43">
      <t>リヨウシャ</t>
    </rPh>
    <rPh sb="44" eb="46">
      <t>キョタク</t>
    </rPh>
    <rPh sb="48" eb="50">
      <t>セイカツ</t>
    </rPh>
    <rPh sb="50" eb="52">
      <t>ジョウキョウ</t>
    </rPh>
    <rPh sb="53" eb="55">
      <t>キキョ</t>
    </rPh>
    <rPh sb="55" eb="57">
      <t>ドウサ</t>
    </rPh>
    <rPh sb="66" eb="67">
      <t>トウ</t>
    </rPh>
    <rPh sb="68" eb="70">
      <t>ジョウキョウ</t>
    </rPh>
    <rPh sb="72" eb="74">
      <t>カクニン</t>
    </rPh>
    <rPh sb="78" eb="80">
      <t>ケッカ</t>
    </rPh>
    <rPh sb="81" eb="84">
      <t>リヨウシャ</t>
    </rPh>
    <rPh sb="84" eb="85">
      <t>マタ</t>
    </rPh>
    <rPh sb="86" eb="88">
      <t>カゾク</t>
    </rPh>
    <rPh sb="89" eb="91">
      <t>イコウ</t>
    </rPh>
    <rPh sb="91" eb="92">
      <t>オヨ</t>
    </rPh>
    <rPh sb="93" eb="95">
      <t>カイゴ</t>
    </rPh>
    <rPh sb="95" eb="97">
      <t>シエン</t>
    </rPh>
    <rPh sb="97" eb="100">
      <t>センモンイン</t>
    </rPh>
    <rPh sb="100" eb="101">
      <t>トウ</t>
    </rPh>
    <rPh sb="102" eb="104">
      <t>イケン</t>
    </rPh>
    <rPh sb="105" eb="106">
      <t>フ</t>
    </rPh>
    <rPh sb="110" eb="111">
      <t>オコナ</t>
    </rPh>
    <phoneticPr fontId="2"/>
  </si>
  <si>
    <t>生活状況の記録
LIFE活用の場合
・　興味・関心チェックシート
・　生活機能チェックシート</t>
    <rPh sb="0" eb="2">
      <t>セイカツ</t>
    </rPh>
    <rPh sb="2" eb="4">
      <t>ジョウキョウ</t>
    </rPh>
    <rPh sb="5" eb="7">
      <t>キロク</t>
    </rPh>
    <rPh sb="13" eb="15">
      <t>カツヨウ</t>
    </rPh>
    <rPh sb="16" eb="18">
      <t>バアイ</t>
    </rPh>
    <rPh sb="21" eb="23">
      <t>キョウミ</t>
    </rPh>
    <rPh sb="24" eb="26">
      <t>カンシン</t>
    </rPh>
    <rPh sb="36" eb="38">
      <t>セイカツ</t>
    </rPh>
    <rPh sb="38" eb="40">
      <t>キノウ</t>
    </rPh>
    <phoneticPr fontId="2"/>
  </si>
  <si>
    <t>個別機能訓練目標の設定にあたっては、当該利用者の意欲の向上につながるよう長期目標・短期目標のように段階的な目標とするなど可能な限り具体的かつ分かりやすい目標としている。</t>
    <rPh sb="0" eb="2">
      <t>コベツ</t>
    </rPh>
    <rPh sb="2" eb="4">
      <t>キノウ</t>
    </rPh>
    <rPh sb="4" eb="6">
      <t>クンレン</t>
    </rPh>
    <rPh sb="6" eb="8">
      <t>モクヒョウ</t>
    </rPh>
    <rPh sb="9" eb="11">
      <t>セッテイ</t>
    </rPh>
    <rPh sb="18" eb="20">
      <t>トウガイ</t>
    </rPh>
    <rPh sb="20" eb="23">
      <t>リヨウシャ</t>
    </rPh>
    <rPh sb="24" eb="26">
      <t>イヨク</t>
    </rPh>
    <rPh sb="27" eb="29">
      <t>コウジョウ</t>
    </rPh>
    <rPh sb="36" eb="38">
      <t>チョウキ</t>
    </rPh>
    <rPh sb="38" eb="40">
      <t>モクヒョウ</t>
    </rPh>
    <rPh sb="41" eb="43">
      <t>タンキ</t>
    </rPh>
    <rPh sb="43" eb="45">
      <t>モクヒョウ</t>
    </rPh>
    <rPh sb="49" eb="52">
      <t>ダンカイテキ</t>
    </rPh>
    <rPh sb="53" eb="55">
      <t>モクヒョウ</t>
    </rPh>
    <rPh sb="60" eb="62">
      <t>カノウ</t>
    </rPh>
    <rPh sb="63" eb="64">
      <t>カギ</t>
    </rPh>
    <rPh sb="65" eb="68">
      <t>グタイテキ</t>
    </rPh>
    <rPh sb="70" eb="71">
      <t>ワ</t>
    </rPh>
    <rPh sb="76" eb="78">
      <t>モクヒョウ</t>
    </rPh>
    <phoneticPr fontId="2"/>
  </si>
  <si>
    <t>　個別機能訓練計画書</t>
    <rPh sb="1" eb="3">
      <t>コベツ</t>
    </rPh>
    <rPh sb="3" eb="5">
      <t>キノウ</t>
    </rPh>
    <rPh sb="5" eb="7">
      <t>クンレン</t>
    </rPh>
    <rPh sb="7" eb="10">
      <t>ケイカクショ</t>
    </rPh>
    <phoneticPr fontId="2"/>
  </si>
  <si>
    <t>個別機能訓練目標の設定にあたっては、単に身体機能の向上を目指すことのみを目標とするのではなく、日常生活における生活機能の維持・向上を目指すことを含めた目標としている。</t>
    <rPh sb="0" eb="2">
      <t>コベツ</t>
    </rPh>
    <rPh sb="2" eb="4">
      <t>キノウ</t>
    </rPh>
    <rPh sb="4" eb="6">
      <t>クンレン</t>
    </rPh>
    <rPh sb="6" eb="8">
      <t>モクヒョウ</t>
    </rPh>
    <rPh sb="9" eb="11">
      <t>セッテイ</t>
    </rPh>
    <rPh sb="18" eb="19">
      <t>タン</t>
    </rPh>
    <rPh sb="20" eb="22">
      <t>シンタイ</t>
    </rPh>
    <rPh sb="22" eb="24">
      <t>キノウ</t>
    </rPh>
    <rPh sb="25" eb="27">
      <t>コウジョウ</t>
    </rPh>
    <rPh sb="28" eb="30">
      <t>メザ</t>
    </rPh>
    <rPh sb="36" eb="38">
      <t>モクヒョウ</t>
    </rPh>
    <rPh sb="47" eb="49">
      <t>ニチジョウ</t>
    </rPh>
    <rPh sb="49" eb="51">
      <t>セイカツ</t>
    </rPh>
    <rPh sb="55" eb="57">
      <t>セイカツ</t>
    </rPh>
    <rPh sb="57" eb="59">
      <t>キノウ</t>
    </rPh>
    <rPh sb="60" eb="62">
      <t>イジ</t>
    </rPh>
    <rPh sb="63" eb="65">
      <t>コウジョウ</t>
    </rPh>
    <rPh sb="66" eb="68">
      <t>メザ</t>
    </rPh>
    <rPh sb="72" eb="73">
      <t>フク</t>
    </rPh>
    <rPh sb="75" eb="77">
      <t>モクヒョウ</t>
    </rPh>
    <phoneticPr fontId="2"/>
  </si>
  <si>
    <t>個別機能訓練項目の設定にあたっては、利用者の生活機能の向上に資するよう複数の種類の機能訓練項目を準備し、その項目の選択に当たっては、利用者の生活意欲の向上に繋がるよう利用者を援助している。</t>
    <rPh sb="0" eb="2">
      <t>コベツ</t>
    </rPh>
    <rPh sb="2" eb="4">
      <t>キノウ</t>
    </rPh>
    <rPh sb="4" eb="6">
      <t>クンレン</t>
    </rPh>
    <rPh sb="6" eb="8">
      <t>コウモク</t>
    </rPh>
    <rPh sb="9" eb="11">
      <t>セッテイ</t>
    </rPh>
    <rPh sb="18" eb="21">
      <t>リヨウシャ</t>
    </rPh>
    <rPh sb="22" eb="24">
      <t>セイカツ</t>
    </rPh>
    <rPh sb="24" eb="26">
      <t>キノウ</t>
    </rPh>
    <rPh sb="27" eb="29">
      <t>コウジョウ</t>
    </rPh>
    <rPh sb="30" eb="31">
      <t>シ</t>
    </rPh>
    <rPh sb="35" eb="37">
      <t>フクスウ</t>
    </rPh>
    <rPh sb="38" eb="40">
      <t>シュルイ</t>
    </rPh>
    <rPh sb="41" eb="43">
      <t>キノウ</t>
    </rPh>
    <rPh sb="43" eb="45">
      <t>クンレン</t>
    </rPh>
    <rPh sb="45" eb="47">
      <t>コウモク</t>
    </rPh>
    <rPh sb="48" eb="50">
      <t>ジュンビ</t>
    </rPh>
    <rPh sb="54" eb="56">
      <t>コウモク</t>
    </rPh>
    <rPh sb="57" eb="59">
      <t>センタク</t>
    </rPh>
    <rPh sb="60" eb="61">
      <t>ア</t>
    </rPh>
    <rPh sb="66" eb="69">
      <t>リヨウシャ</t>
    </rPh>
    <rPh sb="70" eb="72">
      <t>セイカツ</t>
    </rPh>
    <rPh sb="72" eb="74">
      <t>イヨク</t>
    </rPh>
    <rPh sb="75" eb="77">
      <t>コウジョウ</t>
    </rPh>
    <rPh sb="78" eb="79">
      <t>ツナ</t>
    </rPh>
    <rPh sb="83" eb="86">
      <t>リヨウシャ</t>
    </rPh>
    <rPh sb="87" eb="89">
      <t>エンジョ</t>
    </rPh>
    <phoneticPr fontId="2"/>
  </si>
  <si>
    <t>　・個別機能訓練計画書
　・個別機能訓練に関する記録</t>
    <rPh sb="2" eb="4">
      <t>コベツ</t>
    </rPh>
    <rPh sb="4" eb="6">
      <t>キノウ</t>
    </rPh>
    <rPh sb="6" eb="8">
      <t>クンレン</t>
    </rPh>
    <rPh sb="8" eb="11">
      <t>ケイカクショ</t>
    </rPh>
    <phoneticPr fontId="2"/>
  </si>
  <si>
    <t>個別機能訓練は、類似の目標を持ち、同様の訓練項目を選択した５人程度以下の小集団（個別対応含む）に対して機能訓練指導員が直接行い、必要に応じて事業所内外の設備等を用いた実践的かつ反復的な訓練としている。</t>
    <rPh sb="0" eb="2">
      <t>コベツ</t>
    </rPh>
    <rPh sb="2" eb="4">
      <t>キノウ</t>
    </rPh>
    <rPh sb="4" eb="6">
      <t>クンレン</t>
    </rPh>
    <rPh sb="8" eb="10">
      <t>ルイジ</t>
    </rPh>
    <rPh sb="11" eb="13">
      <t>モクヒョウ</t>
    </rPh>
    <rPh sb="14" eb="15">
      <t>モ</t>
    </rPh>
    <rPh sb="17" eb="19">
      <t>ドウヨウ</t>
    </rPh>
    <rPh sb="20" eb="22">
      <t>クンレン</t>
    </rPh>
    <rPh sb="22" eb="24">
      <t>コウモク</t>
    </rPh>
    <rPh sb="25" eb="27">
      <t>センタク</t>
    </rPh>
    <rPh sb="30" eb="31">
      <t>ニン</t>
    </rPh>
    <rPh sb="31" eb="33">
      <t>テイド</t>
    </rPh>
    <rPh sb="33" eb="35">
      <t>イカ</t>
    </rPh>
    <rPh sb="36" eb="39">
      <t>ショウシュウダン</t>
    </rPh>
    <rPh sb="40" eb="42">
      <t>コベツ</t>
    </rPh>
    <rPh sb="42" eb="44">
      <t>タイオウ</t>
    </rPh>
    <rPh sb="44" eb="45">
      <t>フク</t>
    </rPh>
    <rPh sb="48" eb="49">
      <t>タイ</t>
    </rPh>
    <rPh sb="51" eb="53">
      <t>キノウ</t>
    </rPh>
    <rPh sb="53" eb="55">
      <t>クンレン</t>
    </rPh>
    <rPh sb="55" eb="58">
      <t>シドウイン</t>
    </rPh>
    <rPh sb="59" eb="61">
      <t>チョクセツ</t>
    </rPh>
    <rPh sb="61" eb="62">
      <t>オコナ</t>
    </rPh>
    <rPh sb="64" eb="66">
      <t>ヒツヨウ</t>
    </rPh>
    <rPh sb="67" eb="68">
      <t>オウ</t>
    </rPh>
    <rPh sb="70" eb="73">
      <t>ジギョウショ</t>
    </rPh>
    <rPh sb="73" eb="75">
      <t>ナイガイ</t>
    </rPh>
    <rPh sb="76" eb="78">
      <t>セツビ</t>
    </rPh>
    <rPh sb="78" eb="79">
      <t>トウ</t>
    </rPh>
    <rPh sb="80" eb="81">
      <t>モチ</t>
    </rPh>
    <rPh sb="83" eb="86">
      <t>ジッセンテキ</t>
    </rPh>
    <rPh sb="88" eb="91">
      <t>ハンプクテキ</t>
    </rPh>
    <rPh sb="92" eb="94">
      <t>クンレン</t>
    </rPh>
    <phoneticPr fontId="2"/>
  </si>
  <si>
    <t>個別機能訓練計画書</t>
    <rPh sb="0" eb="2">
      <t>コベツ</t>
    </rPh>
    <rPh sb="2" eb="4">
      <t>キノウ</t>
    </rPh>
    <rPh sb="4" eb="6">
      <t>クンレン</t>
    </rPh>
    <rPh sb="6" eb="9">
      <t>ケイカクショ</t>
    </rPh>
    <phoneticPr fontId="2"/>
  </si>
  <si>
    <t>個別機能訓練を、概ね週１回以上を目安に実施している。</t>
    <rPh sb="0" eb="2">
      <t>コベツ</t>
    </rPh>
    <rPh sb="2" eb="4">
      <t>キノウ</t>
    </rPh>
    <rPh sb="4" eb="6">
      <t>クンレン</t>
    </rPh>
    <rPh sb="8" eb="9">
      <t>オオム</t>
    </rPh>
    <rPh sb="10" eb="11">
      <t>シュウ</t>
    </rPh>
    <rPh sb="12" eb="13">
      <t>カイ</t>
    </rPh>
    <rPh sb="16" eb="18">
      <t>メヤス</t>
    </rPh>
    <rPh sb="19" eb="21">
      <t>ジッシ</t>
    </rPh>
    <phoneticPr fontId="2"/>
  </si>
  <si>
    <t>個別機能訓練に関する記録</t>
  </si>
  <si>
    <t>個別機能訓練時間を、個別機能訓練計画に定めた訓練項目の実施に必要な１回あたりの訓練時間を考慮し、適切に設定している。</t>
    <rPh sb="0" eb="2">
      <t>コベツ</t>
    </rPh>
    <rPh sb="2" eb="4">
      <t>キノウ</t>
    </rPh>
    <rPh sb="4" eb="6">
      <t>クンレン</t>
    </rPh>
    <rPh sb="6" eb="8">
      <t>ジカン</t>
    </rPh>
    <rPh sb="10" eb="12">
      <t>コベツ</t>
    </rPh>
    <rPh sb="12" eb="14">
      <t>キノウ</t>
    </rPh>
    <rPh sb="14" eb="16">
      <t>クンレン</t>
    </rPh>
    <rPh sb="16" eb="18">
      <t>ケイカク</t>
    </rPh>
    <rPh sb="19" eb="20">
      <t>サダ</t>
    </rPh>
    <rPh sb="22" eb="24">
      <t>クンレン</t>
    </rPh>
    <rPh sb="24" eb="26">
      <t>コウモク</t>
    </rPh>
    <rPh sb="27" eb="29">
      <t>ジッシ</t>
    </rPh>
    <rPh sb="30" eb="32">
      <t>ヒツヨウ</t>
    </rPh>
    <rPh sb="34" eb="35">
      <t>カイ</t>
    </rPh>
    <rPh sb="39" eb="41">
      <t>クンレン</t>
    </rPh>
    <rPh sb="41" eb="43">
      <t>ジカン</t>
    </rPh>
    <rPh sb="44" eb="46">
      <t>コウリョ</t>
    </rPh>
    <rPh sb="48" eb="50">
      <t>テキセツ</t>
    </rPh>
    <rPh sb="51" eb="53">
      <t>セッテイ</t>
    </rPh>
    <phoneticPr fontId="2"/>
  </si>
  <si>
    <t>個別機能訓練を開始した後に、個別機能訓練項目や訓練実施時間、個別機能訓練の効果（当該利用者のADL及びIADLの改善状況）等についての評価を行っている。</t>
    <rPh sb="0" eb="2">
      <t>コベツ</t>
    </rPh>
    <rPh sb="2" eb="4">
      <t>キノウ</t>
    </rPh>
    <rPh sb="4" eb="6">
      <t>クンレン</t>
    </rPh>
    <rPh sb="7" eb="9">
      <t>カイシ</t>
    </rPh>
    <rPh sb="11" eb="12">
      <t>ノチ</t>
    </rPh>
    <rPh sb="14" eb="16">
      <t>コベツ</t>
    </rPh>
    <rPh sb="16" eb="18">
      <t>キノウ</t>
    </rPh>
    <rPh sb="18" eb="20">
      <t>クンレン</t>
    </rPh>
    <rPh sb="20" eb="22">
      <t>コウモク</t>
    </rPh>
    <rPh sb="23" eb="25">
      <t>クンレン</t>
    </rPh>
    <rPh sb="25" eb="27">
      <t>ジッシ</t>
    </rPh>
    <rPh sb="27" eb="29">
      <t>ジカン</t>
    </rPh>
    <rPh sb="30" eb="32">
      <t>コベツ</t>
    </rPh>
    <rPh sb="32" eb="34">
      <t>キノウ</t>
    </rPh>
    <rPh sb="34" eb="36">
      <t>クンレン</t>
    </rPh>
    <rPh sb="37" eb="39">
      <t>コウカ</t>
    </rPh>
    <rPh sb="40" eb="42">
      <t>トウガイ</t>
    </rPh>
    <rPh sb="42" eb="45">
      <t>リヨウシャ</t>
    </rPh>
    <rPh sb="49" eb="50">
      <t>オヨ</t>
    </rPh>
    <rPh sb="56" eb="58">
      <t>カイゼン</t>
    </rPh>
    <rPh sb="58" eb="60">
      <t>ジョウキョウ</t>
    </rPh>
    <rPh sb="61" eb="62">
      <t>トウ</t>
    </rPh>
    <rPh sb="67" eb="69">
      <t>ヒョウカ</t>
    </rPh>
    <rPh sb="70" eb="71">
      <t>オコナ</t>
    </rPh>
    <phoneticPr fontId="2"/>
  </si>
  <si>
    <t>評価記録等</t>
    <rPh sb="0" eb="2">
      <t>ヒョウカ</t>
    </rPh>
    <rPh sb="2" eb="4">
      <t>キロク</t>
    </rPh>
    <rPh sb="4" eb="5">
      <t>トウ</t>
    </rPh>
    <phoneticPr fontId="2"/>
  </si>
  <si>
    <t>個別機能訓練を開始した後に、３月ごとに１回以上、利用者の居宅を訪問し、利用者の居宅での生活状況（起居動作、ADL、IADL等の状況）の確認を行い、利用者又はその家族に対して個別機能訓練の実施状況や個別機能訓練の効果等について説明・記録している。</t>
    <rPh sb="0" eb="2">
      <t>コベツ</t>
    </rPh>
    <rPh sb="2" eb="4">
      <t>キノウ</t>
    </rPh>
    <rPh sb="4" eb="6">
      <t>クンレン</t>
    </rPh>
    <rPh sb="7" eb="9">
      <t>カイシ</t>
    </rPh>
    <rPh sb="11" eb="12">
      <t>ノチ</t>
    </rPh>
    <rPh sb="15" eb="16">
      <t>ツキ</t>
    </rPh>
    <rPh sb="20" eb="21">
      <t>カイ</t>
    </rPh>
    <rPh sb="21" eb="23">
      <t>イジョウ</t>
    </rPh>
    <rPh sb="24" eb="27">
      <t>リヨウシャ</t>
    </rPh>
    <rPh sb="28" eb="30">
      <t>キョタク</t>
    </rPh>
    <rPh sb="31" eb="33">
      <t>ホウモン</t>
    </rPh>
    <rPh sb="35" eb="38">
      <t>リヨウシャ</t>
    </rPh>
    <rPh sb="39" eb="41">
      <t>キョタク</t>
    </rPh>
    <rPh sb="43" eb="45">
      <t>セイカツ</t>
    </rPh>
    <rPh sb="45" eb="47">
      <t>ジョウキョウ</t>
    </rPh>
    <rPh sb="48" eb="50">
      <t>キキョ</t>
    </rPh>
    <rPh sb="50" eb="52">
      <t>ドウサ</t>
    </rPh>
    <rPh sb="61" eb="62">
      <t>トウ</t>
    </rPh>
    <rPh sb="63" eb="65">
      <t>ジョウキョウ</t>
    </rPh>
    <rPh sb="67" eb="69">
      <t>カクニン</t>
    </rPh>
    <rPh sb="70" eb="71">
      <t>オコナ</t>
    </rPh>
    <rPh sb="73" eb="76">
      <t>リヨウシャ</t>
    </rPh>
    <rPh sb="76" eb="77">
      <t>マタ</t>
    </rPh>
    <rPh sb="80" eb="82">
      <t>カゾク</t>
    </rPh>
    <rPh sb="83" eb="84">
      <t>タイ</t>
    </rPh>
    <rPh sb="86" eb="88">
      <t>コベツ</t>
    </rPh>
    <rPh sb="88" eb="90">
      <t>キノウ</t>
    </rPh>
    <rPh sb="90" eb="92">
      <t>クンレン</t>
    </rPh>
    <rPh sb="93" eb="95">
      <t>ジッシ</t>
    </rPh>
    <rPh sb="95" eb="97">
      <t>ジョウキョウ</t>
    </rPh>
    <rPh sb="98" eb="100">
      <t>コベツ</t>
    </rPh>
    <rPh sb="100" eb="102">
      <t>キノウ</t>
    </rPh>
    <rPh sb="102" eb="104">
      <t>クンレン</t>
    </rPh>
    <rPh sb="105" eb="108">
      <t>コウカトウ</t>
    </rPh>
    <rPh sb="112" eb="114">
      <t>セツメイ</t>
    </rPh>
    <rPh sb="115" eb="117">
      <t>キロク</t>
    </rPh>
    <phoneticPr fontId="2"/>
  </si>
  <si>
    <t>訪問し、生活状況のの確認、
利用者又はその家族に説明を行った記録</t>
    <rPh sb="0" eb="2">
      <t>ホウモン</t>
    </rPh>
    <rPh sb="4" eb="6">
      <t>セイカツ</t>
    </rPh>
    <rPh sb="6" eb="8">
      <t>ジョウキョウ</t>
    </rPh>
    <rPh sb="10" eb="12">
      <t>カクニン</t>
    </rPh>
    <rPh sb="14" eb="17">
      <t>リヨウシャ</t>
    </rPh>
    <rPh sb="17" eb="18">
      <t>マタ</t>
    </rPh>
    <rPh sb="21" eb="23">
      <t>カゾク</t>
    </rPh>
    <rPh sb="24" eb="26">
      <t>セツメイ</t>
    </rPh>
    <rPh sb="27" eb="28">
      <t>オコナ</t>
    </rPh>
    <rPh sb="30" eb="32">
      <t>キロク</t>
    </rPh>
    <phoneticPr fontId="2"/>
  </si>
  <si>
    <t>個別機能訓練を開始した後に、概ね３月ごと１回以上、個別機能訓練の実施状況や個別機能訓練の効果等について、当該利用者を担当する介護支援専門員等にも適宜報告・相談し、利用者等の意向を確認の上、当該利用者に対する個別機能訓練の効果（例えば当該利用者のADL及びIADLの改善状況）等をふまえた個別機能訓練の目標の見直しや訓練項目の変更など、適切な対応を行っている。</t>
    <rPh sb="0" eb="2">
      <t>コベツ</t>
    </rPh>
    <rPh sb="2" eb="4">
      <t>キノウ</t>
    </rPh>
    <rPh sb="4" eb="6">
      <t>クンレン</t>
    </rPh>
    <rPh sb="7" eb="9">
      <t>カイシ</t>
    </rPh>
    <rPh sb="11" eb="12">
      <t>ノチ</t>
    </rPh>
    <rPh sb="14" eb="15">
      <t>オオム</t>
    </rPh>
    <rPh sb="17" eb="18">
      <t>ツキ</t>
    </rPh>
    <rPh sb="21" eb="22">
      <t>カイ</t>
    </rPh>
    <rPh sb="22" eb="24">
      <t>イジョウ</t>
    </rPh>
    <rPh sb="25" eb="27">
      <t>コベツ</t>
    </rPh>
    <rPh sb="27" eb="29">
      <t>キノウ</t>
    </rPh>
    <rPh sb="29" eb="31">
      <t>クンレン</t>
    </rPh>
    <rPh sb="32" eb="34">
      <t>ジッシ</t>
    </rPh>
    <rPh sb="34" eb="36">
      <t>ジョウキョウ</t>
    </rPh>
    <rPh sb="37" eb="39">
      <t>コベツ</t>
    </rPh>
    <rPh sb="39" eb="41">
      <t>キノウ</t>
    </rPh>
    <rPh sb="41" eb="43">
      <t>クンレン</t>
    </rPh>
    <rPh sb="44" eb="47">
      <t>コウカトウ</t>
    </rPh>
    <rPh sb="52" eb="54">
      <t>トウガイ</t>
    </rPh>
    <rPh sb="54" eb="57">
      <t>リヨウシャ</t>
    </rPh>
    <rPh sb="58" eb="60">
      <t>タントウ</t>
    </rPh>
    <rPh sb="62" eb="64">
      <t>カイゴ</t>
    </rPh>
    <rPh sb="64" eb="66">
      <t>シエン</t>
    </rPh>
    <rPh sb="66" eb="69">
      <t>センモンイン</t>
    </rPh>
    <rPh sb="69" eb="70">
      <t>トウ</t>
    </rPh>
    <rPh sb="72" eb="74">
      <t>テキギ</t>
    </rPh>
    <rPh sb="74" eb="76">
      <t>ホウコク</t>
    </rPh>
    <rPh sb="77" eb="79">
      <t>ソウダン</t>
    </rPh>
    <rPh sb="81" eb="84">
      <t>リヨウシャ</t>
    </rPh>
    <rPh sb="84" eb="85">
      <t>トウ</t>
    </rPh>
    <rPh sb="86" eb="88">
      <t>イコウ</t>
    </rPh>
    <rPh sb="89" eb="91">
      <t>カクニン</t>
    </rPh>
    <rPh sb="92" eb="93">
      <t>ウエ</t>
    </rPh>
    <rPh sb="94" eb="96">
      <t>トウガイ</t>
    </rPh>
    <rPh sb="96" eb="99">
      <t>リヨウシャ</t>
    </rPh>
    <rPh sb="100" eb="101">
      <t>タイ</t>
    </rPh>
    <rPh sb="103" eb="105">
      <t>コベツ</t>
    </rPh>
    <rPh sb="105" eb="107">
      <t>キノウ</t>
    </rPh>
    <rPh sb="107" eb="109">
      <t>クンレン</t>
    </rPh>
    <rPh sb="110" eb="112">
      <t>コウカ</t>
    </rPh>
    <rPh sb="113" eb="114">
      <t>タト</t>
    </rPh>
    <rPh sb="116" eb="118">
      <t>トウガイ</t>
    </rPh>
    <rPh sb="118" eb="121">
      <t>リヨウシャ</t>
    </rPh>
    <rPh sb="125" eb="126">
      <t>オヨ</t>
    </rPh>
    <rPh sb="132" eb="134">
      <t>カイゼン</t>
    </rPh>
    <rPh sb="134" eb="136">
      <t>ジョウキョウ</t>
    </rPh>
    <rPh sb="137" eb="138">
      <t>トウ</t>
    </rPh>
    <rPh sb="143" eb="145">
      <t>コベツ</t>
    </rPh>
    <rPh sb="145" eb="147">
      <t>キノウ</t>
    </rPh>
    <rPh sb="147" eb="149">
      <t>クンレン</t>
    </rPh>
    <rPh sb="150" eb="152">
      <t>モクヒョウ</t>
    </rPh>
    <rPh sb="153" eb="155">
      <t>ミナオ</t>
    </rPh>
    <rPh sb="157" eb="159">
      <t>クンレン</t>
    </rPh>
    <rPh sb="159" eb="161">
      <t>コウモク</t>
    </rPh>
    <rPh sb="162" eb="164">
      <t>ヘンコウ</t>
    </rPh>
    <rPh sb="167" eb="169">
      <t>テキセツ</t>
    </rPh>
    <rPh sb="170" eb="172">
      <t>タイオウ</t>
    </rPh>
    <rPh sb="173" eb="174">
      <t>オコナ</t>
    </rPh>
    <phoneticPr fontId="2"/>
  </si>
  <si>
    <t>個別機能訓練に関する記録</t>
    <phoneticPr fontId="2"/>
  </si>
  <si>
    <t>個別機能訓練に関する記録（個別機能訓練の目標、目標をふまえた訓練項目、訓練実施時間、個別機能訓練実施者等）は、利用者ごとに保管され、常に当該事業所の個別機能訓練従事者により閲覧が可能であるようにしている。</t>
    <rPh sb="0" eb="2">
      <t>コベツ</t>
    </rPh>
    <rPh sb="2" eb="4">
      <t>キノウ</t>
    </rPh>
    <rPh sb="4" eb="6">
      <t>クンレン</t>
    </rPh>
    <rPh sb="7" eb="8">
      <t>カン</t>
    </rPh>
    <rPh sb="10" eb="12">
      <t>キロク</t>
    </rPh>
    <rPh sb="13" eb="15">
      <t>コベツ</t>
    </rPh>
    <rPh sb="15" eb="17">
      <t>キノウ</t>
    </rPh>
    <rPh sb="17" eb="19">
      <t>クンレン</t>
    </rPh>
    <rPh sb="20" eb="22">
      <t>モクヒョウ</t>
    </rPh>
    <rPh sb="23" eb="25">
      <t>モクヒョウ</t>
    </rPh>
    <rPh sb="30" eb="32">
      <t>クンレン</t>
    </rPh>
    <rPh sb="32" eb="34">
      <t>コウモク</t>
    </rPh>
    <rPh sb="35" eb="37">
      <t>クンレン</t>
    </rPh>
    <rPh sb="37" eb="39">
      <t>ジッシ</t>
    </rPh>
    <rPh sb="39" eb="41">
      <t>ジカン</t>
    </rPh>
    <rPh sb="42" eb="44">
      <t>コベツ</t>
    </rPh>
    <rPh sb="44" eb="46">
      <t>キノウ</t>
    </rPh>
    <rPh sb="46" eb="48">
      <t>クンレン</t>
    </rPh>
    <rPh sb="48" eb="51">
      <t>ジッシシャ</t>
    </rPh>
    <rPh sb="51" eb="52">
      <t>トウ</t>
    </rPh>
    <rPh sb="55" eb="58">
      <t>リヨウシャ</t>
    </rPh>
    <rPh sb="61" eb="63">
      <t>ホカン</t>
    </rPh>
    <rPh sb="66" eb="67">
      <t>ツネ</t>
    </rPh>
    <rPh sb="68" eb="70">
      <t>トウガイ</t>
    </rPh>
    <rPh sb="70" eb="73">
      <t>ジギョウショ</t>
    </rPh>
    <rPh sb="74" eb="76">
      <t>コベツ</t>
    </rPh>
    <rPh sb="76" eb="78">
      <t>キノウ</t>
    </rPh>
    <rPh sb="78" eb="80">
      <t>クンレン</t>
    </rPh>
    <rPh sb="80" eb="83">
      <t>ジュウジシャ</t>
    </rPh>
    <rPh sb="86" eb="88">
      <t>エツラン</t>
    </rPh>
    <rPh sb="89" eb="91">
      <t>カノウ</t>
    </rPh>
    <phoneticPr fontId="2"/>
  </si>
  <si>
    <t>定員超過利用・人員基準欠如が発生していない。</t>
    <rPh sb="0" eb="2">
      <t>テイイン</t>
    </rPh>
    <rPh sb="2" eb="4">
      <t>チョウカ</t>
    </rPh>
    <rPh sb="4" eb="6">
      <t>リヨウ</t>
    </rPh>
    <rPh sb="7" eb="9">
      <t>ジンイン</t>
    </rPh>
    <rPh sb="9" eb="11">
      <t>キジュン</t>
    </rPh>
    <rPh sb="11" eb="13">
      <t>ケツジョ</t>
    </rPh>
    <rPh sb="14" eb="16">
      <t>ハッセイ</t>
    </rPh>
    <phoneticPr fontId="2"/>
  </si>
  <si>
    <t>個別機能訓練加算（Ⅰ）ロ</t>
    <phoneticPr fontId="2"/>
  </si>
  <si>
    <t>専ら機能訓練指導員の職務に従事する理学療法士、作業療法士、言語聴覚士、看護職員、柔道整復師、あん摩マッサージ指圧師、はり師又はきゅう師（はり師又はきゅう師については、理学療法士、作業療法士、言語聴覚士、看護職員、柔道整復師又はあん摩マッサージ指圧師の資格を有する機能訓練指導員を配置した事業所で６月以上機能訓練指導に従事した経験を有する者に限る。）（当加算において「理学療法士等」という。）を１名以上配置することに加えて、専ら機能訓練指導員の職務に従事する理学療法士等を指定通所介護を行う時間帯を通じて１名以上配置している。</t>
    <rPh sb="0" eb="1">
      <t>モッパ</t>
    </rPh>
    <rPh sb="2" eb="4">
      <t>キノウ</t>
    </rPh>
    <rPh sb="4" eb="6">
      <t>クンレン</t>
    </rPh>
    <rPh sb="6" eb="9">
      <t>シドウイン</t>
    </rPh>
    <rPh sb="10" eb="12">
      <t>ショクム</t>
    </rPh>
    <rPh sb="13" eb="15">
      <t>ジュウジ</t>
    </rPh>
    <rPh sb="17" eb="19">
      <t>リガク</t>
    </rPh>
    <rPh sb="19" eb="22">
      <t>リョウホウシ</t>
    </rPh>
    <rPh sb="207" eb="208">
      <t>クワ</t>
    </rPh>
    <rPh sb="211" eb="212">
      <t>モッパ</t>
    </rPh>
    <rPh sb="213" eb="215">
      <t>キノウ</t>
    </rPh>
    <rPh sb="215" eb="217">
      <t>クンレン</t>
    </rPh>
    <rPh sb="217" eb="220">
      <t>シドウイン</t>
    </rPh>
    <rPh sb="221" eb="223">
      <t>ショクム</t>
    </rPh>
    <rPh sb="224" eb="226">
      <t>ジュウジ</t>
    </rPh>
    <rPh sb="228" eb="230">
      <t>リガク</t>
    </rPh>
    <rPh sb="230" eb="233">
      <t>リョウホウシ</t>
    </rPh>
    <rPh sb="233" eb="234">
      <t>トウ</t>
    </rPh>
    <rPh sb="235" eb="237">
      <t>シテイ</t>
    </rPh>
    <rPh sb="237" eb="241">
      <t>ツウショカイゴ</t>
    </rPh>
    <rPh sb="242" eb="243">
      <t>オコナ</t>
    </rPh>
    <rPh sb="244" eb="247">
      <t>ジカンタイ</t>
    </rPh>
    <rPh sb="248" eb="249">
      <t>ツウ</t>
    </rPh>
    <rPh sb="252" eb="253">
      <t>メイ</t>
    </rPh>
    <rPh sb="253" eb="255">
      <t>イジョウ</t>
    </rPh>
    <rPh sb="255" eb="257">
      <t>ハイチ</t>
    </rPh>
    <phoneticPr fontId="2"/>
  </si>
  <si>
    <t>・個別機能訓練計画書
・個別機能訓練に関する記録</t>
    <rPh sb="1" eb="3">
      <t>コベツ</t>
    </rPh>
    <rPh sb="3" eb="5">
      <t>キノウ</t>
    </rPh>
    <rPh sb="5" eb="7">
      <t>クンレン</t>
    </rPh>
    <rPh sb="7" eb="10">
      <t>ケイカクショ</t>
    </rPh>
    <phoneticPr fontId="2"/>
  </si>
  <si>
    <t>評価した記録</t>
    <rPh sb="0" eb="2">
      <t>ヒョウカ</t>
    </rPh>
    <rPh sb="4" eb="6">
      <t>キロク</t>
    </rPh>
    <phoneticPr fontId="2"/>
  </si>
  <si>
    <t>個別機能訓練加算（Ⅱ）</t>
    <rPh sb="0" eb="2">
      <t>コベツ</t>
    </rPh>
    <rPh sb="2" eb="4">
      <t>キノウ</t>
    </rPh>
    <rPh sb="4" eb="6">
      <t>クンレン</t>
    </rPh>
    <rPh sb="6" eb="8">
      <t>カサン</t>
    </rPh>
    <phoneticPr fontId="2"/>
  </si>
  <si>
    <t>個別機能訓練加算（Ⅰ）イ又はロの基準に適合</t>
    <rPh sb="0" eb="2">
      <t>コベツ</t>
    </rPh>
    <rPh sb="2" eb="4">
      <t>キノウ</t>
    </rPh>
    <rPh sb="4" eb="6">
      <t>クンレン</t>
    </rPh>
    <rPh sb="6" eb="8">
      <t>カサン</t>
    </rPh>
    <rPh sb="12" eb="13">
      <t>マタ</t>
    </rPh>
    <rPh sb="16" eb="18">
      <t>キジュン</t>
    </rPh>
    <rPh sb="19" eb="21">
      <t>テキゴウ</t>
    </rPh>
    <phoneticPr fontId="23"/>
  </si>
  <si>
    <t>個別機能訓練計画書の内容等の情報を厚生労働省（LIFE)に提出し、機能訓練の実施に当たって、当該情報その他機能訓練の適切かつ有効な実施のために必要な情報を活用</t>
  </si>
  <si>
    <t xml:space="preserve">興味・関心チェックシート
生活機能チェックシート
個別機能訓練計画書
</t>
    <rPh sb="0" eb="2">
      <t>キョウミ</t>
    </rPh>
    <rPh sb="3" eb="5">
      <t>カンシン</t>
    </rPh>
    <rPh sb="13" eb="15">
      <t>セイカツ</t>
    </rPh>
    <rPh sb="15" eb="17">
      <t>キノウ</t>
    </rPh>
    <rPh sb="25" eb="27">
      <t>コベツ</t>
    </rPh>
    <rPh sb="27" eb="29">
      <t>キノウ</t>
    </rPh>
    <rPh sb="29" eb="31">
      <t>クンレン</t>
    </rPh>
    <rPh sb="31" eb="33">
      <t>ケイカク</t>
    </rPh>
    <rPh sb="33" eb="34">
      <t>ショ</t>
    </rPh>
    <phoneticPr fontId="2"/>
  </si>
  <si>
    <t>ＡＤＬ維持等加算（Ⅰ）</t>
    <rPh sb="3" eb="5">
      <t>イジ</t>
    </rPh>
    <rPh sb="5" eb="6">
      <t>トウ</t>
    </rPh>
    <rPh sb="6" eb="8">
      <t>カサン</t>
    </rPh>
    <phoneticPr fontId="2"/>
  </si>
  <si>
    <t>利用者（当該地域密着型通所介護事業所を６月以上利用しており、かつその利用期間において５時間以上の通所介護費の算定回数が５時間未満の算定回数を上回る者）の総数</t>
    <rPh sb="0" eb="3">
      <t>リヨウシャ</t>
    </rPh>
    <rPh sb="4" eb="6">
      <t>トウガイ</t>
    </rPh>
    <rPh sb="6" eb="11">
      <t>チイキミッチャクガタ</t>
    </rPh>
    <rPh sb="11" eb="13">
      <t>ツウショ</t>
    </rPh>
    <rPh sb="13" eb="15">
      <t>カイゴ</t>
    </rPh>
    <rPh sb="15" eb="18">
      <t>ジギョウショ</t>
    </rPh>
    <rPh sb="20" eb="21">
      <t>ツキ</t>
    </rPh>
    <rPh sb="21" eb="23">
      <t>イジョウ</t>
    </rPh>
    <rPh sb="23" eb="25">
      <t>リヨウ</t>
    </rPh>
    <rPh sb="34" eb="36">
      <t>リヨウ</t>
    </rPh>
    <rPh sb="36" eb="38">
      <t>キカン</t>
    </rPh>
    <rPh sb="43" eb="45">
      <t>ジカン</t>
    </rPh>
    <rPh sb="45" eb="47">
      <t>イジョウ</t>
    </rPh>
    <rPh sb="48" eb="50">
      <t>ツウショ</t>
    </rPh>
    <rPh sb="50" eb="52">
      <t>カイゴ</t>
    </rPh>
    <rPh sb="52" eb="53">
      <t>ヒ</t>
    </rPh>
    <rPh sb="54" eb="56">
      <t>サンテイ</t>
    </rPh>
    <rPh sb="56" eb="58">
      <t>カイスウ</t>
    </rPh>
    <rPh sb="60" eb="62">
      <t>ジカン</t>
    </rPh>
    <rPh sb="62" eb="64">
      <t>ミマン</t>
    </rPh>
    <rPh sb="65" eb="67">
      <t>サンテイ</t>
    </rPh>
    <rPh sb="67" eb="69">
      <t>カイスウ</t>
    </rPh>
    <rPh sb="70" eb="72">
      <t>ウワマワ</t>
    </rPh>
    <rPh sb="73" eb="74">
      <t>シャ</t>
    </rPh>
    <rPh sb="76" eb="78">
      <t>ソウスウ</t>
    </rPh>
    <phoneticPr fontId="2"/>
  </si>
  <si>
    <t>20人以上</t>
    <rPh sb="2" eb="3">
      <t>ニン</t>
    </rPh>
    <rPh sb="3" eb="5">
      <t>イジョウ</t>
    </rPh>
    <phoneticPr fontId="2"/>
  </si>
  <si>
    <t>利用者の総数のうち、評価対象利用期間の初月において、要介護状態区分が要介護３以上である者の占める割合</t>
    <rPh sb="0" eb="3">
      <t>リヨウシャ</t>
    </rPh>
    <rPh sb="4" eb="6">
      <t>ソウスウ</t>
    </rPh>
    <rPh sb="10" eb="12">
      <t>ヒョウカ</t>
    </rPh>
    <rPh sb="12" eb="14">
      <t>タイショウ</t>
    </rPh>
    <rPh sb="14" eb="16">
      <t>リヨウ</t>
    </rPh>
    <rPh sb="16" eb="18">
      <t>キカン</t>
    </rPh>
    <rPh sb="19" eb="21">
      <t>ショゲツ</t>
    </rPh>
    <rPh sb="26" eb="29">
      <t>ヨウカイゴ</t>
    </rPh>
    <rPh sb="29" eb="31">
      <t>ジョウタイ</t>
    </rPh>
    <rPh sb="31" eb="33">
      <t>クブン</t>
    </rPh>
    <rPh sb="34" eb="37">
      <t>ヨウカイゴ</t>
    </rPh>
    <rPh sb="38" eb="40">
      <t>イジョウ</t>
    </rPh>
    <rPh sb="43" eb="44">
      <t>シャ</t>
    </rPh>
    <rPh sb="45" eb="46">
      <t>シ</t>
    </rPh>
    <rPh sb="48" eb="50">
      <t>ワリアイ</t>
    </rPh>
    <phoneticPr fontId="2"/>
  </si>
  <si>
    <t>100分の15以上</t>
    <rPh sb="3" eb="4">
      <t>ブン</t>
    </rPh>
    <rPh sb="7" eb="9">
      <t>イジョウ</t>
    </rPh>
    <phoneticPr fontId="2"/>
  </si>
  <si>
    <t>利用者の総数のうち、評価対象利用開始月において、初回の要介護認定又は要支援認定があった月から起算して12月以内である者の占める割合</t>
    <rPh sb="0" eb="3">
      <t>リヨウシャ</t>
    </rPh>
    <rPh sb="4" eb="6">
      <t>ソウスウ</t>
    </rPh>
    <rPh sb="10" eb="12">
      <t>ヒョウカ</t>
    </rPh>
    <rPh sb="12" eb="14">
      <t>タイショウ</t>
    </rPh>
    <rPh sb="14" eb="16">
      <t>リヨウ</t>
    </rPh>
    <rPh sb="16" eb="19">
      <t>カイシヅキ</t>
    </rPh>
    <rPh sb="24" eb="26">
      <t>ショカイ</t>
    </rPh>
    <rPh sb="27" eb="30">
      <t>ヨウカイゴ</t>
    </rPh>
    <rPh sb="30" eb="32">
      <t>ニンテイ</t>
    </rPh>
    <rPh sb="32" eb="33">
      <t>マタ</t>
    </rPh>
    <rPh sb="34" eb="37">
      <t>ヨウシエン</t>
    </rPh>
    <rPh sb="37" eb="39">
      <t>ニンテイ</t>
    </rPh>
    <rPh sb="43" eb="44">
      <t>ツキ</t>
    </rPh>
    <rPh sb="46" eb="48">
      <t>キサン</t>
    </rPh>
    <rPh sb="52" eb="53">
      <t>ツキ</t>
    </rPh>
    <rPh sb="53" eb="55">
      <t>イナイ</t>
    </rPh>
    <rPh sb="58" eb="59">
      <t>シャ</t>
    </rPh>
    <rPh sb="60" eb="61">
      <t>シ</t>
    </rPh>
    <rPh sb="63" eb="65">
      <t>ワリアイ</t>
    </rPh>
    <phoneticPr fontId="2"/>
  </si>
  <si>
    <t>100分の15以下</t>
    <rPh sb="3" eb="4">
      <t>ブン</t>
    </rPh>
    <rPh sb="7" eb="9">
      <t>イカ</t>
    </rPh>
    <phoneticPr fontId="2"/>
  </si>
  <si>
    <t>利用者の総数のうち、評価対象利用開始月と、当該月から起算して６月目においてＡＤＬ値を測定し、測定した日が属する月ごとに厚生労働省に当該測定が提出されている者の占める割合</t>
    <rPh sb="0" eb="3">
      <t>リヨウシャ</t>
    </rPh>
    <rPh sb="4" eb="6">
      <t>ソウスウ</t>
    </rPh>
    <rPh sb="10" eb="12">
      <t>ヒョウカ</t>
    </rPh>
    <rPh sb="12" eb="14">
      <t>タイショウ</t>
    </rPh>
    <rPh sb="14" eb="16">
      <t>リヨウ</t>
    </rPh>
    <rPh sb="16" eb="19">
      <t>カイシヅキ</t>
    </rPh>
    <rPh sb="21" eb="23">
      <t>トウガイ</t>
    </rPh>
    <rPh sb="23" eb="24">
      <t>ツキ</t>
    </rPh>
    <rPh sb="26" eb="28">
      <t>キサン</t>
    </rPh>
    <rPh sb="31" eb="33">
      <t>ツキメ</t>
    </rPh>
    <rPh sb="40" eb="41">
      <t>アタイ</t>
    </rPh>
    <rPh sb="42" eb="44">
      <t>ソクテイ</t>
    </rPh>
    <phoneticPr fontId="2"/>
  </si>
  <si>
    <t>100分の90以上</t>
    <rPh sb="3" eb="4">
      <t>ブン</t>
    </rPh>
    <rPh sb="7" eb="9">
      <t>イジョウ</t>
    </rPh>
    <phoneticPr fontId="2"/>
  </si>
  <si>
    <t>ＡＤＬ利得が多い順に、提出者の総数の上位100分の85に相当する数の利用者について、次の利用者の区分に応じ、算出した値を合計して得た値
（１）ＡＤＬ利得が０より大きい利用者　１
（２）ＡＤＬ利得が０の利用者　０
（３）ＡＤＬ利得が０未満の利用者　－１</t>
    <rPh sb="3" eb="5">
      <t>リトク</t>
    </rPh>
    <rPh sb="6" eb="7">
      <t>オオ</t>
    </rPh>
    <rPh sb="8" eb="9">
      <t>ジュン</t>
    </rPh>
    <rPh sb="11" eb="14">
      <t>テイシュツシャ</t>
    </rPh>
    <rPh sb="15" eb="17">
      <t>ソウスウ</t>
    </rPh>
    <rPh sb="18" eb="20">
      <t>ジョウイ</t>
    </rPh>
    <rPh sb="23" eb="24">
      <t>ブン</t>
    </rPh>
    <rPh sb="28" eb="30">
      <t>ソウトウ</t>
    </rPh>
    <rPh sb="32" eb="33">
      <t>カズ</t>
    </rPh>
    <rPh sb="34" eb="37">
      <t>リヨウシャ</t>
    </rPh>
    <rPh sb="42" eb="43">
      <t>ツギ</t>
    </rPh>
    <rPh sb="44" eb="47">
      <t>リヨウシャ</t>
    </rPh>
    <rPh sb="48" eb="50">
      <t>クブン</t>
    </rPh>
    <rPh sb="51" eb="52">
      <t>オウ</t>
    </rPh>
    <rPh sb="54" eb="56">
      <t>サンシュツ</t>
    </rPh>
    <rPh sb="58" eb="59">
      <t>アタイ</t>
    </rPh>
    <rPh sb="60" eb="62">
      <t>ゴウケイ</t>
    </rPh>
    <rPh sb="64" eb="65">
      <t>エ</t>
    </rPh>
    <rPh sb="66" eb="67">
      <t>アタイ</t>
    </rPh>
    <rPh sb="74" eb="76">
      <t>リトク</t>
    </rPh>
    <rPh sb="80" eb="81">
      <t>オオ</t>
    </rPh>
    <rPh sb="83" eb="86">
      <t>リヨウシャ</t>
    </rPh>
    <rPh sb="95" eb="97">
      <t>リトク</t>
    </rPh>
    <rPh sb="100" eb="103">
      <t>リヨウシャ</t>
    </rPh>
    <rPh sb="112" eb="114">
      <t>リトク</t>
    </rPh>
    <rPh sb="116" eb="118">
      <t>ミマン</t>
    </rPh>
    <rPh sb="119" eb="122">
      <t>リヨウシャ</t>
    </rPh>
    <phoneticPr fontId="2"/>
  </si>
  <si>
    <t>０以上</t>
    <rPh sb="1" eb="3">
      <t>イジョウ</t>
    </rPh>
    <phoneticPr fontId="2"/>
  </si>
  <si>
    <t>ＡＤＬ維持等加算（Ⅱ）</t>
    <rPh sb="3" eb="5">
      <t>イジ</t>
    </rPh>
    <rPh sb="5" eb="6">
      <t>トウ</t>
    </rPh>
    <rPh sb="6" eb="8">
      <t>カサン</t>
    </rPh>
    <phoneticPr fontId="2"/>
  </si>
  <si>
    <t>当該地域密着型通所介護事業所の利用者について、算定日が属する月に当該利用者のＡＤＬ値を測定し、その結果を厚生労働省に提出</t>
    <rPh sb="0" eb="2">
      <t>トウガイ</t>
    </rPh>
    <rPh sb="2" eb="4">
      <t>チイキ</t>
    </rPh>
    <rPh sb="4" eb="7">
      <t>ミッチャクガタ</t>
    </rPh>
    <rPh sb="7" eb="9">
      <t>ツウショ</t>
    </rPh>
    <rPh sb="9" eb="11">
      <t>カイゴ</t>
    </rPh>
    <rPh sb="11" eb="14">
      <t>ジギョウショ</t>
    </rPh>
    <rPh sb="15" eb="18">
      <t>リヨウシャ</t>
    </rPh>
    <rPh sb="23" eb="25">
      <t>サンテイ</t>
    </rPh>
    <rPh sb="25" eb="26">
      <t>ビ</t>
    </rPh>
    <rPh sb="27" eb="28">
      <t>ゾク</t>
    </rPh>
    <rPh sb="30" eb="31">
      <t>ツキ</t>
    </rPh>
    <rPh sb="32" eb="34">
      <t>トウガイ</t>
    </rPh>
    <rPh sb="34" eb="37">
      <t>リヨウシャ</t>
    </rPh>
    <rPh sb="41" eb="42">
      <t>アタイ</t>
    </rPh>
    <rPh sb="43" eb="45">
      <t>ソクテイ</t>
    </rPh>
    <rPh sb="49" eb="51">
      <t>ケッカ</t>
    </rPh>
    <rPh sb="52" eb="54">
      <t>コウセイ</t>
    </rPh>
    <rPh sb="54" eb="57">
      <t>ロウドウショウ</t>
    </rPh>
    <rPh sb="58" eb="60">
      <t>テイシュツ</t>
    </rPh>
    <phoneticPr fontId="2"/>
  </si>
  <si>
    <t>実施</t>
    <rPh sb="0" eb="2">
      <t>ジッシ</t>
    </rPh>
    <phoneticPr fontId="2"/>
  </si>
  <si>
    <t>ＡＤＬ維持等加算（Ⅲ）</t>
    <rPh sb="3" eb="6">
      <t>イジトウ</t>
    </rPh>
    <rPh sb="6" eb="8">
      <t>カサン</t>
    </rPh>
    <phoneticPr fontId="2"/>
  </si>
  <si>
    <t>令和３年３月31 日において現に、令和３年度介護報酬改定による改正前のＡＤＬ維持等加算に係る届け出を行っている</t>
  </si>
  <si>
    <t>令和３年度介護報酬改定によるADL維持等加算（Ⅰ）又は（Ⅱ）の届出を行っていない</t>
    <rPh sb="0" eb="2">
      <t>レイワ</t>
    </rPh>
    <rPh sb="3" eb="4">
      <t>ネン</t>
    </rPh>
    <rPh sb="17" eb="19">
      <t>イジ</t>
    </rPh>
    <rPh sb="19" eb="20">
      <t>トウ</t>
    </rPh>
    <rPh sb="20" eb="22">
      <t>カサン</t>
    </rPh>
    <rPh sb="25" eb="26">
      <t>マタ</t>
    </rPh>
    <rPh sb="31" eb="33">
      <t>トドケデ</t>
    </rPh>
    <rPh sb="34" eb="35">
      <t>オコナ</t>
    </rPh>
    <phoneticPr fontId="23"/>
  </si>
  <si>
    <t>令和５年３月３１日までの措置である</t>
    <rPh sb="0" eb="2">
      <t>レイワ</t>
    </rPh>
    <rPh sb="3" eb="4">
      <t>ネン</t>
    </rPh>
    <rPh sb="5" eb="6">
      <t>ツキ</t>
    </rPh>
    <rPh sb="8" eb="9">
      <t>ヒ</t>
    </rPh>
    <rPh sb="12" eb="14">
      <t>ソチ</t>
    </rPh>
    <phoneticPr fontId="23"/>
  </si>
  <si>
    <t>認知症加算</t>
    <rPh sb="0" eb="3">
      <t>ニンチショウ</t>
    </rPh>
    <rPh sb="3" eb="5">
      <t>カサン</t>
    </rPh>
    <phoneticPr fontId="2"/>
  </si>
  <si>
    <t>指定地域密着型サービス基準第20条第１項第２号又は第３号に規定する員数に加え、看護職員又は介護職員を常勤換算方法で２以上確保している。</t>
    <rPh sb="0" eb="2">
      <t>シテイ</t>
    </rPh>
    <rPh sb="2" eb="4">
      <t>チイキ</t>
    </rPh>
    <rPh sb="4" eb="7">
      <t>ミッチャクガタ</t>
    </rPh>
    <rPh sb="11" eb="13">
      <t>キジュン</t>
    </rPh>
    <rPh sb="13" eb="14">
      <t>ダイ</t>
    </rPh>
    <rPh sb="16" eb="17">
      <t>ジョウ</t>
    </rPh>
    <rPh sb="17" eb="18">
      <t>ダイ</t>
    </rPh>
    <rPh sb="19" eb="20">
      <t>コウ</t>
    </rPh>
    <rPh sb="20" eb="21">
      <t>ダイ</t>
    </rPh>
    <rPh sb="22" eb="23">
      <t>ゴウ</t>
    </rPh>
    <rPh sb="23" eb="24">
      <t>マタ</t>
    </rPh>
    <rPh sb="25" eb="26">
      <t>ダイ</t>
    </rPh>
    <rPh sb="27" eb="28">
      <t>ゴウ</t>
    </rPh>
    <rPh sb="29" eb="31">
      <t>キテイ</t>
    </rPh>
    <rPh sb="33" eb="35">
      <t>インスウ</t>
    </rPh>
    <rPh sb="36" eb="37">
      <t>クワ</t>
    </rPh>
    <rPh sb="39" eb="41">
      <t>カンゴ</t>
    </rPh>
    <rPh sb="41" eb="43">
      <t>ショクイン</t>
    </rPh>
    <rPh sb="43" eb="44">
      <t>マタ</t>
    </rPh>
    <rPh sb="45" eb="47">
      <t>カイゴ</t>
    </rPh>
    <rPh sb="47" eb="49">
      <t>ショクイン</t>
    </rPh>
    <rPh sb="50" eb="52">
      <t>ジョウキン</t>
    </rPh>
    <rPh sb="52" eb="54">
      <t>カンサン</t>
    </rPh>
    <rPh sb="54" eb="56">
      <t>ホウホウ</t>
    </rPh>
    <rPh sb="58" eb="60">
      <t>イジョウ</t>
    </rPh>
    <rPh sb="60" eb="62">
      <t>カクホ</t>
    </rPh>
    <phoneticPr fontId="2"/>
  </si>
  <si>
    <t>指定地域密着型通所介護事業所における前年度又は算定日が属する月の前３月間の利用者の総数のうち、日常生活に支障を来すおそれのある症状又は行動が認められることから介護を必要とする認知症の者（日常生活自立度のランクⅢ、Ⅳ又はＭに該当する者）の占める割合が100分の20以上である。</t>
    <rPh sb="0" eb="2">
      <t>シテイ</t>
    </rPh>
    <rPh sb="2" eb="4">
      <t>チイキ</t>
    </rPh>
    <rPh sb="4" eb="7">
      <t>ミッチャクガタ</t>
    </rPh>
    <rPh sb="7" eb="9">
      <t>ツウショ</t>
    </rPh>
    <rPh sb="9" eb="11">
      <t>カイゴ</t>
    </rPh>
    <rPh sb="11" eb="14">
      <t>ジギョウショ</t>
    </rPh>
    <rPh sb="18" eb="21">
      <t>ゼンネンド</t>
    </rPh>
    <rPh sb="21" eb="22">
      <t>マタ</t>
    </rPh>
    <rPh sb="23" eb="25">
      <t>サンテイ</t>
    </rPh>
    <rPh sb="25" eb="26">
      <t>ビ</t>
    </rPh>
    <rPh sb="27" eb="28">
      <t>ゾク</t>
    </rPh>
    <rPh sb="30" eb="31">
      <t>ツキ</t>
    </rPh>
    <rPh sb="32" eb="33">
      <t>マエ</t>
    </rPh>
    <rPh sb="34" eb="35">
      <t>ツキ</t>
    </rPh>
    <rPh sb="35" eb="36">
      <t>アイダ</t>
    </rPh>
    <rPh sb="37" eb="40">
      <t>リヨウシャ</t>
    </rPh>
    <rPh sb="41" eb="43">
      <t>ソウスウ</t>
    </rPh>
    <rPh sb="47" eb="49">
      <t>ニチジョウ</t>
    </rPh>
    <rPh sb="49" eb="51">
      <t>セイカツ</t>
    </rPh>
    <rPh sb="52" eb="54">
      <t>シショウ</t>
    </rPh>
    <rPh sb="55" eb="56">
      <t>キタ</t>
    </rPh>
    <rPh sb="63" eb="65">
      <t>ショウジョウ</t>
    </rPh>
    <rPh sb="65" eb="66">
      <t>マタ</t>
    </rPh>
    <rPh sb="67" eb="69">
      <t>コウドウ</t>
    </rPh>
    <rPh sb="70" eb="71">
      <t>ミト</t>
    </rPh>
    <rPh sb="79" eb="81">
      <t>カイゴ</t>
    </rPh>
    <rPh sb="82" eb="84">
      <t>ヒツヨウ</t>
    </rPh>
    <rPh sb="87" eb="90">
      <t>ニンチショウ</t>
    </rPh>
    <rPh sb="91" eb="92">
      <t>モノ</t>
    </rPh>
    <rPh sb="93" eb="95">
      <t>ニチジョウ</t>
    </rPh>
    <rPh sb="95" eb="97">
      <t>セイカツ</t>
    </rPh>
    <rPh sb="97" eb="100">
      <t>ジリツド</t>
    </rPh>
    <rPh sb="107" eb="108">
      <t>マタ</t>
    </rPh>
    <rPh sb="111" eb="113">
      <t>ガイトウ</t>
    </rPh>
    <rPh sb="115" eb="116">
      <t>モノ</t>
    </rPh>
    <rPh sb="118" eb="119">
      <t>シ</t>
    </rPh>
    <rPh sb="121" eb="123">
      <t>ワリアイ</t>
    </rPh>
    <rPh sb="127" eb="128">
      <t>ブン</t>
    </rPh>
    <rPh sb="131" eb="133">
      <t>イジョウ</t>
    </rPh>
    <phoneticPr fontId="2"/>
  </si>
  <si>
    <t>２割以上</t>
    <rPh sb="1" eb="2">
      <t>ワリ</t>
    </rPh>
    <rPh sb="2" eb="4">
      <t>イジョウ</t>
    </rPh>
    <phoneticPr fontId="2"/>
  </si>
  <si>
    <t>・前年度（3月除く）の一月あたりの平均
・前3ヵ月で割合を出している場合は、毎月の割合を記録したもの。</t>
    <rPh sb="1" eb="4">
      <t>ゼンネンド</t>
    </rPh>
    <rPh sb="6" eb="7">
      <t>ガツ</t>
    </rPh>
    <rPh sb="7" eb="8">
      <t>ノゾ</t>
    </rPh>
    <rPh sb="11" eb="13">
      <t>ヒトツキ</t>
    </rPh>
    <rPh sb="17" eb="19">
      <t>ヘイキン</t>
    </rPh>
    <rPh sb="21" eb="22">
      <t>ゼン</t>
    </rPh>
    <rPh sb="24" eb="25">
      <t>ゲツ</t>
    </rPh>
    <rPh sb="26" eb="28">
      <t>ワリアイ</t>
    </rPh>
    <rPh sb="29" eb="30">
      <t>ダ</t>
    </rPh>
    <rPh sb="34" eb="36">
      <t>バアイ</t>
    </rPh>
    <rPh sb="38" eb="40">
      <t>マイツキ</t>
    </rPh>
    <rPh sb="41" eb="43">
      <t>ワリアイ</t>
    </rPh>
    <rPh sb="44" eb="46">
      <t>キロク</t>
    </rPh>
    <phoneticPr fontId="2"/>
  </si>
  <si>
    <t>指定地域密着型通所介護を行う時間帯を通じて、専ら当該指定地域密着型通所介護の提供に当たる認知症介護の指導に係る専門的な研修、認知症介護に係る専門的な研修又は認知症介護に係る実践的な研修等を修了した者（認知症介護指導者養成研修、認知症看護に係る適切な研修、認知症介護実践リーダー研修、認知症介護実践者研修の修了者）を１名以上配置している。</t>
    <rPh sb="0" eb="2">
      <t>シテイ</t>
    </rPh>
    <rPh sb="2" eb="4">
      <t>チイキ</t>
    </rPh>
    <rPh sb="4" eb="7">
      <t>ミッチャクガタ</t>
    </rPh>
    <rPh sb="7" eb="9">
      <t>ツウショ</t>
    </rPh>
    <rPh sb="9" eb="11">
      <t>カイゴ</t>
    </rPh>
    <rPh sb="12" eb="13">
      <t>オコナ</t>
    </rPh>
    <rPh sb="14" eb="17">
      <t>ジカンタイ</t>
    </rPh>
    <rPh sb="18" eb="19">
      <t>ツウ</t>
    </rPh>
    <rPh sb="22" eb="23">
      <t>モッパ</t>
    </rPh>
    <rPh sb="24" eb="26">
      <t>トウガイ</t>
    </rPh>
    <rPh sb="26" eb="28">
      <t>シテイ</t>
    </rPh>
    <rPh sb="28" eb="30">
      <t>チイキ</t>
    </rPh>
    <rPh sb="30" eb="33">
      <t>ミッチャクガタ</t>
    </rPh>
    <rPh sb="33" eb="35">
      <t>ツウショ</t>
    </rPh>
    <rPh sb="35" eb="37">
      <t>カイゴ</t>
    </rPh>
    <rPh sb="38" eb="40">
      <t>テイキョウ</t>
    </rPh>
    <rPh sb="41" eb="42">
      <t>ア</t>
    </rPh>
    <rPh sb="44" eb="47">
      <t>ニンチショウ</t>
    </rPh>
    <rPh sb="47" eb="49">
      <t>カイゴ</t>
    </rPh>
    <rPh sb="50" eb="52">
      <t>シドウ</t>
    </rPh>
    <rPh sb="53" eb="54">
      <t>カカ</t>
    </rPh>
    <rPh sb="55" eb="58">
      <t>センモンテキ</t>
    </rPh>
    <rPh sb="59" eb="61">
      <t>ケンシュウ</t>
    </rPh>
    <rPh sb="62" eb="65">
      <t>ニンチショウ</t>
    </rPh>
    <rPh sb="65" eb="67">
      <t>カイゴ</t>
    </rPh>
    <rPh sb="68" eb="69">
      <t>カカ</t>
    </rPh>
    <rPh sb="70" eb="73">
      <t>センモンテキ</t>
    </rPh>
    <rPh sb="74" eb="76">
      <t>ケンシュウ</t>
    </rPh>
    <rPh sb="76" eb="77">
      <t>マタ</t>
    </rPh>
    <rPh sb="78" eb="81">
      <t>ニンチショウ</t>
    </rPh>
    <rPh sb="81" eb="83">
      <t>カイゴ</t>
    </rPh>
    <rPh sb="84" eb="85">
      <t>カカ</t>
    </rPh>
    <rPh sb="86" eb="89">
      <t>ジッセンテキ</t>
    </rPh>
    <rPh sb="90" eb="93">
      <t>ケンシュウトウ</t>
    </rPh>
    <rPh sb="94" eb="96">
      <t>シュウリョウ</t>
    </rPh>
    <rPh sb="98" eb="99">
      <t>モノ</t>
    </rPh>
    <rPh sb="100" eb="103">
      <t>ニンチショウ</t>
    </rPh>
    <rPh sb="103" eb="105">
      <t>カイゴ</t>
    </rPh>
    <rPh sb="105" eb="108">
      <t>シドウシャ</t>
    </rPh>
    <rPh sb="108" eb="110">
      <t>ヨウセイ</t>
    </rPh>
    <rPh sb="110" eb="112">
      <t>ケンシュウ</t>
    </rPh>
    <rPh sb="113" eb="116">
      <t>ニンチショウ</t>
    </rPh>
    <rPh sb="116" eb="118">
      <t>カンゴ</t>
    </rPh>
    <rPh sb="119" eb="120">
      <t>カカ</t>
    </rPh>
    <rPh sb="121" eb="123">
      <t>テキセツ</t>
    </rPh>
    <rPh sb="124" eb="126">
      <t>ケンシュウ</t>
    </rPh>
    <rPh sb="127" eb="130">
      <t>ニンチショウ</t>
    </rPh>
    <rPh sb="130" eb="132">
      <t>カイゴ</t>
    </rPh>
    <rPh sb="132" eb="134">
      <t>ジッセン</t>
    </rPh>
    <rPh sb="138" eb="140">
      <t>ケンシュウ</t>
    </rPh>
    <rPh sb="141" eb="144">
      <t>ニンチショウ</t>
    </rPh>
    <rPh sb="144" eb="146">
      <t>カイゴ</t>
    </rPh>
    <rPh sb="146" eb="149">
      <t>ジッセンシャ</t>
    </rPh>
    <rPh sb="149" eb="151">
      <t>ケンシュウ</t>
    </rPh>
    <rPh sb="152" eb="155">
      <t>シュウリョウシャ</t>
    </rPh>
    <rPh sb="158" eb="159">
      <t>メイ</t>
    </rPh>
    <rPh sb="159" eb="161">
      <t>イジョウ</t>
    </rPh>
    <rPh sb="161" eb="163">
      <t>ハイチ</t>
    </rPh>
    <phoneticPr fontId="2"/>
  </si>
  <si>
    <t>配置</t>
    <rPh sb="0" eb="2">
      <t>ハイチ</t>
    </rPh>
    <phoneticPr fontId="2"/>
  </si>
  <si>
    <t>若年性認知症利用者受入加算</t>
    <rPh sb="0" eb="2">
      <t>ジャクネン</t>
    </rPh>
    <rPh sb="2" eb="3">
      <t>セイ</t>
    </rPh>
    <rPh sb="3" eb="6">
      <t>ニンチショウ</t>
    </rPh>
    <rPh sb="6" eb="9">
      <t>リヨウシャ</t>
    </rPh>
    <rPh sb="9" eb="11">
      <t>ウケイレ</t>
    </rPh>
    <rPh sb="11" eb="13">
      <t>カサン</t>
    </rPh>
    <phoneticPr fontId="2"/>
  </si>
  <si>
    <t xml:space="preserve">   あり</t>
    <phoneticPr fontId="2"/>
  </si>
  <si>
    <t>受け入れた若年性認知症利用者（初老期における認知症によって要介護者となった者）ごとに個別に担当者を定めている。</t>
    <rPh sb="0" eb="1">
      <t>ウ</t>
    </rPh>
    <rPh sb="2" eb="3">
      <t>イ</t>
    </rPh>
    <rPh sb="5" eb="8">
      <t>ジャクネンセイ</t>
    </rPh>
    <rPh sb="8" eb="11">
      <t>ニンチショウ</t>
    </rPh>
    <rPh sb="11" eb="14">
      <t>リヨウシャ</t>
    </rPh>
    <rPh sb="15" eb="18">
      <t>ショロウキ</t>
    </rPh>
    <rPh sb="22" eb="25">
      <t>ニンチショウ</t>
    </rPh>
    <rPh sb="29" eb="32">
      <t>ヨウカイゴ</t>
    </rPh>
    <rPh sb="32" eb="33">
      <t>シャ</t>
    </rPh>
    <rPh sb="37" eb="38">
      <t>モノ</t>
    </rPh>
    <rPh sb="42" eb="44">
      <t>コベツ</t>
    </rPh>
    <rPh sb="45" eb="48">
      <t>タントウシャ</t>
    </rPh>
    <rPh sb="49" eb="50">
      <t>サダ</t>
    </rPh>
    <phoneticPr fontId="2"/>
  </si>
  <si>
    <t>担当者がわかるもの</t>
    <rPh sb="0" eb="3">
      <t>タントウシャ</t>
    </rPh>
    <phoneticPr fontId="2"/>
  </si>
  <si>
    <t>担当者を中心に、当該利用者の特性やニーズに応じたサービス提供を行っている。</t>
    <rPh sb="0" eb="3">
      <t>タントウシャ</t>
    </rPh>
    <rPh sb="4" eb="6">
      <t>チュウシン</t>
    </rPh>
    <rPh sb="8" eb="10">
      <t>トウガイ</t>
    </rPh>
    <rPh sb="10" eb="13">
      <t>リヨウシャ</t>
    </rPh>
    <rPh sb="14" eb="16">
      <t>トクセイ</t>
    </rPh>
    <rPh sb="21" eb="22">
      <t>オウ</t>
    </rPh>
    <rPh sb="28" eb="30">
      <t>テイキョウ</t>
    </rPh>
    <rPh sb="31" eb="32">
      <t>オコナ</t>
    </rPh>
    <phoneticPr fontId="2"/>
  </si>
  <si>
    <t>個別記録</t>
    <rPh sb="0" eb="2">
      <t>コベツ</t>
    </rPh>
    <rPh sb="2" eb="4">
      <t>キロク</t>
    </rPh>
    <phoneticPr fontId="2"/>
  </si>
  <si>
    <t>栄養アセスメント加算</t>
    <rPh sb="0" eb="2">
      <t>エイヨウ</t>
    </rPh>
    <rPh sb="8" eb="10">
      <t>カサン</t>
    </rPh>
    <phoneticPr fontId="2"/>
  </si>
  <si>
    <t>当該事業所の従業者又は外部との連携により管理栄養士を１名以上配置</t>
    <phoneticPr fontId="2"/>
  </si>
  <si>
    <t>配置</t>
    <rPh sb="0" eb="2">
      <t>ハイチ</t>
    </rPh>
    <phoneticPr fontId="23"/>
  </si>
  <si>
    <t>・勤務表（当該事業所従業者）又は委託連携書（外部従業者）
・資格証</t>
    <rPh sb="1" eb="3">
      <t>キンム</t>
    </rPh>
    <rPh sb="3" eb="4">
      <t>ヒョウ</t>
    </rPh>
    <rPh sb="5" eb="7">
      <t>トウガイ</t>
    </rPh>
    <rPh sb="7" eb="9">
      <t>ジギョウ</t>
    </rPh>
    <rPh sb="9" eb="10">
      <t>ショ</t>
    </rPh>
    <rPh sb="10" eb="13">
      <t>ジュウギョウシャ</t>
    </rPh>
    <rPh sb="14" eb="15">
      <t>マタ</t>
    </rPh>
    <rPh sb="16" eb="18">
      <t>イタク</t>
    </rPh>
    <rPh sb="18" eb="20">
      <t>レンケイ</t>
    </rPh>
    <rPh sb="20" eb="21">
      <t>ショ</t>
    </rPh>
    <rPh sb="22" eb="24">
      <t>ガイブ</t>
    </rPh>
    <rPh sb="24" eb="27">
      <t>ジュウギョウシャ</t>
    </rPh>
    <rPh sb="30" eb="32">
      <t>シカク</t>
    </rPh>
    <rPh sb="32" eb="33">
      <t>ショウ</t>
    </rPh>
    <phoneticPr fontId="2"/>
  </si>
  <si>
    <t>利用者ごとに管理栄養士等（管理栄養士、看護職員、介護職員、生活相談員その他の職員）が共同で栄養アセスメントを3ヶ月に1回以上行い、利用者、家族に結果を説明し、相談等に対応</t>
    <rPh sb="0" eb="3">
      <t>リヨウシャ</t>
    </rPh>
    <rPh sb="6" eb="8">
      <t>カンリ</t>
    </rPh>
    <rPh sb="8" eb="11">
      <t>エイヨウシ</t>
    </rPh>
    <rPh sb="11" eb="12">
      <t>トウ</t>
    </rPh>
    <rPh sb="13" eb="15">
      <t>カンリ</t>
    </rPh>
    <rPh sb="15" eb="18">
      <t>エイヨウシ</t>
    </rPh>
    <rPh sb="19" eb="21">
      <t>カンゴ</t>
    </rPh>
    <rPh sb="21" eb="23">
      <t>ショクイン</t>
    </rPh>
    <rPh sb="24" eb="26">
      <t>カイゴ</t>
    </rPh>
    <rPh sb="26" eb="28">
      <t>ショクイン</t>
    </rPh>
    <rPh sb="29" eb="31">
      <t>セイカツ</t>
    </rPh>
    <rPh sb="31" eb="34">
      <t>ソウダンイン</t>
    </rPh>
    <rPh sb="36" eb="37">
      <t>タ</t>
    </rPh>
    <rPh sb="38" eb="40">
      <t>ショクイン</t>
    </rPh>
    <rPh sb="42" eb="44">
      <t>キョウドウ</t>
    </rPh>
    <rPh sb="45" eb="47">
      <t>エイヨウ</t>
    </rPh>
    <rPh sb="62" eb="63">
      <t>オコナ</t>
    </rPh>
    <rPh sb="65" eb="68">
      <t>リヨウシャ</t>
    </rPh>
    <rPh sb="69" eb="71">
      <t>カゾク</t>
    </rPh>
    <rPh sb="72" eb="74">
      <t>ケッカ</t>
    </rPh>
    <rPh sb="75" eb="77">
      <t>セツメイ</t>
    </rPh>
    <rPh sb="79" eb="81">
      <t>ソウダン</t>
    </rPh>
    <rPh sb="81" eb="82">
      <t>トウ</t>
    </rPh>
    <rPh sb="83" eb="85">
      <t>タイオウ</t>
    </rPh>
    <phoneticPr fontId="23"/>
  </si>
  <si>
    <t>実施</t>
    <rPh sb="0" eb="2">
      <t>ジッシ</t>
    </rPh>
    <phoneticPr fontId="23"/>
  </si>
  <si>
    <t>・共同でアセスメントを行っている記録
・利用者、家族に結果を説明相談を行った記録</t>
    <rPh sb="1" eb="3">
      <t>キョウドウ</t>
    </rPh>
    <rPh sb="11" eb="12">
      <t>オコナ</t>
    </rPh>
    <rPh sb="16" eb="18">
      <t>キロク</t>
    </rPh>
    <rPh sb="20" eb="23">
      <t>リヨウシャ</t>
    </rPh>
    <rPh sb="24" eb="26">
      <t>カゾク</t>
    </rPh>
    <rPh sb="27" eb="29">
      <t>ケッカ</t>
    </rPh>
    <rPh sb="30" eb="32">
      <t>セツメイ</t>
    </rPh>
    <rPh sb="32" eb="34">
      <t>ソウダン</t>
    </rPh>
    <rPh sb="35" eb="36">
      <t>オコナ</t>
    </rPh>
    <rPh sb="38" eb="40">
      <t>キロク</t>
    </rPh>
    <phoneticPr fontId="2"/>
  </si>
  <si>
    <t>定員、人員基準に適合</t>
    <rPh sb="0" eb="2">
      <t>テイイン</t>
    </rPh>
    <rPh sb="3" eb="5">
      <t>ジンイン</t>
    </rPh>
    <rPh sb="5" eb="7">
      <t>キジュン</t>
    </rPh>
    <rPh sb="8" eb="10">
      <t>テキゴウ</t>
    </rPh>
    <phoneticPr fontId="23"/>
  </si>
  <si>
    <t>利用者ごとの栄養状態等の情報を厚生労働省（LIFE）へ提出し、当該情報その他栄養管理の適切かつ有効な実施のために必要な情報を活用</t>
    <rPh sb="0" eb="3">
      <t>リヨウシャ</t>
    </rPh>
    <rPh sb="6" eb="8">
      <t>エイヨウ</t>
    </rPh>
    <rPh sb="8" eb="10">
      <t>ジョウタイ</t>
    </rPh>
    <rPh sb="10" eb="11">
      <t>トウ</t>
    </rPh>
    <rPh sb="12" eb="14">
      <t>ジョウホウ</t>
    </rPh>
    <rPh sb="15" eb="17">
      <t>コウセイ</t>
    </rPh>
    <rPh sb="17" eb="20">
      <t>ロウドウショウ</t>
    </rPh>
    <rPh sb="27" eb="29">
      <t>テイシュツ</t>
    </rPh>
    <phoneticPr fontId="23"/>
  </si>
  <si>
    <t>栄養スクリーニング・アセスメント・モニタリング</t>
    <rPh sb="0" eb="2">
      <t>エイヨウ</t>
    </rPh>
    <phoneticPr fontId="2"/>
  </si>
  <si>
    <t>栄養改善加算</t>
    <rPh sb="0" eb="2">
      <t>エイヨウ</t>
    </rPh>
    <rPh sb="2" eb="4">
      <t>カイゼン</t>
    </rPh>
    <rPh sb="4" eb="6">
      <t>カサン</t>
    </rPh>
    <phoneticPr fontId="2"/>
  </si>
  <si>
    <t>当該事業所の従業者として又は外部との連携により管理栄養士を１名以上配置</t>
    <rPh sb="0" eb="2">
      <t>トウガイ</t>
    </rPh>
    <rPh sb="2" eb="5">
      <t>ジギョウショ</t>
    </rPh>
    <rPh sb="6" eb="9">
      <t>ジュウギョウシャ</t>
    </rPh>
    <rPh sb="12" eb="13">
      <t>マタ</t>
    </rPh>
    <rPh sb="14" eb="16">
      <t>ガイブ</t>
    </rPh>
    <rPh sb="18" eb="20">
      <t>レンケイ</t>
    </rPh>
    <rPh sb="23" eb="25">
      <t>カンリ</t>
    </rPh>
    <rPh sb="25" eb="28">
      <t>エイヨウシ</t>
    </rPh>
    <rPh sb="30" eb="31">
      <t>ナ</t>
    </rPh>
    <rPh sb="31" eb="35">
      <t>イジョウハイチ</t>
    </rPh>
    <phoneticPr fontId="2"/>
  </si>
  <si>
    <t>管理栄養士、看護・介護職員、生活相談員その他の職種の者が共同して利用者ごとの摂食・嚥下機能及び食形態に配慮した栄養ケア計画の作成</t>
    <rPh sb="0" eb="2">
      <t>カンリ</t>
    </rPh>
    <rPh sb="2" eb="5">
      <t>エイヨウシ</t>
    </rPh>
    <rPh sb="6" eb="8">
      <t>カンゴ</t>
    </rPh>
    <rPh sb="9" eb="11">
      <t>カイゴ</t>
    </rPh>
    <rPh sb="11" eb="13">
      <t>ショクイン</t>
    </rPh>
    <rPh sb="28" eb="30">
      <t>キョウドウ</t>
    </rPh>
    <rPh sb="55" eb="57">
      <t>エイヨウ</t>
    </rPh>
    <rPh sb="59" eb="61">
      <t>ケイカク</t>
    </rPh>
    <rPh sb="62" eb="64">
      <t>サクセイ</t>
    </rPh>
    <phoneticPr fontId="2"/>
  </si>
  <si>
    <t>あり</t>
    <phoneticPr fontId="2"/>
  </si>
  <si>
    <t>栄養ケア計画</t>
    <rPh sb="0" eb="2">
      <t>エイヨウ</t>
    </rPh>
    <rPh sb="4" eb="6">
      <t>ケイカク</t>
    </rPh>
    <phoneticPr fontId="2"/>
  </si>
  <si>
    <t>利用者等に対する計画の説明及び同意の有無</t>
    <rPh sb="0" eb="3">
      <t>リヨウシャ</t>
    </rPh>
    <rPh sb="3" eb="4">
      <t>トウ</t>
    </rPh>
    <rPh sb="5" eb="6">
      <t>タイ</t>
    </rPh>
    <rPh sb="8" eb="10">
      <t>ケイカク</t>
    </rPh>
    <rPh sb="11" eb="13">
      <t>セツメイ</t>
    </rPh>
    <rPh sb="13" eb="14">
      <t>オヨ</t>
    </rPh>
    <rPh sb="15" eb="17">
      <t>ドウイ</t>
    </rPh>
    <rPh sb="18" eb="20">
      <t>ウム</t>
    </rPh>
    <phoneticPr fontId="2"/>
  </si>
  <si>
    <t>あり</t>
    <phoneticPr fontId="2"/>
  </si>
  <si>
    <t>同意書や同意がわかる記録</t>
    <rPh sb="0" eb="3">
      <t>ドウイショ</t>
    </rPh>
    <rPh sb="4" eb="6">
      <t>ドウイ</t>
    </rPh>
    <rPh sb="10" eb="12">
      <t>キロク</t>
    </rPh>
    <phoneticPr fontId="2"/>
  </si>
  <si>
    <t>栄養計画に従い、管理栄養士等が（必要に応じて居宅を訪問し）栄養改善サービスの提供、栄養状態等の記録</t>
    <rPh sb="0" eb="2">
      <t>エイヨウ</t>
    </rPh>
    <rPh sb="2" eb="4">
      <t>ケイカク</t>
    </rPh>
    <rPh sb="29" eb="31">
      <t>エイヨウ</t>
    </rPh>
    <rPh sb="31" eb="33">
      <t>カイゼン</t>
    </rPh>
    <rPh sb="38" eb="40">
      <t>テイキョウ</t>
    </rPh>
    <rPh sb="41" eb="43">
      <t>エイヨウ</t>
    </rPh>
    <rPh sb="43" eb="45">
      <t>ジョウタイ</t>
    </rPh>
    <rPh sb="45" eb="46">
      <t>トウ</t>
    </rPh>
    <rPh sb="47" eb="49">
      <t>キロク</t>
    </rPh>
    <phoneticPr fontId="2"/>
  </si>
  <si>
    <t xml:space="preserve">栄養ケア提供経過記録
</t>
    <rPh sb="0" eb="2">
      <t>エイヨウ</t>
    </rPh>
    <rPh sb="4" eb="6">
      <t>テイキョウ</t>
    </rPh>
    <rPh sb="6" eb="8">
      <t>ケイカ</t>
    </rPh>
    <rPh sb="8" eb="10">
      <t>キロク</t>
    </rPh>
    <phoneticPr fontId="2"/>
  </si>
  <si>
    <t>栄養ケア計画の評価、介護支援専門員や主治の医師に対する情報提供</t>
    <rPh sb="0" eb="2">
      <t>エイヨウ</t>
    </rPh>
    <rPh sb="4" eb="6">
      <t>ケイカク</t>
    </rPh>
    <rPh sb="7" eb="9">
      <t>ヒョウカ</t>
    </rPh>
    <rPh sb="24" eb="25">
      <t>タイ</t>
    </rPh>
    <rPh sb="27" eb="29">
      <t>ジョウホウ</t>
    </rPh>
    <rPh sb="29" eb="31">
      <t>テイキョウ</t>
    </rPh>
    <phoneticPr fontId="2"/>
  </si>
  <si>
    <t>３月ごとに実施</t>
    <rPh sb="1" eb="2">
      <t>ツキ</t>
    </rPh>
    <rPh sb="5" eb="7">
      <t>ジッシ</t>
    </rPh>
    <phoneticPr fontId="2"/>
  </si>
  <si>
    <t xml:space="preserve">栄養ケアモニタリング
</t>
    <rPh sb="0" eb="2">
      <t>エイヨウ</t>
    </rPh>
    <phoneticPr fontId="2"/>
  </si>
  <si>
    <t>定員、人員基準に適合</t>
    <rPh sb="0" eb="2">
      <t>テイイン</t>
    </rPh>
    <rPh sb="3" eb="5">
      <t>ジンイン</t>
    </rPh>
    <rPh sb="5" eb="7">
      <t>キジュン</t>
    </rPh>
    <rPh sb="8" eb="10">
      <t>テキゴウ</t>
    </rPh>
    <phoneticPr fontId="2"/>
  </si>
  <si>
    <t>月の算定回数</t>
    <rPh sb="0" eb="1">
      <t>ツキ</t>
    </rPh>
    <rPh sb="2" eb="4">
      <t>サンテイ</t>
    </rPh>
    <rPh sb="4" eb="6">
      <t>カイスウ</t>
    </rPh>
    <phoneticPr fontId="2"/>
  </si>
  <si>
    <t>２回以下</t>
    <rPh sb="1" eb="2">
      <t>カイ</t>
    </rPh>
    <rPh sb="2" eb="4">
      <t>イカ</t>
    </rPh>
    <phoneticPr fontId="2"/>
  </si>
  <si>
    <t>サービス提供記録および提供票等</t>
    <rPh sb="4" eb="6">
      <t>テイキョウ</t>
    </rPh>
    <rPh sb="6" eb="8">
      <t>キロク</t>
    </rPh>
    <rPh sb="11" eb="13">
      <t>テイキョウ</t>
    </rPh>
    <rPh sb="13" eb="14">
      <t>ヒョウ</t>
    </rPh>
    <rPh sb="14" eb="15">
      <t>ナド</t>
    </rPh>
    <phoneticPr fontId="2"/>
  </si>
  <si>
    <t>口腔・栄養スクリーニング加算（Ⅰ）</t>
    <phoneticPr fontId="2"/>
  </si>
  <si>
    <t xml:space="preserve">   あり</t>
    <phoneticPr fontId="2"/>
  </si>
  <si>
    <t>利用開始時および利用中６月ごとに利用者の口腔の健康状態及び栄養状態について確認し情報を担当の介護支援専門員に提供</t>
    <rPh sb="0" eb="2">
      <t>リヨウ</t>
    </rPh>
    <rPh sb="2" eb="5">
      <t>カイシジ</t>
    </rPh>
    <rPh sb="8" eb="11">
      <t>リヨウチュウ</t>
    </rPh>
    <rPh sb="12" eb="13">
      <t>ツキ</t>
    </rPh>
    <rPh sb="16" eb="19">
      <t>リヨウシャ</t>
    </rPh>
    <rPh sb="20" eb="22">
      <t>コウクウ</t>
    </rPh>
    <rPh sb="23" eb="25">
      <t>ケンコウ</t>
    </rPh>
    <rPh sb="25" eb="27">
      <t>ジョウタイ</t>
    </rPh>
    <rPh sb="27" eb="28">
      <t>オヨ</t>
    </rPh>
    <rPh sb="29" eb="31">
      <t>エイヨウ</t>
    </rPh>
    <rPh sb="31" eb="33">
      <t>ジョウタイ</t>
    </rPh>
    <rPh sb="37" eb="39">
      <t>カクニン</t>
    </rPh>
    <rPh sb="40" eb="42">
      <t>ジョウホウ</t>
    </rPh>
    <rPh sb="43" eb="45">
      <t>タントウ</t>
    </rPh>
    <rPh sb="46" eb="48">
      <t>カイゴ</t>
    </rPh>
    <rPh sb="48" eb="50">
      <t>シエン</t>
    </rPh>
    <rPh sb="50" eb="53">
      <t>センモンイン</t>
    </rPh>
    <rPh sb="54" eb="56">
      <t>テイキョウ</t>
    </rPh>
    <phoneticPr fontId="23"/>
  </si>
  <si>
    <t>・口腔、栄養状態を確認した記録
・介護支援専門員に情報を提供した記録</t>
    <rPh sb="1" eb="3">
      <t>コウクウ</t>
    </rPh>
    <rPh sb="4" eb="6">
      <t>エイヨウ</t>
    </rPh>
    <rPh sb="6" eb="8">
      <t>ジョウタイ</t>
    </rPh>
    <rPh sb="9" eb="11">
      <t>カクニン</t>
    </rPh>
    <rPh sb="13" eb="15">
      <t>キロク</t>
    </rPh>
    <rPh sb="17" eb="19">
      <t>カイゴ</t>
    </rPh>
    <rPh sb="19" eb="21">
      <t>シエン</t>
    </rPh>
    <rPh sb="21" eb="24">
      <t>センモンイン</t>
    </rPh>
    <rPh sb="25" eb="27">
      <t>ジョウホウ</t>
    </rPh>
    <rPh sb="28" eb="30">
      <t>テイキョウ</t>
    </rPh>
    <rPh sb="32" eb="34">
      <t>キロク</t>
    </rPh>
    <phoneticPr fontId="2"/>
  </si>
  <si>
    <t>勤務表、業務日誌等</t>
    <rPh sb="0" eb="2">
      <t>キンム</t>
    </rPh>
    <phoneticPr fontId="2"/>
  </si>
  <si>
    <t>栄養アセスメント加算を算定している又は当該利用者が栄養改善加算の算定に係る栄養改善サービスを受けている間である若しくは当該栄養改善サービスが終了した日の属する月</t>
  </si>
  <si>
    <t>非該当</t>
    <rPh sb="0" eb="1">
      <t>ヒ</t>
    </rPh>
    <rPh sb="1" eb="3">
      <t>ガイトウ</t>
    </rPh>
    <phoneticPr fontId="23"/>
  </si>
  <si>
    <t>利用提供票
（栄養改善サービスを受けている場合栄養ケア提供経過記録）</t>
    <rPh sb="0" eb="2">
      <t>リヨウ</t>
    </rPh>
    <rPh sb="2" eb="4">
      <t>テイキョウ</t>
    </rPh>
    <rPh sb="4" eb="5">
      <t>ヒョウ</t>
    </rPh>
    <rPh sb="7" eb="9">
      <t>エイヨウ</t>
    </rPh>
    <rPh sb="9" eb="11">
      <t>カイゼン</t>
    </rPh>
    <rPh sb="16" eb="17">
      <t>ウ</t>
    </rPh>
    <rPh sb="21" eb="23">
      <t>バアイ</t>
    </rPh>
    <phoneticPr fontId="2"/>
  </si>
  <si>
    <t>口腔機能向上加算の算定に係る口腔機能向上サービスを受けている間である又は当該口腔機能向上サービスが終了した日の属する月</t>
  </si>
  <si>
    <t>利用提供票</t>
    <rPh sb="0" eb="2">
      <t>リヨウ</t>
    </rPh>
    <rPh sb="2" eb="4">
      <t>テイキョウ</t>
    </rPh>
    <rPh sb="4" eb="5">
      <t>ヒョウ</t>
    </rPh>
    <phoneticPr fontId="2"/>
  </si>
  <si>
    <t>口腔・栄養スクリーニング加算（Ⅱ）</t>
    <phoneticPr fontId="2"/>
  </si>
  <si>
    <t>（１）（２）のいずれかに適合する</t>
    <rPh sb="12" eb="14">
      <t>テキゴウ</t>
    </rPh>
    <phoneticPr fontId="2"/>
  </si>
  <si>
    <t>（１）いずれも適合
利用開始時および利用中６月ごとに利用者の口腔の健康状態について確認し情報を担当の介護支援専門員に提供</t>
    <rPh sb="7" eb="9">
      <t>テキゴウ</t>
    </rPh>
    <rPh sb="10" eb="12">
      <t>リヨウ</t>
    </rPh>
    <rPh sb="12" eb="15">
      <t>カイシジ</t>
    </rPh>
    <rPh sb="18" eb="21">
      <t>リヨウチュウ</t>
    </rPh>
    <rPh sb="22" eb="23">
      <t>ツキ</t>
    </rPh>
    <rPh sb="26" eb="29">
      <t>リヨウシャ</t>
    </rPh>
    <rPh sb="30" eb="32">
      <t>コウクウ</t>
    </rPh>
    <rPh sb="33" eb="35">
      <t>ケンコウ</t>
    </rPh>
    <rPh sb="35" eb="37">
      <t>ジョウタイ</t>
    </rPh>
    <rPh sb="41" eb="43">
      <t>カクニン</t>
    </rPh>
    <rPh sb="44" eb="46">
      <t>ジョウホウ</t>
    </rPh>
    <rPh sb="47" eb="49">
      <t>タントウ</t>
    </rPh>
    <rPh sb="50" eb="52">
      <t>カイゴ</t>
    </rPh>
    <rPh sb="52" eb="54">
      <t>シエン</t>
    </rPh>
    <rPh sb="54" eb="57">
      <t>センモンイン</t>
    </rPh>
    <rPh sb="58" eb="60">
      <t>テイキョウ</t>
    </rPh>
    <phoneticPr fontId="23"/>
  </si>
  <si>
    <t>・利用提供票
・口腔機能サービスを受けている提供経過記録</t>
    <rPh sb="1" eb="3">
      <t>リヨウ</t>
    </rPh>
    <rPh sb="3" eb="5">
      <t>テイキョウ</t>
    </rPh>
    <rPh sb="5" eb="6">
      <t>ヒョウ</t>
    </rPh>
    <rPh sb="8" eb="10">
      <t>コウクウ</t>
    </rPh>
    <rPh sb="10" eb="12">
      <t>キノウ</t>
    </rPh>
    <rPh sb="17" eb="18">
      <t>ウ</t>
    </rPh>
    <rPh sb="22" eb="24">
      <t>テイキョウ</t>
    </rPh>
    <phoneticPr fontId="2"/>
  </si>
  <si>
    <t>（２）いずれも適合
利用開始時および利用中６月ごとに利用者の栄養状態について確認し情報を担当の介護支援専門員に提供</t>
    <rPh sb="7" eb="9">
      <t>テキゴウ</t>
    </rPh>
    <rPh sb="10" eb="12">
      <t>リヨウ</t>
    </rPh>
    <rPh sb="12" eb="15">
      <t>カイシジ</t>
    </rPh>
    <rPh sb="18" eb="21">
      <t>リヨウチュウ</t>
    </rPh>
    <rPh sb="22" eb="23">
      <t>ツキ</t>
    </rPh>
    <rPh sb="26" eb="29">
      <t>リヨウシャ</t>
    </rPh>
    <rPh sb="30" eb="32">
      <t>エイヨウ</t>
    </rPh>
    <rPh sb="32" eb="34">
      <t>ジョウタイ</t>
    </rPh>
    <rPh sb="38" eb="40">
      <t>カクニン</t>
    </rPh>
    <rPh sb="41" eb="43">
      <t>ジョウホウ</t>
    </rPh>
    <rPh sb="44" eb="46">
      <t>タントウ</t>
    </rPh>
    <rPh sb="47" eb="49">
      <t>カイゴ</t>
    </rPh>
    <rPh sb="49" eb="51">
      <t>シエン</t>
    </rPh>
    <rPh sb="51" eb="54">
      <t>センモンイン</t>
    </rPh>
    <rPh sb="55" eb="57">
      <t>テイキョウ</t>
    </rPh>
    <phoneticPr fontId="23"/>
  </si>
  <si>
    <t>栄養状態を確認した記録</t>
    <rPh sb="0" eb="2">
      <t>エイヨウ</t>
    </rPh>
    <rPh sb="2" eb="4">
      <t>ジョウタイ</t>
    </rPh>
    <rPh sb="5" eb="7">
      <t>カクニン</t>
    </rPh>
    <rPh sb="9" eb="11">
      <t>キロク</t>
    </rPh>
    <phoneticPr fontId="2"/>
  </si>
  <si>
    <t>口腔機能向上加算（Ⅰ）</t>
    <rPh sb="0" eb="2">
      <t>コウクウ</t>
    </rPh>
    <rPh sb="2" eb="4">
      <t>キノウ</t>
    </rPh>
    <rPh sb="4" eb="6">
      <t>コウジョウ</t>
    </rPh>
    <rPh sb="6" eb="8">
      <t>カサン</t>
    </rPh>
    <phoneticPr fontId="2"/>
  </si>
  <si>
    <t>言語聴覚士、歯科衛生士、看護職員を１名以上配置</t>
    <rPh sb="0" eb="2">
      <t>ゲンゴ</t>
    </rPh>
    <rPh sb="2" eb="5">
      <t>チョウカクシ</t>
    </rPh>
    <rPh sb="6" eb="8">
      <t>シカ</t>
    </rPh>
    <rPh sb="8" eb="11">
      <t>エイセイシ</t>
    </rPh>
    <rPh sb="12" eb="14">
      <t>カンゴ</t>
    </rPh>
    <rPh sb="14" eb="16">
      <t>ショクイン</t>
    </rPh>
    <rPh sb="18" eb="19">
      <t>ナ</t>
    </rPh>
    <rPh sb="19" eb="23">
      <t>イジョウハイチ</t>
    </rPh>
    <phoneticPr fontId="2"/>
  </si>
  <si>
    <t>言語聴覚士、歯科衛生士、看護・介護職員等による口腔機能改善管理指導計画の作成</t>
    <rPh sb="0" eb="2">
      <t>ゲンゴ</t>
    </rPh>
    <rPh sb="2" eb="5">
      <t>チョウカクシ</t>
    </rPh>
    <rPh sb="6" eb="8">
      <t>シカ</t>
    </rPh>
    <rPh sb="8" eb="11">
      <t>エイセイシ</t>
    </rPh>
    <rPh sb="12" eb="14">
      <t>カンゴ</t>
    </rPh>
    <rPh sb="15" eb="17">
      <t>カイゴ</t>
    </rPh>
    <rPh sb="17" eb="19">
      <t>ショクイン</t>
    </rPh>
    <rPh sb="19" eb="20">
      <t>トウ</t>
    </rPh>
    <rPh sb="23" eb="25">
      <t>コウクウ</t>
    </rPh>
    <rPh sb="25" eb="27">
      <t>キノウ</t>
    </rPh>
    <rPh sb="27" eb="29">
      <t>カイゼン</t>
    </rPh>
    <rPh sb="29" eb="31">
      <t>カンリ</t>
    </rPh>
    <rPh sb="31" eb="33">
      <t>シドウ</t>
    </rPh>
    <rPh sb="33" eb="35">
      <t>ケイカク</t>
    </rPh>
    <rPh sb="36" eb="38">
      <t>サクセイ</t>
    </rPh>
    <phoneticPr fontId="2"/>
  </si>
  <si>
    <t>なし</t>
    <phoneticPr fontId="2"/>
  </si>
  <si>
    <t>口腔機能改善管理指導計画・管理指導計画</t>
    <rPh sb="0" eb="2">
      <t>コウクウ</t>
    </rPh>
    <rPh sb="2" eb="4">
      <t>キノウ</t>
    </rPh>
    <rPh sb="4" eb="6">
      <t>カイゼン</t>
    </rPh>
    <rPh sb="6" eb="8">
      <t>カンリ</t>
    </rPh>
    <rPh sb="8" eb="10">
      <t>シドウ</t>
    </rPh>
    <rPh sb="10" eb="12">
      <t>ケイカク</t>
    </rPh>
    <rPh sb="13" eb="15">
      <t>カンリ</t>
    </rPh>
    <rPh sb="15" eb="17">
      <t>シドウ</t>
    </rPh>
    <rPh sb="17" eb="19">
      <t>ケイカク</t>
    </rPh>
    <phoneticPr fontId="2"/>
  </si>
  <si>
    <t>医療における対応の必要性の有無</t>
    <rPh sb="0" eb="2">
      <t>イリョウ</t>
    </rPh>
    <rPh sb="6" eb="8">
      <t>タイオウ</t>
    </rPh>
    <rPh sb="9" eb="12">
      <t>ヒツヨウセイ</t>
    </rPh>
    <rPh sb="13" eb="15">
      <t>ウム</t>
    </rPh>
    <phoneticPr fontId="2"/>
  </si>
  <si>
    <t>あり</t>
    <phoneticPr fontId="2"/>
  </si>
  <si>
    <t>計画に基づく言語聴覚士、歯科衛生士又は看護職員による口腔機能向上サービスの提供、定期的な記録作成</t>
    <rPh sb="0" eb="2">
      <t>ケイカク</t>
    </rPh>
    <rPh sb="3" eb="4">
      <t>モト</t>
    </rPh>
    <rPh sb="6" eb="8">
      <t>ゲンゴ</t>
    </rPh>
    <rPh sb="8" eb="11">
      <t>チョウカクシ</t>
    </rPh>
    <rPh sb="12" eb="14">
      <t>シカ</t>
    </rPh>
    <rPh sb="14" eb="17">
      <t>エイセイシ</t>
    </rPh>
    <rPh sb="17" eb="18">
      <t>マタ</t>
    </rPh>
    <rPh sb="19" eb="21">
      <t>カンゴ</t>
    </rPh>
    <rPh sb="21" eb="23">
      <t>ショクイン</t>
    </rPh>
    <rPh sb="26" eb="28">
      <t>コウクウ</t>
    </rPh>
    <rPh sb="28" eb="30">
      <t>キノウ</t>
    </rPh>
    <rPh sb="30" eb="32">
      <t>コウジョウ</t>
    </rPh>
    <rPh sb="37" eb="39">
      <t>テイキョウ</t>
    </rPh>
    <rPh sb="40" eb="43">
      <t>テイキテキ</t>
    </rPh>
    <rPh sb="44" eb="46">
      <t>キロク</t>
    </rPh>
    <rPh sb="46" eb="48">
      <t>サクセイ</t>
    </rPh>
    <phoneticPr fontId="2"/>
  </si>
  <si>
    <t xml:space="preserve">・口腔機能改善管理指導計画・管理指導計画
・サービス提供した記録
</t>
    <rPh sb="1" eb="3">
      <t>コウクウ</t>
    </rPh>
    <rPh sb="3" eb="5">
      <t>キノウ</t>
    </rPh>
    <rPh sb="5" eb="7">
      <t>カイゼン</t>
    </rPh>
    <rPh sb="7" eb="9">
      <t>カンリ</t>
    </rPh>
    <rPh sb="9" eb="11">
      <t>シドウ</t>
    </rPh>
    <rPh sb="11" eb="13">
      <t>ケイカク</t>
    </rPh>
    <rPh sb="14" eb="16">
      <t>カンリ</t>
    </rPh>
    <rPh sb="16" eb="18">
      <t>シドウ</t>
    </rPh>
    <rPh sb="18" eb="20">
      <t>ケイカク</t>
    </rPh>
    <rPh sb="26" eb="28">
      <t>テイキョウ</t>
    </rPh>
    <rPh sb="30" eb="32">
      <t>キロク</t>
    </rPh>
    <phoneticPr fontId="2"/>
  </si>
  <si>
    <t>利用者毎の計画の進捗状況を定期的に評価、ケアマネ等への情報提供</t>
    <rPh sb="0" eb="3">
      <t>リヨウシャ</t>
    </rPh>
    <rPh sb="3" eb="4">
      <t>ゴト</t>
    </rPh>
    <rPh sb="5" eb="7">
      <t>ケイカク</t>
    </rPh>
    <rPh sb="8" eb="10">
      <t>シンチョク</t>
    </rPh>
    <rPh sb="10" eb="12">
      <t>ジョウキョウ</t>
    </rPh>
    <rPh sb="13" eb="16">
      <t>テイキテキ</t>
    </rPh>
    <rPh sb="17" eb="19">
      <t>ヒョウカ</t>
    </rPh>
    <rPh sb="24" eb="25">
      <t>トウ</t>
    </rPh>
    <rPh sb="27" eb="29">
      <t>ジョウホウ</t>
    </rPh>
    <rPh sb="29" eb="31">
      <t>テイキョウ</t>
    </rPh>
    <phoneticPr fontId="2"/>
  </si>
  <si>
    <t>口腔機能向上サービスのモニタリング</t>
    <rPh sb="0" eb="2">
      <t>コウクウ</t>
    </rPh>
    <rPh sb="2" eb="4">
      <t>キノウ</t>
    </rPh>
    <rPh sb="4" eb="6">
      <t>コウジョウ</t>
    </rPh>
    <phoneticPr fontId="2"/>
  </si>
  <si>
    <t>サービス提供記録および提供票等</t>
    <phoneticPr fontId="2"/>
  </si>
  <si>
    <t>口腔機能向上加算（Ⅱ）</t>
    <rPh sb="0" eb="2">
      <t>コウクウ</t>
    </rPh>
    <rPh sb="2" eb="4">
      <t>キノウ</t>
    </rPh>
    <rPh sb="4" eb="6">
      <t>コウジョウ</t>
    </rPh>
    <rPh sb="6" eb="8">
      <t>カサン</t>
    </rPh>
    <phoneticPr fontId="2"/>
  </si>
  <si>
    <t>言語聴覚士、歯科衛生士又は看護職員を１名以上配置</t>
    <rPh sb="0" eb="2">
      <t>ゲンゴ</t>
    </rPh>
    <rPh sb="2" eb="5">
      <t>チョウカクシ</t>
    </rPh>
    <rPh sb="6" eb="8">
      <t>シカ</t>
    </rPh>
    <rPh sb="8" eb="11">
      <t>エイセイシ</t>
    </rPh>
    <rPh sb="11" eb="12">
      <t>マタ</t>
    </rPh>
    <rPh sb="13" eb="15">
      <t>カンゴ</t>
    </rPh>
    <rPh sb="15" eb="17">
      <t>ショクイン</t>
    </rPh>
    <rPh sb="19" eb="20">
      <t>ナ</t>
    </rPh>
    <rPh sb="20" eb="24">
      <t>イジョウハイチ</t>
    </rPh>
    <phoneticPr fontId="2"/>
  </si>
  <si>
    <t>あり</t>
  </si>
  <si>
    <t>・口腔機能改善管理指導計画・管理指導
・サービス提供した記録
・利用者の口腔機能を記録したもの</t>
    <rPh sb="1" eb="3">
      <t>コウクウ</t>
    </rPh>
    <rPh sb="3" eb="5">
      <t>キノウ</t>
    </rPh>
    <rPh sb="5" eb="7">
      <t>カイゼン</t>
    </rPh>
    <rPh sb="7" eb="9">
      <t>カンリ</t>
    </rPh>
    <rPh sb="9" eb="11">
      <t>シドウ</t>
    </rPh>
    <rPh sb="11" eb="13">
      <t>ケイカク</t>
    </rPh>
    <rPh sb="14" eb="16">
      <t>カンリ</t>
    </rPh>
    <rPh sb="16" eb="18">
      <t>シドウ</t>
    </rPh>
    <rPh sb="24" eb="26">
      <t>テイキョウ</t>
    </rPh>
    <rPh sb="28" eb="30">
      <t>キロク</t>
    </rPh>
    <rPh sb="32" eb="35">
      <t>リヨウシャ</t>
    </rPh>
    <rPh sb="36" eb="38">
      <t>コウクウ</t>
    </rPh>
    <rPh sb="38" eb="40">
      <t>キノウ</t>
    </rPh>
    <rPh sb="41" eb="43">
      <t>キロク</t>
    </rPh>
    <phoneticPr fontId="2"/>
  </si>
  <si>
    <t>・口腔機能向上サービスのモニタリング
・情報を提供した記録</t>
    <rPh sb="1" eb="3">
      <t>コウクウ</t>
    </rPh>
    <rPh sb="3" eb="5">
      <t>キノウ</t>
    </rPh>
    <rPh sb="5" eb="7">
      <t>コウジョウ</t>
    </rPh>
    <rPh sb="20" eb="22">
      <t>ジョウホウ</t>
    </rPh>
    <rPh sb="23" eb="25">
      <t>テイキョウ</t>
    </rPh>
    <rPh sb="27" eb="29">
      <t>キロク</t>
    </rPh>
    <phoneticPr fontId="2"/>
  </si>
  <si>
    <t>サービス提供記録および提供票等</t>
    <phoneticPr fontId="2"/>
  </si>
  <si>
    <t>利用者ごとの口腔機能改善管理指導計画等の内容等の情報を厚生労働省（LIFE）へのデータ提出とフィードバックの活用</t>
    <rPh sb="6" eb="8">
      <t>コウクウ</t>
    </rPh>
    <rPh sb="8" eb="10">
      <t>キノウ</t>
    </rPh>
    <rPh sb="10" eb="12">
      <t>カイゼン</t>
    </rPh>
    <rPh sb="12" eb="14">
      <t>カンリ</t>
    </rPh>
    <rPh sb="14" eb="16">
      <t>シドウ</t>
    </rPh>
    <rPh sb="16" eb="18">
      <t>ケイカク</t>
    </rPh>
    <rPh sb="18" eb="19">
      <t>トウ</t>
    </rPh>
    <rPh sb="20" eb="22">
      <t>ナイヨウ</t>
    </rPh>
    <rPh sb="22" eb="23">
      <t>トウ</t>
    </rPh>
    <rPh sb="27" eb="29">
      <t>コウセイ</t>
    </rPh>
    <rPh sb="29" eb="32">
      <t>ロウドウショウ</t>
    </rPh>
    <phoneticPr fontId="2"/>
  </si>
  <si>
    <t>歯科医療を受診している場合は、医療保険の摂食機能療法を算定していない、介護保険の口腔機能向上サービスとして摂食・嚥下機能に関する訓練の指導若しくは実施をしている</t>
    <rPh sb="0" eb="2">
      <t>シカ</t>
    </rPh>
    <rPh sb="2" eb="4">
      <t>イリョウ</t>
    </rPh>
    <rPh sb="5" eb="7">
      <t>ジュシン</t>
    </rPh>
    <rPh sb="11" eb="13">
      <t>バアイ</t>
    </rPh>
    <rPh sb="15" eb="17">
      <t>イリョウ</t>
    </rPh>
    <rPh sb="17" eb="19">
      <t>ホケン</t>
    </rPh>
    <rPh sb="20" eb="22">
      <t>セッショク</t>
    </rPh>
    <rPh sb="22" eb="24">
      <t>キノウ</t>
    </rPh>
    <rPh sb="24" eb="26">
      <t>リョウホウ</t>
    </rPh>
    <rPh sb="27" eb="29">
      <t>サンテイ</t>
    </rPh>
    <rPh sb="35" eb="37">
      <t>カイゴ</t>
    </rPh>
    <rPh sb="37" eb="39">
      <t>ホケン</t>
    </rPh>
    <rPh sb="40" eb="42">
      <t>コウクウ</t>
    </rPh>
    <rPh sb="42" eb="44">
      <t>キノウ</t>
    </rPh>
    <rPh sb="44" eb="46">
      <t>コウジョウ</t>
    </rPh>
    <rPh sb="53" eb="55">
      <t>セッショク</t>
    </rPh>
    <rPh sb="56" eb="58">
      <t>エンゲ</t>
    </rPh>
    <rPh sb="58" eb="60">
      <t>キノウ</t>
    </rPh>
    <rPh sb="61" eb="62">
      <t>カン</t>
    </rPh>
    <rPh sb="64" eb="66">
      <t>クンレン</t>
    </rPh>
    <rPh sb="67" eb="69">
      <t>シドウ</t>
    </rPh>
    <rPh sb="69" eb="70">
      <t>モ</t>
    </rPh>
    <rPh sb="73" eb="75">
      <t>ジッシ</t>
    </rPh>
    <phoneticPr fontId="2"/>
  </si>
  <si>
    <t>摂食・嚥下機能に関する訓練の指導若しくは実施をしていることがわかる記録</t>
    <rPh sb="33" eb="35">
      <t>キロク</t>
    </rPh>
    <phoneticPr fontId="2"/>
  </si>
  <si>
    <t>科学的介護推進体制加算</t>
    <rPh sb="0" eb="3">
      <t>カガクテキ</t>
    </rPh>
    <rPh sb="3" eb="5">
      <t>カイゴ</t>
    </rPh>
    <rPh sb="5" eb="7">
      <t>スイシン</t>
    </rPh>
    <rPh sb="7" eb="9">
      <t>タイセイ</t>
    </rPh>
    <rPh sb="9" eb="11">
      <t>カサン</t>
    </rPh>
    <phoneticPr fontId="2"/>
  </si>
  <si>
    <t xml:space="preserve">   あり</t>
    <phoneticPr fontId="2"/>
  </si>
  <si>
    <t>利用者ごとのＡＤＬ値（ＡＤＬの評価に基づき測定し値）、栄養状態、口腔機能、認知症の状況その他の利用者の心身の状況等に係る基本的な情報を、厚生労働省（LIFE)に提出</t>
  </si>
  <si>
    <t>科学的介護推進に関する評価</t>
    <rPh sb="0" eb="3">
      <t>カガクテキ</t>
    </rPh>
    <rPh sb="3" eb="5">
      <t>カイゴ</t>
    </rPh>
    <rPh sb="5" eb="7">
      <t>スイシン</t>
    </rPh>
    <rPh sb="8" eb="9">
      <t>カン</t>
    </rPh>
    <rPh sb="11" eb="13">
      <t>ヒョウカ</t>
    </rPh>
    <phoneticPr fontId="2"/>
  </si>
  <si>
    <t>必要に応じて通所介護計画を見直すなど、指定地域密着型通所介護の提供に当たって、厚生労働省に提出する情報その他指定地域密着型通所介護を適切かつ有効に提供するために必要な情報を活用している</t>
    <rPh sb="21" eb="23">
      <t>チイキ</t>
    </rPh>
    <rPh sb="23" eb="26">
      <t>ミッチャクガタ</t>
    </rPh>
    <rPh sb="39" eb="41">
      <t>コウセイ</t>
    </rPh>
    <rPh sb="41" eb="44">
      <t>ロウドウショウ</t>
    </rPh>
    <rPh sb="45" eb="47">
      <t>テイシュツ</t>
    </rPh>
    <rPh sb="56" eb="58">
      <t>チイキ</t>
    </rPh>
    <rPh sb="58" eb="61">
      <t>ミッチャクガタ</t>
    </rPh>
    <phoneticPr fontId="2"/>
  </si>
  <si>
    <t>同一建物減算</t>
    <rPh sb="0" eb="2">
      <t>ドウイツ</t>
    </rPh>
    <rPh sb="2" eb="4">
      <t>タテモノ</t>
    </rPh>
    <rPh sb="4" eb="6">
      <t>ゲンサン</t>
    </rPh>
    <phoneticPr fontId="2"/>
  </si>
  <si>
    <t>指定地域密着型通所介護事業所と同一建物に居住する者又は指定地域密着型通所介護事業所と同一建物から当該指定地域密着型通所介護事業所に通う者に対し指定地域密着型通所介護を行った場合（傷病により一時的に送迎が必要であると認められる利用者その他やむを得ない事情により送迎が必要と認められる利用者に対して送迎を行った場合を除く。）</t>
    <rPh sb="0" eb="2">
      <t>シテイ</t>
    </rPh>
    <rPh sb="2" eb="4">
      <t>チイキ</t>
    </rPh>
    <rPh sb="4" eb="7">
      <t>ミッチャクガタ</t>
    </rPh>
    <rPh sb="7" eb="9">
      <t>ツウショ</t>
    </rPh>
    <rPh sb="9" eb="11">
      <t>カイゴ</t>
    </rPh>
    <rPh sb="11" eb="14">
      <t>ジギョウショ</t>
    </rPh>
    <rPh sb="15" eb="17">
      <t>ドウイツ</t>
    </rPh>
    <rPh sb="17" eb="19">
      <t>タテモノ</t>
    </rPh>
    <rPh sb="20" eb="22">
      <t>キョジュウ</t>
    </rPh>
    <rPh sb="24" eb="25">
      <t>モノ</t>
    </rPh>
    <rPh sb="25" eb="26">
      <t>マタ</t>
    </rPh>
    <rPh sb="27" eb="29">
      <t>シテイ</t>
    </rPh>
    <rPh sb="29" eb="31">
      <t>チイキ</t>
    </rPh>
    <rPh sb="31" eb="34">
      <t>ミッチャクガタ</t>
    </rPh>
    <rPh sb="34" eb="36">
      <t>ツウショ</t>
    </rPh>
    <rPh sb="36" eb="38">
      <t>カイゴ</t>
    </rPh>
    <rPh sb="38" eb="41">
      <t>ジギョウショ</t>
    </rPh>
    <rPh sb="42" eb="44">
      <t>ドウイツ</t>
    </rPh>
    <rPh sb="44" eb="46">
      <t>タテモノ</t>
    </rPh>
    <rPh sb="48" eb="50">
      <t>トウガイ</t>
    </rPh>
    <rPh sb="50" eb="52">
      <t>シテイ</t>
    </rPh>
    <rPh sb="52" eb="54">
      <t>チイキ</t>
    </rPh>
    <rPh sb="54" eb="57">
      <t>ミッチャクガタ</t>
    </rPh>
    <rPh sb="57" eb="59">
      <t>ツウショ</t>
    </rPh>
    <rPh sb="59" eb="61">
      <t>カイゴ</t>
    </rPh>
    <rPh sb="61" eb="64">
      <t>ジギョウショ</t>
    </rPh>
    <rPh sb="65" eb="66">
      <t>カヨ</t>
    </rPh>
    <rPh sb="67" eb="68">
      <t>モノ</t>
    </rPh>
    <rPh sb="69" eb="70">
      <t>タイ</t>
    </rPh>
    <rPh sb="71" eb="73">
      <t>シテイ</t>
    </rPh>
    <rPh sb="73" eb="75">
      <t>チイキ</t>
    </rPh>
    <rPh sb="75" eb="78">
      <t>ミッチャクガタ</t>
    </rPh>
    <rPh sb="78" eb="80">
      <t>ツウショ</t>
    </rPh>
    <rPh sb="80" eb="82">
      <t>カイゴ</t>
    </rPh>
    <rPh sb="83" eb="84">
      <t>オコナ</t>
    </rPh>
    <rPh sb="86" eb="88">
      <t>バアイ</t>
    </rPh>
    <phoneticPr fontId="2"/>
  </si>
  <si>
    <t>利用票</t>
    <rPh sb="0" eb="2">
      <t>リヨウ</t>
    </rPh>
    <rPh sb="2" eb="3">
      <t>ヒョウ</t>
    </rPh>
    <phoneticPr fontId="2"/>
  </si>
  <si>
    <t>送迎減算</t>
    <rPh sb="0" eb="2">
      <t>ソウゲイ</t>
    </rPh>
    <rPh sb="2" eb="4">
      <t>ゲンサン</t>
    </rPh>
    <phoneticPr fontId="2"/>
  </si>
  <si>
    <t>指定地域密着型通所介護事業所の従業者が、利用者に対し、その居宅と指定地域密着型通所介護事業所との間の送迎を行わない場合</t>
    <rPh sb="0" eb="2">
      <t>シテイ</t>
    </rPh>
    <rPh sb="2" eb="4">
      <t>チイキ</t>
    </rPh>
    <rPh sb="4" eb="7">
      <t>ミッチャクガタ</t>
    </rPh>
    <rPh sb="7" eb="9">
      <t>ツウショ</t>
    </rPh>
    <rPh sb="9" eb="11">
      <t>カイゴ</t>
    </rPh>
    <rPh sb="11" eb="14">
      <t>ジギョウショ</t>
    </rPh>
    <rPh sb="15" eb="18">
      <t>ジュウギョウシャ</t>
    </rPh>
    <rPh sb="20" eb="23">
      <t>リヨウシャ</t>
    </rPh>
    <rPh sb="24" eb="25">
      <t>タイ</t>
    </rPh>
    <rPh sb="29" eb="31">
      <t>キョタク</t>
    </rPh>
    <rPh sb="32" eb="34">
      <t>シテイ</t>
    </rPh>
    <rPh sb="34" eb="36">
      <t>チイキ</t>
    </rPh>
    <rPh sb="36" eb="38">
      <t>ミッチャク</t>
    </rPh>
    <rPh sb="38" eb="39">
      <t>ガタ</t>
    </rPh>
    <rPh sb="39" eb="41">
      <t>ツウショ</t>
    </rPh>
    <rPh sb="41" eb="43">
      <t>カイゴ</t>
    </rPh>
    <rPh sb="43" eb="46">
      <t>ジギョウショ</t>
    </rPh>
    <rPh sb="48" eb="49">
      <t>アイダ</t>
    </rPh>
    <rPh sb="50" eb="52">
      <t>ソウゲイ</t>
    </rPh>
    <rPh sb="53" eb="54">
      <t>オコナ</t>
    </rPh>
    <rPh sb="57" eb="59">
      <t>バアイ</t>
    </rPh>
    <phoneticPr fontId="2"/>
  </si>
  <si>
    <t>サービス提供体制強化加算（Ⅰ）</t>
    <rPh sb="4" eb="6">
      <t>テイキョウ</t>
    </rPh>
    <rPh sb="6" eb="8">
      <t>タイセイ</t>
    </rPh>
    <rPh sb="8" eb="10">
      <t>キョウカ</t>
    </rPh>
    <rPh sb="10" eb="12">
      <t>カサン</t>
    </rPh>
    <phoneticPr fontId="2"/>
  </si>
  <si>
    <t>１ 介護職員の総数のうち介護福祉士の占める割合が100分の70以上</t>
    <phoneticPr fontId="2"/>
  </si>
  <si>
    <t>いずれか該当</t>
    <rPh sb="4" eb="6">
      <t>ガイトウ</t>
    </rPh>
    <phoneticPr fontId="2"/>
  </si>
  <si>
    <t>・勤務表（前年度４月～２月）
・資格証</t>
    <rPh sb="1" eb="3">
      <t>キンム</t>
    </rPh>
    <rPh sb="3" eb="4">
      <t>ヒョウ</t>
    </rPh>
    <rPh sb="5" eb="7">
      <t>ゼンネン</t>
    </rPh>
    <rPh sb="7" eb="8">
      <t>ド</t>
    </rPh>
    <rPh sb="9" eb="10">
      <t>ガツ</t>
    </rPh>
    <rPh sb="12" eb="13">
      <t>ガツ</t>
    </rPh>
    <rPh sb="16" eb="18">
      <t>シカク</t>
    </rPh>
    <rPh sb="18" eb="19">
      <t>ショウ</t>
    </rPh>
    <phoneticPr fontId="2"/>
  </si>
  <si>
    <t>２ 介護職員の総数のうち勤続年数が10年以上の介護福祉士の占める割合が100分の25以上</t>
    <phoneticPr fontId="2"/>
  </si>
  <si>
    <t>・勤務表（前年度４月～２月）
・資格証
・勤続１０年がわかるもの</t>
    <rPh sb="1" eb="3">
      <t>キンム</t>
    </rPh>
    <rPh sb="3" eb="4">
      <t>ヒョウ</t>
    </rPh>
    <rPh sb="16" eb="18">
      <t>シカク</t>
    </rPh>
    <rPh sb="18" eb="19">
      <t>ショウ</t>
    </rPh>
    <rPh sb="21" eb="23">
      <t>キンゾク</t>
    </rPh>
    <rPh sb="25" eb="26">
      <t>ネン</t>
    </rPh>
    <phoneticPr fontId="2"/>
  </si>
  <si>
    <t>３ 定員、人員基準に適合</t>
    <rPh sb="2" eb="4">
      <t>テイイン</t>
    </rPh>
    <rPh sb="5" eb="7">
      <t>ジンイン</t>
    </rPh>
    <rPh sb="7" eb="9">
      <t>キジュン</t>
    </rPh>
    <rPh sb="10" eb="12">
      <t>テキゴウ</t>
    </rPh>
    <phoneticPr fontId="2"/>
  </si>
  <si>
    <t>サービス提供体制強化加算（Ⅱ）</t>
    <rPh sb="4" eb="6">
      <t>テイキョウ</t>
    </rPh>
    <rPh sb="6" eb="8">
      <t>タイセイ</t>
    </rPh>
    <rPh sb="8" eb="10">
      <t>キョウカ</t>
    </rPh>
    <rPh sb="10" eb="12">
      <t>カサン</t>
    </rPh>
    <phoneticPr fontId="2"/>
  </si>
  <si>
    <t>１ 介護職員の総数のうち介護福祉士の占める割合が100分の50以上</t>
    <phoneticPr fontId="2"/>
  </si>
  <si>
    <t>３割以上</t>
    <rPh sb="1" eb="2">
      <t>ワリ</t>
    </rPh>
    <rPh sb="2" eb="4">
      <t>イジョウ</t>
    </rPh>
    <phoneticPr fontId="2"/>
  </si>
  <si>
    <t>２ 定員、人員基準に適合</t>
    <rPh sb="2" eb="4">
      <t>テイイン</t>
    </rPh>
    <rPh sb="5" eb="7">
      <t>ジンイン</t>
    </rPh>
    <rPh sb="7" eb="9">
      <t>キジュン</t>
    </rPh>
    <rPh sb="10" eb="12">
      <t>テキゴウ</t>
    </rPh>
    <phoneticPr fontId="2"/>
  </si>
  <si>
    <t>サービス提供体制強化加算（Ⅲ）</t>
    <rPh sb="4" eb="6">
      <t>テイキョウ</t>
    </rPh>
    <rPh sb="6" eb="8">
      <t>タイセイ</t>
    </rPh>
    <rPh sb="8" eb="10">
      <t>キョウカ</t>
    </rPh>
    <rPh sb="10" eb="12">
      <t>カサン</t>
    </rPh>
    <phoneticPr fontId="2"/>
  </si>
  <si>
    <t>１　介護職員の総数のうち介護福祉士の占める割合が100分の40以上</t>
    <phoneticPr fontId="2"/>
  </si>
  <si>
    <t>２　勤続年数７年以上の介護福祉士が100分の30以上</t>
    <rPh sb="2" eb="4">
      <t>キンゾク</t>
    </rPh>
    <rPh sb="4" eb="6">
      <t>ネンスウ</t>
    </rPh>
    <rPh sb="7" eb="10">
      <t>ネンイジョウ</t>
    </rPh>
    <rPh sb="11" eb="13">
      <t>カイゴ</t>
    </rPh>
    <rPh sb="13" eb="16">
      <t>フクシシ</t>
    </rPh>
    <rPh sb="20" eb="21">
      <t>ブン</t>
    </rPh>
    <rPh sb="24" eb="26">
      <t>イジョウ</t>
    </rPh>
    <phoneticPr fontId="2"/>
  </si>
  <si>
    <t>勤続７年以上がわかるもの</t>
    <rPh sb="0" eb="2">
      <t>キンゾク</t>
    </rPh>
    <rPh sb="3" eb="6">
      <t>ネンイジョウ</t>
    </rPh>
    <phoneticPr fontId="2"/>
  </si>
  <si>
    <t>勤務表、業務日誌等</t>
    <phoneticPr fontId="2"/>
  </si>
  <si>
    <t>サービス提供体制強化加算Ⅲイ</t>
    <rPh sb="4" eb="6">
      <t>テイキョウ</t>
    </rPh>
    <rPh sb="6" eb="8">
      <t>タイセイ</t>
    </rPh>
    <rPh sb="8" eb="10">
      <t>キョウカ</t>
    </rPh>
    <rPh sb="10" eb="12">
      <t>カサン</t>
    </rPh>
    <phoneticPr fontId="2"/>
  </si>
  <si>
    <t>１　直接提供する職員のうち勤続年数７年以上の職員が100分の30以上</t>
    <rPh sb="2" eb="4">
      <t>チョクセツ</t>
    </rPh>
    <rPh sb="4" eb="6">
      <t>テイキョウ</t>
    </rPh>
    <rPh sb="8" eb="10">
      <t>ショクイン</t>
    </rPh>
    <rPh sb="13" eb="15">
      <t>キンゾク</t>
    </rPh>
    <rPh sb="15" eb="17">
      <t>ネンスウ</t>
    </rPh>
    <rPh sb="18" eb="21">
      <t>ネンイジョウ</t>
    </rPh>
    <rPh sb="22" eb="24">
      <t>ショクイン</t>
    </rPh>
    <rPh sb="28" eb="29">
      <t>ブン</t>
    </rPh>
    <rPh sb="32" eb="34">
      <t>イジョウ</t>
    </rPh>
    <phoneticPr fontId="2"/>
  </si>
  <si>
    <t>・勤務表（前年度４月～２月）
・勤続７年以上がわかるもの</t>
    <rPh sb="1" eb="3">
      <t>キンム</t>
    </rPh>
    <rPh sb="3" eb="4">
      <t>ヒョウ</t>
    </rPh>
    <rPh sb="5" eb="7">
      <t>ゼンネン</t>
    </rPh>
    <rPh sb="7" eb="8">
      <t>ド</t>
    </rPh>
    <rPh sb="9" eb="10">
      <t>ガツ</t>
    </rPh>
    <rPh sb="12" eb="13">
      <t>ガツ</t>
    </rPh>
    <rPh sb="16" eb="18">
      <t>キンゾク</t>
    </rPh>
    <rPh sb="19" eb="22">
      <t>ネンイジョウ</t>
    </rPh>
    <phoneticPr fontId="2"/>
  </si>
  <si>
    <t>サービス提供体制強化加算Ⅲロ</t>
    <rPh sb="4" eb="6">
      <t>テイキョウ</t>
    </rPh>
    <rPh sb="6" eb="8">
      <t>タイセイ</t>
    </rPh>
    <rPh sb="8" eb="10">
      <t>キョウカ</t>
    </rPh>
    <rPh sb="10" eb="12">
      <t>カサン</t>
    </rPh>
    <phoneticPr fontId="2"/>
  </si>
  <si>
    <t>１　サービスを直接提供する職員のうち勤続年数３年以上の職員が100分の30以上</t>
    <rPh sb="7" eb="9">
      <t>チョクセツ</t>
    </rPh>
    <rPh sb="9" eb="11">
      <t>テイキョウ</t>
    </rPh>
    <rPh sb="13" eb="15">
      <t>ショクイン</t>
    </rPh>
    <rPh sb="18" eb="20">
      <t>キンゾク</t>
    </rPh>
    <rPh sb="20" eb="22">
      <t>ネンスウ</t>
    </rPh>
    <rPh sb="23" eb="26">
      <t>ネンイジョウ</t>
    </rPh>
    <rPh sb="27" eb="29">
      <t>ショクイン</t>
    </rPh>
    <rPh sb="33" eb="34">
      <t>フン</t>
    </rPh>
    <rPh sb="37" eb="39">
      <t>イジョウ</t>
    </rPh>
    <phoneticPr fontId="2"/>
  </si>
  <si>
    <t>・勤務表（前年度４月～２月）
・勤続３年以上がわかるもの</t>
    <rPh sb="1" eb="3">
      <t>キンム</t>
    </rPh>
    <rPh sb="3" eb="4">
      <t>ヒョウ</t>
    </rPh>
    <rPh sb="5" eb="7">
      <t>ゼンネン</t>
    </rPh>
    <rPh sb="7" eb="8">
      <t>ド</t>
    </rPh>
    <rPh sb="9" eb="10">
      <t>ガツ</t>
    </rPh>
    <rPh sb="12" eb="13">
      <t>ガツ</t>
    </rPh>
    <rPh sb="16" eb="18">
      <t>キンゾク</t>
    </rPh>
    <rPh sb="19" eb="22">
      <t>ネンイジョウ</t>
    </rPh>
    <phoneticPr fontId="2"/>
  </si>
  <si>
    <t>介護職員処遇改善加算（Ⅰ）</t>
    <rPh sb="0" eb="2">
      <t>カイゴ</t>
    </rPh>
    <rPh sb="2" eb="4">
      <t>ショクイン</t>
    </rPh>
    <rPh sb="4" eb="6">
      <t>ショグウ</t>
    </rPh>
    <rPh sb="6" eb="8">
      <t>カイゼン</t>
    </rPh>
    <rPh sb="8" eb="10">
      <t>カサン</t>
    </rPh>
    <phoneticPr fontId="2"/>
  </si>
  <si>
    <t>１　賃金改善に関する計画の策定、計画に基づく措置</t>
    <rPh sb="2" eb="4">
      <t>チンギン</t>
    </rPh>
    <rPh sb="4" eb="6">
      <t>カイゼン</t>
    </rPh>
    <rPh sb="7" eb="8">
      <t>カン</t>
    </rPh>
    <rPh sb="10" eb="12">
      <t>ケイカク</t>
    </rPh>
    <rPh sb="13" eb="15">
      <t>サクテイ</t>
    </rPh>
    <rPh sb="16" eb="18">
      <t>ケイカク</t>
    </rPh>
    <rPh sb="19" eb="20">
      <t>モト</t>
    </rPh>
    <rPh sb="22" eb="24">
      <t>ソチ</t>
    </rPh>
    <phoneticPr fontId="2"/>
  </si>
  <si>
    <t xml:space="preserve">・介護職員処遇改善計画書
</t>
    <rPh sb="1" eb="3">
      <t>カイゴ</t>
    </rPh>
    <rPh sb="3" eb="5">
      <t>ショクイン</t>
    </rPh>
    <rPh sb="5" eb="7">
      <t>ショグウ</t>
    </rPh>
    <rPh sb="7" eb="9">
      <t>カイゼン</t>
    </rPh>
    <rPh sb="9" eb="12">
      <t>ケイカクショ</t>
    </rPh>
    <phoneticPr fontId="2"/>
  </si>
  <si>
    <t>２　介護職員処遇改善計画書の作成、周知、届出</t>
    <rPh sb="2" eb="4">
      <t>カイゴ</t>
    </rPh>
    <rPh sb="4" eb="6">
      <t>ショクイン</t>
    </rPh>
    <rPh sb="6" eb="8">
      <t>ショグウ</t>
    </rPh>
    <rPh sb="8" eb="10">
      <t>カイゼン</t>
    </rPh>
    <rPh sb="10" eb="13">
      <t>ケイカクショ</t>
    </rPh>
    <rPh sb="14" eb="16">
      <t>サクセイ</t>
    </rPh>
    <rPh sb="17" eb="19">
      <t>シュウチ</t>
    </rPh>
    <rPh sb="20" eb="22">
      <t>トドケデ</t>
    </rPh>
    <phoneticPr fontId="2"/>
  </si>
  <si>
    <t>・介護職員処遇改善計画書
・会議録、周知文章</t>
    <rPh sb="1" eb="3">
      <t>カイゴ</t>
    </rPh>
    <rPh sb="3" eb="5">
      <t>ショクイン</t>
    </rPh>
    <rPh sb="5" eb="7">
      <t>ショグウ</t>
    </rPh>
    <rPh sb="7" eb="9">
      <t>カイゼン</t>
    </rPh>
    <rPh sb="9" eb="12">
      <t>ケイカクショ</t>
    </rPh>
    <phoneticPr fontId="2"/>
  </si>
  <si>
    <t>３　賃金改善の実施</t>
    <rPh sb="2" eb="4">
      <t>チンギン</t>
    </rPh>
    <rPh sb="4" eb="6">
      <t>カイゼン</t>
    </rPh>
    <rPh sb="7" eb="9">
      <t>ジッシ</t>
    </rPh>
    <phoneticPr fontId="2"/>
  </si>
  <si>
    <t>賃金台帳、給与明細</t>
    <rPh sb="0" eb="2">
      <t>チンギン</t>
    </rPh>
    <rPh sb="2" eb="4">
      <t>ダイチョウ</t>
    </rPh>
    <rPh sb="5" eb="7">
      <t>キュウヨ</t>
    </rPh>
    <rPh sb="7" eb="9">
      <t>メイサイ</t>
    </rPh>
    <phoneticPr fontId="2"/>
  </si>
  <si>
    <t>４　処遇改善に関する実績の報告</t>
    <rPh sb="2" eb="4">
      <t>ショグウ</t>
    </rPh>
    <rPh sb="4" eb="6">
      <t>カイゼン</t>
    </rPh>
    <rPh sb="7" eb="8">
      <t>カン</t>
    </rPh>
    <rPh sb="10" eb="12">
      <t>ジッセキ</t>
    </rPh>
    <rPh sb="13" eb="15">
      <t>ホウコク</t>
    </rPh>
    <phoneticPr fontId="2"/>
  </si>
  <si>
    <t>実績報告書</t>
    <rPh sb="0" eb="2">
      <t>ジッセキ</t>
    </rPh>
    <rPh sb="2" eb="5">
      <t>ホウコクショ</t>
    </rPh>
    <phoneticPr fontId="2"/>
  </si>
  <si>
    <t>５　前12月間に法令違反し、罰金以上の刑</t>
    <rPh sb="2" eb="3">
      <t>ゼン</t>
    </rPh>
    <rPh sb="5" eb="6">
      <t>ツキ</t>
    </rPh>
    <rPh sb="6" eb="7">
      <t>カン</t>
    </rPh>
    <rPh sb="8" eb="10">
      <t>ホウレイ</t>
    </rPh>
    <rPh sb="10" eb="12">
      <t>イハン</t>
    </rPh>
    <rPh sb="14" eb="16">
      <t>バッキン</t>
    </rPh>
    <rPh sb="16" eb="18">
      <t>イジョウ</t>
    </rPh>
    <rPh sb="19" eb="20">
      <t>ケイ</t>
    </rPh>
    <phoneticPr fontId="2"/>
  </si>
  <si>
    <t>６　労働保険料の納付</t>
    <rPh sb="2" eb="4">
      <t>ロウドウ</t>
    </rPh>
    <rPh sb="4" eb="7">
      <t>ホケンリョウ</t>
    </rPh>
    <rPh sb="8" eb="10">
      <t>ノウフ</t>
    </rPh>
    <phoneticPr fontId="2"/>
  </si>
  <si>
    <t>適正に納付</t>
    <rPh sb="0" eb="2">
      <t>テキセイ</t>
    </rPh>
    <rPh sb="3" eb="5">
      <t>ノウフ</t>
    </rPh>
    <phoneticPr fontId="2"/>
  </si>
  <si>
    <t>・労働保険関係成立届
・確定保険料申告書</t>
    <rPh sb="1" eb="3">
      <t>ロウドウ</t>
    </rPh>
    <rPh sb="3" eb="5">
      <t>ホケン</t>
    </rPh>
    <rPh sb="5" eb="7">
      <t>カンケイ</t>
    </rPh>
    <rPh sb="7" eb="9">
      <t>セイリツ</t>
    </rPh>
    <rPh sb="9" eb="10">
      <t>トドケ</t>
    </rPh>
    <rPh sb="12" eb="14">
      <t>カクテイ</t>
    </rPh>
    <rPh sb="14" eb="17">
      <t>ホケンリョウ</t>
    </rPh>
    <rPh sb="17" eb="20">
      <t>シンコクショ</t>
    </rPh>
    <phoneticPr fontId="2"/>
  </si>
  <si>
    <t>７　次の(１)～(３)のいずれにも適合</t>
    <rPh sb="2" eb="3">
      <t>ツギ</t>
    </rPh>
    <rPh sb="17" eb="19">
      <t>テキゴウ</t>
    </rPh>
    <phoneticPr fontId="2"/>
  </si>
  <si>
    <t>(１)任用の際の職責又は職務内容等の要件を書面で作成し、全ての介護職員に周知</t>
    <rPh sb="21" eb="23">
      <t>ショメン</t>
    </rPh>
    <rPh sb="24" eb="26">
      <t>サクセイ</t>
    </rPh>
    <phoneticPr fontId="2"/>
  </si>
  <si>
    <t>・就業規則</t>
    <rPh sb="1" eb="3">
      <t>シュウギョウ</t>
    </rPh>
    <rPh sb="3" eb="5">
      <t>キソク</t>
    </rPh>
    <phoneticPr fontId="2"/>
  </si>
  <si>
    <t>・</t>
    <phoneticPr fontId="2"/>
  </si>
  <si>
    <t>(２)資質の向上の支援に関する計画の策定、研修の実施又は研修の機会を確保し、全ての介護職員に周知</t>
    <phoneticPr fontId="2"/>
  </si>
  <si>
    <t>・研修計画書
・研修実施記録
・周知文章等</t>
    <rPh sb="1" eb="3">
      <t>ケンシュウ</t>
    </rPh>
    <rPh sb="3" eb="5">
      <t>ケイカク</t>
    </rPh>
    <rPh sb="5" eb="6">
      <t>ショ</t>
    </rPh>
    <rPh sb="8" eb="10">
      <t>ケンシュウ</t>
    </rPh>
    <rPh sb="10" eb="12">
      <t>ジッシ</t>
    </rPh>
    <rPh sb="12" eb="14">
      <t>キロク</t>
    </rPh>
    <rPh sb="16" eb="18">
      <t>シュウチ</t>
    </rPh>
    <rPh sb="18" eb="20">
      <t>ブンショウ</t>
    </rPh>
    <rPh sb="20" eb="21">
      <t>トウ</t>
    </rPh>
    <phoneticPr fontId="2"/>
  </si>
  <si>
    <t>(３)介護職員の経験若しくは資格等に応じて昇給する仕組み又は一定の基準に基づき定期に昇給を判定する仕組みを設け、全ての介護職員に周知</t>
    <rPh sb="56" eb="57">
      <t>スベ</t>
    </rPh>
    <rPh sb="59" eb="61">
      <t>カイゴ</t>
    </rPh>
    <rPh sb="61" eb="63">
      <t>ショクイン</t>
    </rPh>
    <rPh sb="64" eb="66">
      <t>シュウチ</t>
    </rPh>
    <phoneticPr fontId="2"/>
  </si>
  <si>
    <t xml:space="preserve">・給与規定
</t>
    <rPh sb="1" eb="3">
      <t>キュウヨ</t>
    </rPh>
    <rPh sb="3" eb="5">
      <t>キテイ</t>
    </rPh>
    <phoneticPr fontId="2"/>
  </si>
  <si>
    <t>８　処遇改善の内容（賃金改善を除く）及び処遇改善に要する費用の見込額を全ての職員に周知</t>
    <rPh sb="2" eb="4">
      <t>ショグウ</t>
    </rPh>
    <rPh sb="4" eb="6">
      <t>カイゼン</t>
    </rPh>
    <rPh sb="7" eb="9">
      <t>ナイヨウ</t>
    </rPh>
    <rPh sb="10" eb="12">
      <t>チンギン</t>
    </rPh>
    <rPh sb="12" eb="14">
      <t>カイゼン</t>
    </rPh>
    <rPh sb="15" eb="16">
      <t>ノゾ</t>
    </rPh>
    <rPh sb="18" eb="19">
      <t>オヨ</t>
    </rPh>
    <rPh sb="20" eb="22">
      <t>ショグウ</t>
    </rPh>
    <rPh sb="22" eb="24">
      <t>カイゼン</t>
    </rPh>
    <rPh sb="25" eb="26">
      <t>ヨウ</t>
    </rPh>
    <rPh sb="28" eb="30">
      <t>ヒヨウ</t>
    </rPh>
    <rPh sb="31" eb="34">
      <t>ミコミガク</t>
    </rPh>
    <rPh sb="35" eb="36">
      <t>スベ</t>
    </rPh>
    <rPh sb="38" eb="40">
      <t>ショクイン</t>
    </rPh>
    <rPh sb="41" eb="43">
      <t>シュウチ</t>
    </rPh>
    <phoneticPr fontId="2"/>
  </si>
  <si>
    <t>あり</t>
    <phoneticPr fontId="2"/>
  </si>
  <si>
    <t>会議録、周知文章等</t>
    <rPh sb="8" eb="9">
      <t>トウ</t>
    </rPh>
    <phoneticPr fontId="2"/>
  </si>
  <si>
    <t>介護職員処遇改善加算（Ⅱ）</t>
    <rPh sb="0" eb="2">
      <t>カイゴ</t>
    </rPh>
    <rPh sb="2" eb="4">
      <t>ショクイン</t>
    </rPh>
    <rPh sb="4" eb="6">
      <t>ショグウ</t>
    </rPh>
    <rPh sb="6" eb="8">
      <t>カイゼン</t>
    </rPh>
    <rPh sb="8" eb="10">
      <t>カサン</t>
    </rPh>
    <phoneticPr fontId="2"/>
  </si>
  <si>
    <t>介護職員処遇改善計画書</t>
    <rPh sb="0" eb="2">
      <t>カイゴ</t>
    </rPh>
    <rPh sb="2" eb="4">
      <t>ショクイン</t>
    </rPh>
    <rPh sb="4" eb="6">
      <t>ショグウ</t>
    </rPh>
    <rPh sb="6" eb="8">
      <t>カイゼン</t>
    </rPh>
    <rPh sb="8" eb="11">
      <t>ケイカクショ</t>
    </rPh>
    <phoneticPr fontId="2"/>
  </si>
  <si>
    <t>２　介護職員改善計画書の作成、周知、届出</t>
    <rPh sb="2" eb="4">
      <t>カイゴ</t>
    </rPh>
    <rPh sb="4" eb="6">
      <t>ショクイン</t>
    </rPh>
    <rPh sb="6" eb="8">
      <t>カイゼン</t>
    </rPh>
    <rPh sb="8" eb="11">
      <t>ケイカクショ</t>
    </rPh>
    <rPh sb="12" eb="14">
      <t>サクセイ</t>
    </rPh>
    <rPh sb="15" eb="17">
      <t>シュウチ</t>
    </rPh>
    <rPh sb="18" eb="20">
      <t>トドケデ</t>
    </rPh>
    <phoneticPr fontId="2"/>
  </si>
  <si>
    <t>・介護職員処遇改善計画書
・会議録、周知文章等</t>
    <rPh sb="1" eb="3">
      <t>カイゴ</t>
    </rPh>
    <rPh sb="3" eb="5">
      <t>ショクイン</t>
    </rPh>
    <rPh sb="5" eb="7">
      <t>ショグウ</t>
    </rPh>
    <rPh sb="7" eb="9">
      <t>カイゼン</t>
    </rPh>
    <rPh sb="9" eb="12">
      <t>ケイカクショ</t>
    </rPh>
    <rPh sb="22" eb="23">
      <t>トウ</t>
    </rPh>
    <phoneticPr fontId="2"/>
  </si>
  <si>
    <t>７　次の(１)、(２)のいずれにも適合</t>
    <rPh sb="2" eb="3">
      <t>ツギ</t>
    </rPh>
    <rPh sb="17" eb="19">
      <t>テキゴウ</t>
    </rPh>
    <phoneticPr fontId="2"/>
  </si>
  <si>
    <t>　(１)任用の際の職責又は職務内容等の要件を書面で作成し、全ての介護職員に周知</t>
    <rPh sb="22" eb="24">
      <t>ショメン</t>
    </rPh>
    <rPh sb="25" eb="27">
      <t>サクセイ</t>
    </rPh>
    <phoneticPr fontId="2"/>
  </si>
  <si>
    <t>就業規則</t>
    <rPh sb="0" eb="2">
      <t>シュウギョウ</t>
    </rPh>
    <rPh sb="2" eb="4">
      <t>キソク</t>
    </rPh>
    <phoneticPr fontId="2"/>
  </si>
  <si>
    <t>　(２)資質の向上の支援に関する計画の策定、研修の実施又は研修の機会を確保し、全ての介護職員に周知</t>
    <phoneticPr fontId="2"/>
  </si>
  <si>
    <t>・研修計画書
・研修実施記録
・会議録、周知文章等</t>
    <rPh sb="1" eb="3">
      <t>ケンシュウ</t>
    </rPh>
    <rPh sb="3" eb="5">
      <t>ケイカク</t>
    </rPh>
    <rPh sb="5" eb="6">
      <t>ショ</t>
    </rPh>
    <rPh sb="8" eb="10">
      <t>ケンシュウ</t>
    </rPh>
    <rPh sb="10" eb="12">
      <t>ジッシ</t>
    </rPh>
    <rPh sb="12" eb="14">
      <t>キロク</t>
    </rPh>
    <phoneticPr fontId="2"/>
  </si>
  <si>
    <t>介護職員処遇改善加算（Ⅲ）</t>
    <rPh sb="0" eb="2">
      <t>カイゴ</t>
    </rPh>
    <rPh sb="2" eb="4">
      <t>ショクイン</t>
    </rPh>
    <rPh sb="4" eb="6">
      <t>ショグウ</t>
    </rPh>
    <rPh sb="6" eb="8">
      <t>カイゼン</t>
    </rPh>
    <rPh sb="8" eb="10">
      <t>カサン</t>
    </rPh>
    <phoneticPr fontId="2"/>
  </si>
  <si>
    <t>あり</t>
    <phoneticPr fontId="2"/>
  </si>
  <si>
    <t>・介護職員処遇改善計画書
・会議録、周知文章等</t>
    <rPh sb="1" eb="3">
      <t>カイゴ</t>
    </rPh>
    <rPh sb="3" eb="5">
      <t>ショクイン</t>
    </rPh>
    <rPh sb="5" eb="7">
      <t>ショグウ</t>
    </rPh>
    <rPh sb="7" eb="9">
      <t>カイゼン</t>
    </rPh>
    <rPh sb="9" eb="12">
      <t>ケイカクショ</t>
    </rPh>
    <rPh sb="20" eb="22">
      <t>ブンショウ</t>
    </rPh>
    <rPh sb="22" eb="23">
      <t>ナド</t>
    </rPh>
    <phoneticPr fontId="2"/>
  </si>
  <si>
    <t>あり</t>
    <phoneticPr fontId="2"/>
  </si>
  <si>
    <t>賃金台帳、給与明細等</t>
    <rPh sb="0" eb="2">
      <t>チンギン</t>
    </rPh>
    <rPh sb="2" eb="4">
      <t>ダイチョウ</t>
    </rPh>
    <rPh sb="5" eb="7">
      <t>キュウヨ</t>
    </rPh>
    <rPh sb="7" eb="9">
      <t>メイサイ</t>
    </rPh>
    <rPh sb="9" eb="10">
      <t>ナド</t>
    </rPh>
    <phoneticPr fontId="2"/>
  </si>
  <si>
    <t>なし</t>
    <phoneticPr fontId="2"/>
  </si>
  <si>
    <t>納付済み証</t>
    <rPh sb="0" eb="2">
      <t>ノウフ</t>
    </rPh>
    <rPh sb="2" eb="3">
      <t>ズ</t>
    </rPh>
    <rPh sb="4" eb="5">
      <t>ショウ</t>
    </rPh>
    <phoneticPr fontId="2"/>
  </si>
  <si>
    <t>７　次の(１)、(２)のいずれかに適合</t>
    <rPh sb="2" eb="3">
      <t>ツギ</t>
    </rPh>
    <rPh sb="17" eb="19">
      <t>テキゴウ</t>
    </rPh>
    <phoneticPr fontId="2"/>
  </si>
  <si>
    <t>(２)資質の向上の支援に関する計画の策定、研修の実施又は研修の機会を確保し、全ての介護職員に周知</t>
    <phoneticPr fontId="2"/>
  </si>
  <si>
    <t>・研修計画書
・研修実施記録
・会議録、周知文章等</t>
    <rPh sb="1" eb="3">
      <t>ケンシュウ</t>
    </rPh>
    <rPh sb="3" eb="5">
      <t>ケイカク</t>
    </rPh>
    <rPh sb="5" eb="6">
      <t>ショ</t>
    </rPh>
    <phoneticPr fontId="2"/>
  </si>
  <si>
    <t>会議録、周知文章等</t>
    <rPh sb="6" eb="8">
      <t>ブンショウ</t>
    </rPh>
    <rPh sb="8" eb="9">
      <t>トウ</t>
    </rPh>
    <phoneticPr fontId="2"/>
  </si>
  <si>
    <t>介護職員等特定処遇改善加算（Ⅰ）</t>
    <rPh sb="0" eb="2">
      <t>カイゴ</t>
    </rPh>
    <rPh sb="2" eb="4">
      <t>ショクイン</t>
    </rPh>
    <rPh sb="4" eb="5">
      <t>トウ</t>
    </rPh>
    <rPh sb="5" eb="7">
      <t>トクテイ</t>
    </rPh>
    <rPh sb="7" eb="9">
      <t>ショグウ</t>
    </rPh>
    <rPh sb="9" eb="11">
      <t>カイゼン</t>
    </rPh>
    <rPh sb="11" eb="13">
      <t>カサン</t>
    </rPh>
    <phoneticPr fontId="2"/>
  </si>
  <si>
    <t xml:space="preserve">     あり</t>
    <phoneticPr fontId="2"/>
  </si>
  <si>
    <t>１　次の（一）、（二）、（三）、（四）のいずれにも該当し、賃金改善に要する費用の見込額が当該加算の算定見込額を上回る賃金改善計画の策定、計画に基づく措置の実施</t>
    <rPh sb="29" eb="31">
      <t>チンギン</t>
    </rPh>
    <rPh sb="31" eb="33">
      <t>カイゼン</t>
    </rPh>
    <rPh sb="34" eb="35">
      <t>ヨウ</t>
    </rPh>
    <rPh sb="37" eb="39">
      <t>ヒヨウ</t>
    </rPh>
    <rPh sb="40" eb="43">
      <t>ミコミガク</t>
    </rPh>
    <rPh sb="44" eb="46">
      <t>トウガイ</t>
    </rPh>
    <rPh sb="46" eb="48">
      <t>カサン</t>
    </rPh>
    <rPh sb="49" eb="51">
      <t>サンテイ</t>
    </rPh>
    <rPh sb="51" eb="54">
      <t>ミコミガク</t>
    </rPh>
    <rPh sb="55" eb="57">
      <t>ウワマワ</t>
    </rPh>
    <rPh sb="77" eb="79">
      <t>ジッシ</t>
    </rPh>
    <phoneticPr fontId="2"/>
  </si>
  <si>
    <t>介護職員等特定処遇改善計画書</t>
    <rPh sb="0" eb="2">
      <t>カイゴ</t>
    </rPh>
    <rPh sb="2" eb="4">
      <t>ショクイン</t>
    </rPh>
    <rPh sb="4" eb="5">
      <t>トウ</t>
    </rPh>
    <rPh sb="5" eb="7">
      <t>トクテイ</t>
    </rPh>
    <rPh sb="7" eb="9">
      <t>ショグウ</t>
    </rPh>
    <rPh sb="9" eb="11">
      <t>カイゼン</t>
    </rPh>
    <rPh sb="11" eb="14">
      <t>ケイカクショ</t>
    </rPh>
    <phoneticPr fontId="2"/>
  </si>
  <si>
    <t>（一）　経験・技能のある介護職員のうち一人は、賃金改善に要する費用の見込み額が月額８万円以上又は年額４４０万円以上</t>
    <rPh sb="1" eb="2">
      <t>1</t>
    </rPh>
    <rPh sb="4" eb="6">
      <t>ケイケン</t>
    </rPh>
    <rPh sb="7" eb="9">
      <t>ギノウ</t>
    </rPh>
    <rPh sb="12" eb="14">
      <t>カイゴ</t>
    </rPh>
    <rPh sb="14" eb="16">
      <t>ショクイン</t>
    </rPh>
    <rPh sb="19" eb="21">
      <t>ヒトリ</t>
    </rPh>
    <rPh sb="23" eb="25">
      <t>チンギン</t>
    </rPh>
    <rPh sb="25" eb="27">
      <t>カイゼン</t>
    </rPh>
    <rPh sb="28" eb="29">
      <t>ヨウ</t>
    </rPh>
    <rPh sb="31" eb="33">
      <t>ヒヨウ</t>
    </rPh>
    <rPh sb="34" eb="36">
      <t>ミコ</t>
    </rPh>
    <rPh sb="37" eb="38">
      <t>ガク</t>
    </rPh>
    <rPh sb="39" eb="41">
      <t>ゲツガク</t>
    </rPh>
    <rPh sb="42" eb="44">
      <t>マンエン</t>
    </rPh>
    <rPh sb="44" eb="46">
      <t>イジョウ</t>
    </rPh>
    <rPh sb="46" eb="47">
      <t>マタ</t>
    </rPh>
    <rPh sb="48" eb="50">
      <t>ネンガク</t>
    </rPh>
    <rPh sb="53" eb="55">
      <t>マンエン</t>
    </rPh>
    <rPh sb="55" eb="57">
      <t>イジョウ</t>
    </rPh>
    <phoneticPr fontId="2"/>
  </si>
  <si>
    <t>（二）　指定通所介護事業所における経験・技能のある介護職員の賃金改善に要する費用の見込額の平均が介護職員（経験・技能のある介護職員を除く）の賃金改善に要する費用の見込額の平均を上回っている</t>
    <rPh sb="1" eb="2">
      <t>2</t>
    </rPh>
    <rPh sb="4" eb="6">
      <t>シテイ</t>
    </rPh>
    <rPh sb="6" eb="8">
      <t>ツウショ</t>
    </rPh>
    <rPh sb="8" eb="10">
      <t>カイゴ</t>
    </rPh>
    <rPh sb="10" eb="13">
      <t>ジギョウショ</t>
    </rPh>
    <rPh sb="17" eb="19">
      <t>ケイケン</t>
    </rPh>
    <rPh sb="20" eb="22">
      <t>ギノウ</t>
    </rPh>
    <rPh sb="25" eb="27">
      <t>カイゴ</t>
    </rPh>
    <rPh sb="27" eb="29">
      <t>ショクイン</t>
    </rPh>
    <rPh sb="30" eb="32">
      <t>チンギン</t>
    </rPh>
    <rPh sb="32" eb="34">
      <t>カイゼン</t>
    </rPh>
    <rPh sb="35" eb="36">
      <t>ヨウ</t>
    </rPh>
    <rPh sb="38" eb="40">
      <t>ヒヨウ</t>
    </rPh>
    <rPh sb="41" eb="43">
      <t>ミコ</t>
    </rPh>
    <rPh sb="43" eb="44">
      <t>ガク</t>
    </rPh>
    <rPh sb="45" eb="47">
      <t>ヘイキン</t>
    </rPh>
    <rPh sb="48" eb="50">
      <t>カイゴ</t>
    </rPh>
    <rPh sb="50" eb="52">
      <t>ショクイン</t>
    </rPh>
    <rPh sb="53" eb="55">
      <t>ケイケン</t>
    </rPh>
    <rPh sb="66" eb="67">
      <t>ノゾ</t>
    </rPh>
    <rPh sb="70" eb="72">
      <t>チンギン</t>
    </rPh>
    <rPh sb="72" eb="74">
      <t>カイゼン</t>
    </rPh>
    <rPh sb="75" eb="76">
      <t>ヨウ</t>
    </rPh>
    <rPh sb="78" eb="80">
      <t>ヒヨウ</t>
    </rPh>
    <rPh sb="81" eb="84">
      <t>ミコミガク</t>
    </rPh>
    <rPh sb="85" eb="87">
      <t>ヘイキン</t>
    </rPh>
    <rPh sb="88" eb="90">
      <t>ウワマワ</t>
    </rPh>
    <phoneticPr fontId="2"/>
  </si>
  <si>
    <t>（三）介護職員（経験・技能のある介護職員を除く）の賃金改善に要する費用の見込額の平均が介護職員以外の職員の賃金改善に要する費用の見込額の平均の２倍以上（介護職員以外の職員の平均賃金額が介護職員（経験・技能のある介護職員を除く）の平均賃金額を上回らない場合を除く）</t>
    <rPh sb="1" eb="2">
      <t>3</t>
    </rPh>
    <rPh sb="25" eb="27">
      <t>チンギン</t>
    </rPh>
    <rPh sb="27" eb="29">
      <t>カイゼン</t>
    </rPh>
    <rPh sb="30" eb="31">
      <t>ヨウ</t>
    </rPh>
    <rPh sb="33" eb="35">
      <t>ヒヨウ</t>
    </rPh>
    <rPh sb="43" eb="45">
      <t>カイゴ</t>
    </rPh>
    <rPh sb="45" eb="47">
      <t>ショクイン</t>
    </rPh>
    <rPh sb="47" eb="49">
      <t>イガイ</t>
    </rPh>
    <rPh sb="50" eb="52">
      <t>ショクイン</t>
    </rPh>
    <rPh sb="53" eb="55">
      <t>チンギン</t>
    </rPh>
    <rPh sb="55" eb="57">
      <t>カイゼン</t>
    </rPh>
    <rPh sb="58" eb="59">
      <t>ヨウ</t>
    </rPh>
    <rPh sb="61" eb="63">
      <t>ヒヨウ</t>
    </rPh>
    <rPh sb="64" eb="67">
      <t>ミコミガク</t>
    </rPh>
    <rPh sb="68" eb="70">
      <t>ヘイキン</t>
    </rPh>
    <rPh sb="72" eb="75">
      <t>バイイジョウ</t>
    </rPh>
    <rPh sb="76" eb="78">
      <t>カイゴ</t>
    </rPh>
    <rPh sb="78" eb="80">
      <t>ショクイン</t>
    </rPh>
    <rPh sb="80" eb="82">
      <t>イガイ</t>
    </rPh>
    <rPh sb="83" eb="85">
      <t>ショクイン</t>
    </rPh>
    <rPh sb="86" eb="88">
      <t>ヘイキン</t>
    </rPh>
    <rPh sb="88" eb="91">
      <t>チンギンガク</t>
    </rPh>
    <rPh sb="116" eb="119">
      <t>チンギンガク</t>
    </rPh>
    <rPh sb="120" eb="122">
      <t>ウワマワ</t>
    </rPh>
    <rPh sb="125" eb="127">
      <t>バアイ</t>
    </rPh>
    <rPh sb="128" eb="129">
      <t>ノゾ</t>
    </rPh>
    <phoneticPr fontId="2"/>
  </si>
  <si>
    <t>（四）　介護職員以外の職員の賃金改善後の賃金の見込額が年額４４０万円を上回らない</t>
    <rPh sb="1" eb="2">
      <t>4</t>
    </rPh>
    <rPh sb="4" eb="6">
      <t>カイゴ</t>
    </rPh>
    <rPh sb="6" eb="8">
      <t>ショクイン</t>
    </rPh>
    <rPh sb="8" eb="10">
      <t>イガイ</t>
    </rPh>
    <rPh sb="11" eb="13">
      <t>ショクイン</t>
    </rPh>
    <rPh sb="14" eb="18">
      <t>チンギンカイゼン</t>
    </rPh>
    <rPh sb="18" eb="19">
      <t>ゴ</t>
    </rPh>
    <rPh sb="20" eb="22">
      <t>チンギン</t>
    </rPh>
    <rPh sb="23" eb="26">
      <t>ミコミガク</t>
    </rPh>
    <rPh sb="27" eb="29">
      <t>ネンガク</t>
    </rPh>
    <rPh sb="33" eb="34">
      <t>エン</t>
    </rPh>
    <rPh sb="35" eb="37">
      <t>ウワマワ</t>
    </rPh>
    <phoneticPr fontId="2"/>
  </si>
  <si>
    <t>２　介護職員等特定処遇改善計画書の作成、周知、届出</t>
    <rPh sb="2" eb="4">
      <t>カイゴ</t>
    </rPh>
    <rPh sb="4" eb="6">
      <t>ショクイン</t>
    </rPh>
    <rPh sb="6" eb="7">
      <t>トウ</t>
    </rPh>
    <rPh sb="7" eb="9">
      <t>トクテイ</t>
    </rPh>
    <rPh sb="9" eb="11">
      <t>ショグウ</t>
    </rPh>
    <rPh sb="11" eb="13">
      <t>カイゼン</t>
    </rPh>
    <rPh sb="13" eb="16">
      <t>ケイカクショ</t>
    </rPh>
    <rPh sb="17" eb="19">
      <t>サクセイ</t>
    </rPh>
    <rPh sb="20" eb="22">
      <t>シュウチ</t>
    </rPh>
    <rPh sb="23" eb="25">
      <t>トドケデ</t>
    </rPh>
    <phoneticPr fontId="2"/>
  </si>
  <si>
    <t>・介護職員等特定処遇改善計画書
・会議録、周知文章</t>
    <rPh sb="1" eb="3">
      <t>カイゴ</t>
    </rPh>
    <rPh sb="3" eb="5">
      <t>ショクイン</t>
    </rPh>
    <rPh sb="5" eb="6">
      <t>トウ</t>
    </rPh>
    <rPh sb="6" eb="8">
      <t>トクテイ</t>
    </rPh>
    <rPh sb="8" eb="10">
      <t>ショグウ</t>
    </rPh>
    <rPh sb="10" eb="12">
      <t>カイゼン</t>
    </rPh>
    <rPh sb="12" eb="15">
      <t>ケイカクショ</t>
    </rPh>
    <phoneticPr fontId="2"/>
  </si>
  <si>
    <t>３　介護職員等特定処遇改善加算の算定額に相当する賃金改善の実施</t>
    <rPh sb="2" eb="15">
      <t>カイゴショクイントウトクテイショグウカイゼンカサン</t>
    </rPh>
    <rPh sb="16" eb="19">
      <t>サンテイガク</t>
    </rPh>
    <rPh sb="20" eb="22">
      <t>ソウトウ</t>
    </rPh>
    <rPh sb="24" eb="26">
      <t>チンギン</t>
    </rPh>
    <rPh sb="26" eb="28">
      <t>カイゼン</t>
    </rPh>
    <rPh sb="29" eb="31">
      <t>ジッシ</t>
    </rPh>
    <phoneticPr fontId="2"/>
  </si>
  <si>
    <t>賃金台帳</t>
    <rPh sb="0" eb="2">
      <t>チンギン</t>
    </rPh>
    <rPh sb="2" eb="4">
      <t>ダイチョウ</t>
    </rPh>
    <phoneticPr fontId="2"/>
  </si>
  <si>
    <t>４　処遇改善の実施の報告</t>
    <rPh sb="2" eb="4">
      <t>ショグウ</t>
    </rPh>
    <rPh sb="4" eb="6">
      <t>カイゼン</t>
    </rPh>
    <rPh sb="7" eb="9">
      <t>ジッシ</t>
    </rPh>
    <rPh sb="10" eb="12">
      <t>ホウコク</t>
    </rPh>
    <phoneticPr fontId="2"/>
  </si>
  <si>
    <t>５　サービス提供体制強化加算（Ⅰ）又は（Ⅱ）の届出</t>
    <rPh sb="6" eb="8">
      <t>テイキョウ</t>
    </rPh>
    <rPh sb="8" eb="10">
      <t>タイセイ</t>
    </rPh>
    <rPh sb="10" eb="12">
      <t>キョウカ</t>
    </rPh>
    <rPh sb="12" eb="14">
      <t>カサン</t>
    </rPh>
    <rPh sb="17" eb="18">
      <t>マタ</t>
    </rPh>
    <rPh sb="23" eb="25">
      <t>トドケデ</t>
    </rPh>
    <phoneticPr fontId="2"/>
  </si>
  <si>
    <t>６　介護職員処遇改善加算（Ⅰ）から（Ⅲ）までのいずれかを算定</t>
    <rPh sb="2" eb="4">
      <t>カイゴ</t>
    </rPh>
    <rPh sb="4" eb="6">
      <t>ショクイン</t>
    </rPh>
    <rPh sb="6" eb="8">
      <t>ショグウ</t>
    </rPh>
    <rPh sb="8" eb="12">
      <t>カイゼンカサン</t>
    </rPh>
    <rPh sb="28" eb="30">
      <t>サンテイ</t>
    </rPh>
    <phoneticPr fontId="2"/>
  </si>
  <si>
    <t>７　処遇改善の内容（賃金改善を除く）及び処遇改善に要する費用の見込額を全ての職員に周知</t>
    <rPh sb="31" eb="34">
      <t>ミコミガク</t>
    </rPh>
    <phoneticPr fontId="2"/>
  </si>
  <si>
    <t>８　処遇改善の内容（賃金改善を除く）等についてインターネットの利用その他の適切な方法で公表</t>
    <rPh sb="18" eb="19">
      <t>トウ</t>
    </rPh>
    <rPh sb="31" eb="33">
      <t>リヨウ</t>
    </rPh>
    <rPh sb="35" eb="36">
      <t>タ</t>
    </rPh>
    <rPh sb="37" eb="39">
      <t>テキセツ</t>
    </rPh>
    <rPh sb="40" eb="42">
      <t>ホウホウ</t>
    </rPh>
    <rPh sb="43" eb="45">
      <t>コウヒョウ</t>
    </rPh>
    <phoneticPr fontId="2"/>
  </si>
  <si>
    <t>公表していることがわかるもの</t>
    <rPh sb="0" eb="2">
      <t>コウヒョウ</t>
    </rPh>
    <phoneticPr fontId="2"/>
  </si>
  <si>
    <t>介護職員等特定処遇改善加算（Ⅱ）</t>
    <rPh sb="0" eb="2">
      <t>カイゴ</t>
    </rPh>
    <rPh sb="2" eb="4">
      <t>ショクイン</t>
    </rPh>
    <rPh sb="4" eb="5">
      <t>トウ</t>
    </rPh>
    <rPh sb="5" eb="7">
      <t>トクテイ</t>
    </rPh>
    <rPh sb="7" eb="9">
      <t>ショグウ</t>
    </rPh>
    <rPh sb="9" eb="11">
      <t>カイゼン</t>
    </rPh>
    <rPh sb="11" eb="13">
      <t>カサン</t>
    </rPh>
    <phoneticPr fontId="2"/>
  </si>
  <si>
    <t>５　介護職員処遇改善加算（Ⅰ）から（Ⅲ）までのいずれかを算定</t>
    <rPh sb="2" eb="4">
      <t>カイゴ</t>
    </rPh>
    <rPh sb="4" eb="6">
      <t>ショクイン</t>
    </rPh>
    <rPh sb="6" eb="8">
      <t>ショグウ</t>
    </rPh>
    <rPh sb="8" eb="12">
      <t>カイゼンカサン</t>
    </rPh>
    <rPh sb="28" eb="30">
      <t>サンテイ</t>
    </rPh>
    <phoneticPr fontId="2"/>
  </si>
  <si>
    <t>６　処遇改善の内容（賃金改善を除く）及び処遇改善に要する費用の見込額を全ての職員に周知</t>
    <rPh sb="31" eb="34">
      <t>ミコミガク</t>
    </rPh>
    <phoneticPr fontId="2"/>
  </si>
  <si>
    <t>７　処遇改善の内容（賃金改善を除く）等についてインターネットの利用その他の適切な方法で公表</t>
    <rPh sb="18" eb="19">
      <t>トウ</t>
    </rPh>
    <rPh sb="31" eb="33">
      <t>リヨウ</t>
    </rPh>
    <rPh sb="35" eb="36">
      <t>タ</t>
    </rPh>
    <rPh sb="37" eb="39">
      <t>テキセツ</t>
    </rPh>
    <rPh sb="40" eb="42">
      <t>ホウホウ</t>
    </rPh>
    <rPh sb="43" eb="45">
      <t>コウヒョウ</t>
    </rPh>
    <phoneticPr fontId="2"/>
  </si>
  <si>
    <t>会議録等</t>
    <phoneticPr fontId="2"/>
  </si>
  <si>
    <t>複数の選択的サービスを組み合わせて実施するに当たって、各選択的サービスを担当する専門の職種が相互に連携を図り、より効果的なサービスの提供方法等について検討している。</t>
    <phoneticPr fontId="2"/>
  </si>
  <si>
    <t>会議録等</t>
    <rPh sb="0" eb="3">
      <t>カイギロク</t>
    </rPh>
    <rPh sb="3" eb="4">
      <t>ナド</t>
    </rPh>
    <phoneticPr fontId="2"/>
  </si>
  <si>
    <t>複数の選択的サービスを組み合わせて実施するに当たって、各選択的サービスを担当する専門の職種が相互に連携を図り、より効果的なサービスの提供方法等について検討している。</t>
    <rPh sb="0" eb="2">
      <t>フクスウ</t>
    </rPh>
    <rPh sb="3" eb="6">
      <t>センタクテキ</t>
    </rPh>
    <rPh sb="11" eb="12">
      <t>ク</t>
    </rPh>
    <rPh sb="13" eb="14">
      <t>ア</t>
    </rPh>
    <rPh sb="17" eb="19">
      <t>ジッシ</t>
    </rPh>
    <rPh sb="22" eb="23">
      <t>ア</t>
    </rPh>
    <rPh sb="27" eb="28">
      <t>カク</t>
    </rPh>
    <rPh sb="28" eb="31">
      <t>センタクテキ</t>
    </rPh>
    <rPh sb="36" eb="38">
      <t>タントウ</t>
    </rPh>
    <rPh sb="40" eb="42">
      <t>センモン</t>
    </rPh>
    <rPh sb="43" eb="45">
      <t>ショクシュ</t>
    </rPh>
    <rPh sb="46" eb="48">
      <t>ソウゴ</t>
    </rPh>
    <rPh sb="49" eb="51">
      <t>レンケイ</t>
    </rPh>
    <rPh sb="52" eb="53">
      <t>ハカ</t>
    </rPh>
    <rPh sb="57" eb="60">
      <t>コウカテキ</t>
    </rPh>
    <rPh sb="66" eb="68">
      <t>テイキョウ</t>
    </rPh>
    <rPh sb="68" eb="70">
      <t>ホウホウ</t>
    </rPh>
    <rPh sb="70" eb="71">
      <t>ナド</t>
    </rPh>
    <rPh sb="75" eb="77">
      <t>ケントウ</t>
    </rPh>
    <phoneticPr fontId="2"/>
  </si>
  <si>
    <t>選択的サービス複数実施加算Ⅱ</t>
    <phoneticPr fontId="2"/>
  </si>
  <si>
    <t>実施する選択的サービスごとに、各選択的サービスの取扱いに従い適切に実施している。</t>
    <rPh sb="0" eb="2">
      <t>ジッシ</t>
    </rPh>
    <rPh sb="4" eb="7">
      <t>センタクテキ</t>
    </rPh>
    <rPh sb="15" eb="16">
      <t>カク</t>
    </rPh>
    <rPh sb="16" eb="19">
      <t>センタクテキ</t>
    </rPh>
    <rPh sb="24" eb="26">
      <t>トリアツカ</t>
    </rPh>
    <rPh sb="28" eb="29">
      <t>シタガ</t>
    </rPh>
    <rPh sb="30" eb="32">
      <t>テキセツ</t>
    </rPh>
    <rPh sb="33" eb="35">
      <t>ジッシ</t>
    </rPh>
    <phoneticPr fontId="23"/>
  </si>
  <si>
    <t>当該利用者に対し、選択的サービスのうちいずれかのサービスを1月につき2回以上行い、かつ、いずれかの選択的サービスを週1回以上実施している。</t>
    <rPh sb="0" eb="2">
      <t>トウガイ</t>
    </rPh>
    <phoneticPr fontId="23"/>
  </si>
  <si>
    <t>運動器機能向上加算、栄養改善加算、口腔機能向上加算を算定していない。</t>
    <phoneticPr fontId="23"/>
  </si>
  <si>
    <t>計画書および実施記録等</t>
    <rPh sb="0" eb="3">
      <t>ケイカクショ</t>
    </rPh>
    <rPh sb="6" eb="8">
      <t>ジッシ</t>
    </rPh>
    <rPh sb="8" eb="10">
      <t>キロク</t>
    </rPh>
    <rPh sb="10" eb="11">
      <t>ナド</t>
    </rPh>
    <phoneticPr fontId="2"/>
  </si>
  <si>
    <t>運動器機能向上サービス、栄養アセスメント・栄養改善サービス又は口腔機能向上サービスのうち、３種類のサービスを実施している。</t>
    <rPh sb="0" eb="2">
      <t>ウンドウ</t>
    </rPh>
    <rPh sb="2" eb="3">
      <t>キ</t>
    </rPh>
    <rPh sb="3" eb="5">
      <t>キノウ</t>
    </rPh>
    <rPh sb="5" eb="7">
      <t>コウジョウ</t>
    </rPh>
    <rPh sb="12" eb="14">
      <t>エイヨウ</t>
    </rPh>
    <rPh sb="21" eb="23">
      <t>エイヨウ</t>
    </rPh>
    <rPh sb="23" eb="25">
      <t>カイゼン</t>
    </rPh>
    <rPh sb="29" eb="30">
      <t>マタ</t>
    </rPh>
    <rPh sb="31" eb="33">
      <t>コウクウ</t>
    </rPh>
    <rPh sb="33" eb="35">
      <t>キノウ</t>
    </rPh>
    <rPh sb="35" eb="37">
      <t>コウジョウ</t>
    </rPh>
    <rPh sb="46" eb="48">
      <t>シュルイ</t>
    </rPh>
    <rPh sb="54" eb="56">
      <t>ジッシ</t>
    </rPh>
    <phoneticPr fontId="2"/>
  </si>
  <si>
    <t>　あり</t>
    <phoneticPr fontId="2"/>
  </si>
  <si>
    <t>選択的サービス複数実施加算Ⅱ</t>
    <rPh sb="0" eb="3">
      <t>センタクテキ</t>
    </rPh>
    <rPh sb="7" eb="9">
      <t>フクスウ</t>
    </rPh>
    <rPh sb="9" eb="11">
      <t>ジッシ</t>
    </rPh>
    <rPh sb="11" eb="13">
      <t>カサン</t>
    </rPh>
    <phoneticPr fontId="2"/>
  </si>
  <si>
    <t>運動器機能向上サービス、栄養アセスメント・栄養改善サービス又は口腔機能向上サービスのうち、２種類のサービスを実施している。</t>
    <rPh sb="0" eb="2">
      <t>ウンドウ</t>
    </rPh>
    <rPh sb="2" eb="3">
      <t>キ</t>
    </rPh>
    <rPh sb="3" eb="5">
      <t>キノウ</t>
    </rPh>
    <rPh sb="5" eb="7">
      <t>コウジョウ</t>
    </rPh>
    <rPh sb="12" eb="14">
      <t>エイヨウ</t>
    </rPh>
    <rPh sb="21" eb="23">
      <t>エイヨウ</t>
    </rPh>
    <rPh sb="23" eb="25">
      <t>カイゼン</t>
    </rPh>
    <rPh sb="29" eb="30">
      <t>マタ</t>
    </rPh>
    <rPh sb="31" eb="33">
      <t>コウクウ</t>
    </rPh>
    <rPh sb="33" eb="35">
      <t>キノウ</t>
    </rPh>
    <rPh sb="35" eb="37">
      <t>コウジョウ</t>
    </rPh>
    <rPh sb="46" eb="48">
      <t>シュルイ</t>
    </rPh>
    <rPh sb="54" eb="56">
      <t>ジッシ</t>
    </rPh>
    <phoneticPr fontId="2"/>
  </si>
  <si>
    <t>選択的サービス複数実施加算Ⅰ</t>
    <rPh sb="0" eb="3">
      <t>センタクテキ</t>
    </rPh>
    <rPh sb="7" eb="9">
      <t>フクスウ</t>
    </rPh>
    <rPh sb="9" eb="11">
      <t>ジッシ</t>
    </rPh>
    <rPh sb="11" eb="13">
      <t>カサン</t>
    </rPh>
    <phoneticPr fontId="2"/>
  </si>
  <si>
    <t>事後アセスメントの記録
地域包括支援センターへの報告がわかる記録</t>
    <rPh sb="0" eb="2">
      <t>ジゴ</t>
    </rPh>
    <rPh sb="9" eb="11">
      <t>キロク</t>
    </rPh>
    <rPh sb="12" eb="14">
      <t>チイキ</t>
    </rPh>
    <rPh sb="14" eb="16">
      <t>ホウカツ</t>
    </rPh>
    <rPh sb="16" eb="18">
      <t>シエン</t>
    </rPh>
    <rPh sb="24" eb="26">
      <t>ホウコク</t>
    </rPh>
    <rPh sb="30" eb="32">
      <t>キロク</t>
    </rPh>
    <phoneticPr fontId="2"/>
  </si>
  <si>
    <t>実施期間終了後に、利用者ごとに、長期目標の達成度及び運動器の機能の好況について、事後アセスメントを実施し、その結果を当該利用者に係る地域包括支援センター等に報告している。</t>
    <rPh sb="66" eb="68">
      <t>チイキ</t>
    </rPh>
    <rPh sb="68" eb="70">
      <t>ホウカツ</t>
    </rPh>
    <rPh sb="70" eb="72">
      <t>シエン</t>
    </rPh>
    <rPh sb="76" eb="77">
      <t>トウ</t>
    </rPh>
    <phoneticPr fontId="2"/>
  </si>
  <si>
    <t>モニタリング記録
運動器機能向上計画</t>
    <rPh sb="6" eb="8">
      <t>キロク</t>
    </rPh>
    <rPh sb="9" eb="11">
      <t>ウンドウ</t>
    </rPh>
    <rPh sb="11" eb="12">
      <t>キ</t>
    </rPh>
    <rPh sb="12" eb="14">
      <t>キノウ</t>
    </rPh>
    <rPh sb="14" eb="16">
      <t>コウジョウ</t>
    </rPh>
    <rPh sb="16" eb="18">
      <t>ケイカク</t>
    </rPh>
    <phoneticPr fontId="2"/>
  </si>
  <si>
    <t>利用者の短期目標に応じて、おおむね１月間ごとに、利用者の当該短期目標の達成度と客観的な運動器の機能の状況についてモニタリングを行い、必要に応じて、運動器機能向上計画の修正を行っている。</t>
    <phoneticPr fontId="2"/>
  </si>
  <si>
    <t>説明、同意がわかるもの</t>
    <rPh sb="0" eb="2">
      <t>セツメイ</t>
    </rPh>
    <rPh sb="3" eb="5">
      <t>ドウイ</t>
    </rPh>
    <phoneticPr fontId="2"/>
  </si>
  <si>
    <t>運動器機能向上計画については、運動器機能向上サービスの提供による効果、リスク、緊急時の対応等と併せて、当該運動器機能向上計画の対象となる利用者に分かりやすい形で説明し、その同意を得ている。</t>
    <rPh sb="0" eb="2">
      <t>ウンドウ</t>
    </rPh>
    <rPh sb="2" eb="3">
      <t>キ</t>
    </rPh>
    <rPh sb="3" eb="5">
      <t>キノウ</t>
    </rPh>
    <rPh sb="5" eb="7">
      <t>コウジョウ</t>
    </rPh>
    <rPh sb="7" eb="9">
      <t>ケイカク</t>
    </rPh>
    <rPh sb="15" eb="17">
      <t>ウンドウ</t>
    </rPh>
    <rPh sb="17" eb="18">
      <t>キ</t>
    </rPh>
    <rPh sb="18" eb="20">
      <t>キノウ</t>
    </rPh>
    <rPh sb="20" eb="22">
      <t>コウジョウ</t>
    </rPh>
    <rPh sb="27" eb="29">
      <t>テイキョウ</t>
    </rPh>
    <rPh sb="32" eb="34">
      <t>コウカ</t>
    </rPh>
    <rPh sb="39" eb="42">
      <t>キンキュウジ</t>
    </rPh>
    <rPh sb="43" eb="45">
      <t>タイオウ</t>
    </rPh>
    <rPh sb="45" eb="46">
      <t>ナド</t>
    </rPh>
    <rPh sb="47" eb="48">
      <t>アワ</t>
    </rPh>
    <rPh sb="51" eb="53">
      <t>トウガイ</t>
    </rPh>
    <rPh sb="53" eb="55">
      <t>ウンドウ</t>
    </rPh>
    <rPh sb="55" eb="56">
      <t>キ</t>
    </rPh>
    <rPh sb="56" eb="58">
      <t>キノウ</t>
    </rPh>
    <rPh sb="58" eb="60">
      <t>コウジョウ</t>
    </rPh>
    <rPh sb="60" eb="62">
      <t>ケイカク</t>
    </rPh>
    <rPh sb="63" eb="65">
      <t>タイショウ</t>
    </rPh>
    <rPh sb="68" eb="71">
      <t>リヨウシャ</t>
    </rPh>
    <rPh sb="72" eb="73">
      <t>ワ</t>
    </rPh>
    <rPh sb="78" eb="79">
      <t>カタチ</t>
    </rPh>
    <rPh sb="80" eb="82">
      <t>セツメイ</t>
    </rPh>
    <rPh sb="86" eb="88">
      <t>ドウイ</t>
    </rPh>
    <rPh sb="89" eb="90">
      <t>エ</t>
    </rPh>
    <phoneticPr fontId="2"/>
  </si>
  <si>
    <t>運動器機能計画書等
ケアプラン</t>
    <rPh sb="0" eb="2">
      <t>ウンドウ</t>
    </rPh>
    <rPh sb="2" eb="3">
      <t>キ</t>
    </rPh>
    <rPh sb="3" eb="5">
      <t>キノウ</t>
    </rPh>
    <rPh sb="5" eb="7">
      <t>ケイカク</t>
    </rPh>
    <rPh sb="7" eb="8">
      <t>ショ</t>
    </rPh>
    <rPh sb="8" eb="9">
      <t>トウ</t>
    </rPh>
    <phoneticPr fontId="2"/>
  </si>
  <si>
    <t>運動器機能向上計画は、介護予防支援事業者において作成された当該両者に係るケアプラン等と整合性が図れている。</t>
    <rPh sb="0" eb="2">
      <t>ウンドウ</t>
    </rPh>
    <rPh sb="2" eb="3">
      <t>キ</t>
    </rPh>
    <rPh sb="3" eb="5">
      <t>キノウ</t>
    </rPh>
    <rPh sb="5" eb="7">
      <t>コウジョウ</t>
    </rPh>
    <rPh sb="7" eb="9">
      <t>ケイカク</t>
    </rPh>
    <rPh sb="11" eb="13">
      <t>カイゴ</t>
    </rPh>
    <rPh sb="13" eb="15">
      <t>ヨボウ</t>
    </rPh>
    <rPh sb="15" eb="17">
      <t>シエン</t>
    </rPh>
    <rPh sb="17" eb="20">
      <t>ジギョウシャ</t>
    </rPh>
    <rPh sb="24" eb="26">
      <t>サクセイ</t>
    </rPh>
    <rPh sb="29" eb="31">
      <t>トウガイ</t>
    </rPh>
    <rPh sb="31" eb="33">
      <t>リョウシャ</t>
    </rPh>
    <rPh sb="34" eb="35">
      <t>カカ</t>
    </rPh>
    <rPh sb="41" eb="42">
      <t>トウ</t>
    </rPh>
    <rPh sb="43" eb="46">
      <t>セイゴウセイ</t>
    </rPh>
    <rPh sb="47" eb="48">
      <t>ハカ</t>
    </rPh>
    <phoneticPr fontId="2"/>
  </si>
  <si>
    <t>運動器機能向上計画書等</t>
    <rPh sb="0" eb="2">
      <t>ウンドウ</t>
    </rPh>
    <rPh sb="2" eb="3">
      <t>キ</t>
    </rPh>
    <rPh sb="3" eb="5">
      <t>キノウ</t>
    </rPh>
    <rPh sb="5" eb="7">
      <t>コウジョウ</t>
    </rPh>
    <rPh sb="7" eb="9">
      <t>ケイカク</t>
    </rPh>
    <rPh sb="9" eb="10">
      <t>ショ</t>
    </rPh>
    <rPh sb="10" eb="11">
      <t>トウ</t>
    </rPh>
    <phoneticPr fontId="2"/>
  </si>
  <si>
    <t>利用者に係る長期目標及び短期目標を踏まえ、理学療法士等、看護職員、介護職員、生活相談員その他の職種の者が共同して、当該利用者ごとに、実施する運動の種類、実施期間、実施頻度、１回当たりの実施時間、実施形態等を記載した運動器機能向上計画を作成している。</t>
    <rPh sb="0" eb="2">
      <t>リヨウ</t>
    </rPh>
    <rPh sb="2" eb="3">
      <t>シャ</t>
    </rPh>
    <rPh sb="4" eb="5">
      <t>カカ</t>
    </rPh>
    <rPh sb="6" eb="8">
      <t>チョウキ</t>
    </rPh>
    <rPh sb="8" eb="10">
      <t>モクヒョウ</t>
    </rPh>
    <rPh sb="10" eb="11">
      <t>オヨ</t>
    </rPh>
    <rPh sb="12" eb="14">
      <t>タンキ</t>
    </rPh>
    <rPh sb="14" eb="16">
      <t>モクヒョウ</t>
    </rPh>
    <rPh sb="17" eb="18">
      <t>フ</t>
    </rPh>
    <rPh sb="21" eb="23">
      <t>リガク</t>
    </rPh>
    <rPh sb="23" eb="26">
      <t>リョウホウシ</t>
    </rPh>
    <rPh sb="26" eb="27">
      <t>ナド</t>
    </rPh>
    <rPh sb="28" eb="30">
      <t>カンゴ</t>
    </rPh>
    <rPh sb="30" eb="32">
      <t>ショクイン</t>
    </rPh>
    <rPh sb="33" eb="35">
      <t>カイゴ</t>
    </rPh>
    <rPh sb="35" eb="37">
      <t>ショクイン</t>
    </rPh>
    <rPh sb="38" eb="40">
      <t>セイカツ</t>
    </rPh>
    <rPh sb="40" eb="43">
      <t>ソウダンイン</t>
    </rPh>
    <rPh sb="45" eb="46">
      <t>タ</t>
    </rPh>
    <rPh sb="47" eb="49">
      <t>ショクシュ</t>
    </rPh>
    <rPh sb="50" eb="51">
      <t>モノ</t>
    </rPh>
    <rPh sb="52" eb="54">
      <t>キョウドウ</t>
    </rPh>
    <rPh sb="57" eb="59">
      <t>トウガイ</t>
    </rPh>
    <rPh sb="59" eb="61">
      <t>リヨウ</t>
    </rPh>
    <rPh sb="61" eb="62">
      <t>シャ</t>
    </rPh>
    <rPh sb="66" eb="68">
      <t>ジッシ</t>
    </rPh>
    <rPh sb="70" eb="72">
      <t>ウンドウ</t>
    </rPh>
    <rPh sb="73" eb="75">
      <t>シュルイ</t>
    </rPh>
    <rPh sb="76" eb="78">
      <t>ジッシ</t>
    </rPh>
    <rPh sb="78" eb="80">
      <t>キカン</t>
    </rPh>
    <rPh sb="81" eb="83">
      <t>ジッシ</t>
    </rPh>
    <rPh sb="83" eb="85">
      <t>ヒンド</t>
    </rPh>
    <rPh sb="87" eb="88">
      <t>カイ</t>
    </rPh>
    <rPh sb="88" eb="89">
      <t>ア</t>
    </rPh>
    <rPh sb="92" eb="94">
      <t>ジッシ</t>
    </rPh>
    <rPh sb="94" eb="96">
      <t>ジカン</t>
    </rPh>
    <rPh sb="97" eb="99">
      <t>ジッシ</t>
    </rPh>
    <rPh sb="99" eb="102">
      <t>ケイタイナド</t>
    </rPh>
    <rPh sb="103" eb="105">
      <t>キサイ</t>
    </rPh>
    <rPh sb="107" eb="109">
      <t>ウンドウ</t>
    </rPh>
    <rPh sb="109" eb="110">
      <t>キ</t>
    </rPh>
    <rPh sb="110" eb="112">
      <t>キノウ</t>
    </rPh>
    <rPh sb="112" eb="114">
      <t>コウジョウ</t>
    </rPh>
    <rPh sb="114" eb="116">
      <t>ケイカク</t>
    </rPh>
    <rPh sb="117" eb="119">
      <t>サクセイ</t>
    </rPh>
    <phoneticPr fontId="2"/>
  </si>
  <si>
    <t>理学療法士等が、暫定的に、利用者ごとのニーズを実現するためのおおむね３月程度で達成可能な目標及び長期目標を達成するためのおおむね１月程度で達成可能な目標を設定している。</t>
    <rPh sb="0" eb="2">
      <t>リガク</t>
    </rPh>
    <rPh sb="2" eb="5">
      <t>リョウホウシ</t>
    </rPh>
    <rPh sb="5" eb="6">
      <t>ナド</t>
    </rPh>
    <rPh sb="8" eb="11">
      <t>ザンテイテキ</t>
    </rPh>
    <rPh sb="13" eb="16">
      <t>リヨウシャ</t>
    </rPh>
    <rPh sb="23" eb="25">
      <t>ジツゲン</t>
    </rPh>
    <rPh sb="35" eb="36">
      <t>ツキ</t>
    </rPh>
    <rPh sb="36" eb="38">
      <t>テイド</t>
    </rPh>
    <rPh sb="39" eb="41">
      <t>タッセイ</t>
    </rPh>
    <rPh sb="41" eb="43">
      <t>カノウ</t>
    </rPh>
    <rPh sb="44" eb="46">
      <t>モクヒョウ</t>
    </rPh>
    <rPh sb="46" eb="47">
      <t>オヨ</t>
    </rPh>
    <rPh sb="48" eb="50">
      <t>チョウキ</t>
    </rPh>
    <rPh sb="50" eb="52">
      <t>モクヒョウ</t>
    </rPh>
    <rPh sb="53" eb="55">
      <t>タッセイ</t>
    </rPh>
    <rPh sb="65" eb="66">
      <t>ツキ</t>
    </rPh>
    <rPh sb="66" eb="68">
      <t>テイド</t>
    </rPh>
    <rPh sb="69" eb="71">
      <t>タッセイ</t>
    </rPh>
    <rPh sb="71" eb="73">
      <t>カノウ</t>
    </rPh>
    <rPh sb="74" eb="76">
      <t>モクヒョウ</t>
    </rPh>
    <rPh sb="77" eb="79">
      <t>セッテイ</t>
    </rPh>
    <phoneticPr fontId="2"/>
  </si>
  <si>
    <t>アセスメント等</t>
    <rPh sb="6" eb="7">
      <t>トウ</t>
    </rPh>
    <phoneticPr fontId="2"/>
  </si>
  <si>
    <t>利用者ごとに看護職員等の医療従事者による運動器機能向上サービスの実施に当たってのリスク評価、体力測定などを実施し、サービスの提供に際して考慮すべきリスク、利用者のニーズ及び運動器の機能の状況を、利用開始時に把握している。</t>
    <rPh sb="0" eb="2">
      <t>リヨウ</t>
    </rPh>
    <rPh sb="2" eb="3">
      <t>シャ</t>
    </rPh>
    <rPh sb="6" eb="8">
      <t>カンゴ</t>
    </rPh>
    <rPh sb="8" eb="11">
      <t>ショクインナド</t>
    </rPh>
    <rPh sb="12" eb="14">
      <t>イリョウ</t>
    </rPh>
    <rPh sb="14" eb="17">
      <t>ジュウジシャ</t>
    </rPh>
    <rPh sb="20" eb="22">
      <t>ウンドウ</t>
    </rPh>
    <rPh sb="22" eb="23">
      <t>キ</t>
    </rPh>
    <rPh sb="23" eb="25">
      <t>キノウ</t>
    </rPh>
    <rPh sb="25" eb="27">
      <t>コウジョウ</t>
    </rPh>
    <rPh sb="32" eb="34">
      <t>ジッシ</t>
    </rPh>
    <rPh sb="35" eb="36">
      <t>ア</t>
    </rPh>
    <rPh sb="43" eb="45">
      <t>ヒョウカ</t>
    </rPh>
    <rPh sb="46" eb="48">
      <t>タイリョク</t>
    </rPh>
    <rPh sb="48" eb="50">
      <t>ソクテイ</t>
    </rPh>
    <rPh sb="53" eb="55">
      <t>ジッシ</t>
    </rPh>
    <rPh sb="62" eb="64">
      <t>テイキョウ</t>
    </rPh>
    <rPh sb="65" eb="66">
      <t>サイ</t>
    </rPh>
    <rPh sb="68" eb="70">
      <t>コウリョ</t>
    </rPh>
    <rPh sb="77" eb="80">
      <t>リヨウシャ</t>
    </rPh>
    <rPh sb="84" eb="85">
      <t>オヨ</t>
    </rPh>
    <rPh sb="86" eb="88">
      <t>ウンドウ</t>
    </rPh>
    <rPh sb="88" eb="89">
      <t>キ</t>
    </rPh>
    <rPh sb="90" eb="92">
      <t>キノウ</t>
    </rPh>
    <rPh sb="93" eb="95">
      <t>ジョウキョウ</t>
    </rPh>
    <rPh sb="97" eb="99">
      <t>リヨウ</t>
    </rPh>
    <rPh sb="99" eb="101">
      <t>カイシ</t>
    </rPh>
    <rPh sb="101" eb="102">
      <t>ジ</t>
    </rPh>
    <rPh sb="103" eb="105">
      <t>ハアク</t>
    </rPh>
    <phoneticPr fontId="2"/>
  </si>
  <si>
    <t>勤務表
資格者証</t>
    <rPh sb="0" eb="2">
      <t>キンム</t>
    </rPh>
    <rPh sb="2" eb="3">
      <t>ヒョウ</t>
    </rPh>
    <rPh sb="4" eb="6">
      <t>シカク</t>
    </rPh>
    <rPh sb="6" eb="7">
      <t>シャ</t>
    </rPh>
    <rPh sb="7" eb="8">
      <t>ショウ</t>
    </rPh>
    <phoneticPr fontId="2"/>
  </si>
  <si>
    <t>理学療法士、作業療法士、言語聴覚士、看護職員、柔道整復師なたはあん摩マッサージ指圧師を１名以上配置している。</t>
    <rPh sb="0" eb="2">
      <t>リガク</t>
    </rPh>
    <rPh sb="2" eb="5">
      <t>リョウホウシ</t>
    </rPh>
    <rPh sb="6" eb="8">
      <t>サギョウ</t>
    </rPh>
    <rPh sb="8" eb="11">
      <t>リョウホウシ</t>
    </rPh>
    <rPh sb="12" eb="17">
      <t>ゲンゴチョウカクシ</t>
    </rPh>
    <rPh sb="18" eb="20">
      <t>カンゴ</t>
    </rPh>
    <rPh sb="20" eb="22">
      <t>ショクイン</t>
    </rPh>
    <rPh sb="23" eb="28">
      <t>ジュウドウセイフクシ</t>
    </rPh>
    <rPh sb="33" eb="34">
      <t>マ</t>
    </rPh>
    <rPh sb="39" eb="42">
      <t>シアツシ</t>
    </rPh>
    <rPh sb="44" eb="45">
      <t>ナ</t>
    </rPh>
    <rPh sb="45" eb="47">
      <t>イジョウ</t>
    </rPh>
    <rPh sb="47" eb="49">
      <t>ハイチ</t>
    </rPh>
    <phoneticPr fontId="2"/>
  </si>
  <si>
    <t>運動器機能向上加算</t>
    <phoneticPr fontId="2"/>
  </si>
  <si>
    <t>通所型サービス計画書</t>
    <rPh sb="0" eb="2">
      <t>ツウショ</t>
    </rPh>
    <rPh sb="2" eb="3">
      <t>ガタ</t>
    </rPh>
    <rPh sb="7" eb="10">
      <t>ケイカクショ</t>
    </rPh>
    <phoneticPr fontId="2"/>
  </si>
  <si>
    <t>当該達成目標を達成していない場合には達成できなかった理由を明らかにするとともに、当該サービスの継続の必要性について当該利用者及び地域包括支援センター等と検討し、当該サービスを継続する場合は、適切に実施方法及び実施内容等を見直している。</t>
    <rPh sb="64" eb="66">
      <t>チイキ</t>
    </rPh>
    <rPh sb="66" eb="68">
      <t>ホウカツ</t>
    </rPh>
    <rPh sb="68" eb="70">
      <t>シエン</t>
    </rPh>
    <rPh sb="74" eb="75">
      <t>トウ</t>
    </rPh>
    <phoneticPr fontId="2"/>
  </si>
  <si>
    <t>連携記録等</t>
    <rPh sb="0" eb="2">
      <t>レンケイ</t>
    </rPh>
    <rPh sb="2" eb="4">
      <t>キロク</t>
    </rPh>
    <rPh sb="4" eb="5">
      <t>ナド</t>
    </rPh>
    <phoneticPr fontId="2"/>
  </si>
  <si>
    <t>実施期間終了後、到達目標の達成状況等について確認し、その結果、当該到達目標を達成している場合には、当該利用者に対する当該生活機能向上グループ活動を終了し、担当する地域包括支援センター等に報告している。</t>
    <rPh sb="0" eb="2">
      <t>ジッシ</t>
    </rPh>
    <rPh sb="2" eb="4">
      <t>キカン</t>
    </rPh>
    <rPh sb="4" eb="7">
      <t>シュウリョウゴ</t>
    </rPh>
    <rPh sb="8" eb="10">
      <t>トウタツ</t>
    </rPh>
    <rPh sb="10" eb="12">
      <t>モクヒョウ</t>
    </rPh>
    <rPh sb="13" eb="15">
      <t>タッセイ</t>
    </rPh>
    <rPh sb="15" eb="17">
      <t>ジョウキョウ</t>
    </rPh>
    <rPh sb="17" eb="18">
      <t>ナド</t>
    </rPh>
    <rPh sb="22" eb="24">
      <t>カクニン</t>
    </rPh>
    <rPh sb="28" eb="30">
      <t>ケッカ</t>
    </rPh>
    <rPh sb="31" eb="33">
      <t>トウガイ</t>
    </rPh>
    <rPh sb="33" eb="35">
      <t>トウタツ</t>
    </rPh>
    <rPh sb="35" eb="37">
      <t>モクヒョウ</t>
    </rPh>
    <rPh sb="38" eb="40">
      <t>タッセイ</t>
    </rPh>
    <rPh sb="44" eb="46">
      <t>バアイ</t>
    </rPh>
    <rPh sb="49" eb="51">
      <t>トウガイ</t>
    </rPh>
    <rPh sb="51" eb="54">
      <t>リヨウシャ</t>
    </rPh>
    <rPh sb="55" eb="56">
      <t>タイ</t>
    </rPh>
    <rPh sb="58" eb="60">
      <t>トウガイ</t>
    </rPh>
    <rPh sb="60" eb="62">
      <t>セイカツ</t>
    </rPh>
    <rPh sb="62" eb="64">
      <t>キノウ</t>
    </rPh>
    <rPh sb="64" eb="66">
      <t>コウジョウ</t>
    </rPh>
    <rPh sb="70" eb="72">
      <t>カツドウ</t>
    </rPh>
    <rPh sb="73" eb="75">
      <t>シュウリョウ</t>
    </rPh>
    <rPh sb="77" eb="79">
      <t>タントウ</t>
    </rPh>
    <rPh sb="81" eb="87">
      <t>チイキホウカツシエン</t>
    </rPh>
    <rPh sb="91" eb="92">
      <t>トウ</t>
    </rPh>
    <rPh sb="93" eb="95">
      <t>ホウコク</t>
    </rPh>
    <phoneticPr fontId="2"/>
  </si>
  <si>
    <t xml:space="preserve">通所型サービス計画書
モニタリング記録
</t>
    <rPh sb="0" eb="2">
      <t>ツウショ</t>
    </rPh>
    <rPh sb="2" eb="3">
      <t>ガタ</t>
    </rPh>
    <rPh sb="7" eb="10">
      <t>ケイカクショ</t>
    </rPh>
    <rPh sb="17" eb="19">
      <t>キロク</t>
    </rPh>
    <phoneticPr fontId="2"/>
  </si>
  <si>
    <t>利用者の短期目標に応じて、おおむね１月ごとに、利用者の当該短期目標の達成度と生活機能向上グループ活動における当該利用者の客観的な状況についてモニタリングを行うとともに、必要に応じて、生活機能向上グループ活動に係る計画の修正を行っている。</t>
    <rPh sb="0" eb="3">
      <t>リヨウシャ</t>
    </rPh>
    <rPh sb="4" eb="6">
      <t>タンキ</t>
    </rPh>
    <rPh sb="6" eb="8">
      <t>モクヒョウ</t>
    </rPh>
    <rPh sb="9" eb="10">
      <t>オウ</t>
    </rPh>
    <rPh sb="18" eb="19">
      <t>ツキ</t>
    </rPh>
    <rPh sb="23" eb="26">
      <t>リヨウシャ</t>
    </rPh>
    <rPh sb="27" eb="29">
      <t>トウガイ</t>
    </rPh>
    <rPh sb="29" eb="31">
      <t>タンキ</t>
    </rPh>
    <rPh sb="31" eb="33">
      <t>モクヒョウ</t>
    </rPh>
    <rPh sb="34" eb="36">
      <t>タッセイ</t>
    </rPh>
    <rPh sb="36" eb="37">
      <t>ド</t>
    </rPh>
    <rPh sb="38" eb="40">
      <t>セイカツ</t>
    </rPh>
    <rPh sb="40" eb="42">
      <t>キノウ</t>
    </rPh>
    <rPh sb="42" eb="44">
      <t>コウジョウ</t>
    </rPh>
    <rPh sb="48" eb="50">
      <t>カツドウ</t>
    </rPh>
    <rPh sb="54" eb="56">
      <t>トウガイ</t>
    </rPh>
    <rPh sb="56" eb="59">
      <t>リヨウシャ</t>
    </rPh>
    <rPh sb="60" eb="63">
      <t>キャッカンテキ</t>
    </rPh>
    <rPh sb="64" eb="66">
      <t>ジョウキョウ</t>
    </rPh>
    <rPh sb="77" eb="78">
      <t>オコナ</t>
    </rPh>
    <rPh sb="84" eb="86">
      <t>ヒツヨウ</t>
    </rPh>
    <rPh sb="87" eb="88">
      <t>オウ</t>
    </rPh>
    <rPh sb="91" eb="93">
      <t>セイカツ</t>
    </rPh>
    <rPh sb="93" eb="95">
      <t>キノウ</t>
    </rPh>
    <rPh sb="95" eb="97">
      <t>コウジョウ</t>
    </rPh>
    <rPh sb="101" eb="103">
      <t>カツドウ</t>
    </rPh>
    <rPh sb="104" eb="105">
      <t>カカ</t>
    </rPh>
    <rPh sb="106" eb="108">
      <t>ケイカク</t>
    </rPh>
    <rPh sb="109" eb="111">
      <t>シュウセイ</t>
    </rPh>
    <rPh sb="112" eb="113">
      <t>オコナ</t>
    </rPh>
    <phoneticPr fontId="2"/>
  </si>
  <si>
    <t>介護職員等は、当該サービスを実施した日ごとに、実施時間、実施内容、参加した利用者の人数及び氏名等を記録している。</t>
    <rPh sb="0" eb="2">
      <t>カイゴ</t>
    </rPh>
    <rPh sb="2" eb="5">
      <t>ショクインナド</t>
    </rPh>
    <rPh sb="7" eb="9">
      <t>トウガイ</t>
    </rPh>
    <rPh sb="14" eb="16">
      <t>ジッシ</t>
    </rPh>
    <rPh sb="18" eb="19">
      <t>ヒ</t>
    </rPh>
    <rPh sb="23" eb="25">
      <t>ジッシ</t>
    </rPh>
    <rPh sb="25" eb="27">
      <t>ジカン</t>
    </rPh>
    <rPh sb="28" eb="30">
      <t>ジッシ</t>
    </rPh>
    <rPh sb="30" eb="32">
      <t>ナイヨウ</t>
    </rPh>
    <rPh sb="33" eb="35">
      <t>サンカ</t>
    </rPh>
    <rPh sb="37" eb="40">
      <t>リヨウシャ</t>
    </rPh>
    <rPh sb="41" eb="43">
      <t>ニンズウ</t>
    </rPh>
    <rPh sb="43" eb="44">
      <t>オヨ</t>
    </rPh>
    <rPh sb="45" eb="47">
      <t>シメイ</t>
    </rPh>
    <rPh sb="47" eb="48">
      <t>ナド</t>
    </rPh>
    <rPh sb="49" eb="51">
      <t>キロク</t>
    </rPh>
    <phoneticPr fontId="2"/>
  </si>
  <si>
    <t>生活機能向上グループ活動は、一のグループごとに、当該生活機能向上グループ活動の実施時間を通じて１人以上の介護職員等を配置し、同じグループに属する利用者が相互に協力しながら、それぞれが有する能力を発揮できるよう適切な支援を行っている。</t>
    <rPh sb="0" eb="2">
      <t>セイカツ</t>
    </rPh>
    <rPh sb="2" eb="4">
      <t>キノウ</t>
    </rPh>
    <rPh sb="4" eb="6">
      <t>コウジョウ</t>
    </rPh>
    <rPh sb="10" eb="12">
      <t>カツドウ</t>
    </rPh>
    <rPh sb="14" eb="15">
      <t>イチ</t>
    </rPh>
    <rPh sb="24" eb="26">
      <t>トウガイ</t>
    </rPh>
    <rPh sb="26" eb="28">
      <t>セイカツ</t>
    </rPh>
    <rPh sb="28" eb="30">
      <t>キノウ</t>
    </rPh>
    <rPh sb="30" eb="32">
      <t>コウジョウ</t>
    </rPh>
    <rPh sb="36" eb="38">
      <t>カツドウ</t>
    </rPh>
    <rPh sb="39" eb="41">
      <t>ジッシ</t>
    </rPh>
    <rPh sb="41" eb="43">
      <t>ジカン</t>
    </rPh>
    <rPh sb="44" eb="45">
      <t>ツウ</t>
    </rPh>
    <rPh sb="48" eb="49">
      <t>ヒト</t>
    </rPh>
    <rPh sb="49" eb="51">
      <t>イジョウ</t>
    </rPh>
    <rPh sb="52" eb="54">
      <t>カイゴ</t>
    </rPh>
    <rPh sb="54" eb="57">
      <t>ショクインナド</t>
    </rPh>
    <rPh sb="58" eb="60">
      <t>ハイチ</t>
    </rPh>
    <rPh sb="62" eb="63">
      <t>オナ</t>
    </rPh>
    <rPh sb="69" eb="70">
      <t>ゾク</t>
    </rPh>
    <rPh sb="72" eb="75">
      <t>リヨウシャ</t>
    </rPh>
    <rPh sb="76" eb="78">
      <t>ソウゴ</t>
    </rPh>
    <rPh sb="79" eb="81">
      <t>キョウリョク</t>
    </rPh>
    <rPh sb="91" eb="92">
      <t>ユウ</t>
    </rPh>
    <rPh sb="94" eb="96">
      <t>ノウリョク</t>
    </rPh>
    <rPh sb="97" eb="99">
      <t>ハッキ</t>
    </rPh>
    <rPh sb="104" eb="106">
      <t>テキセツ</t>
    </rPh>
    <rPh sb="107" eb="109">
      <t>シエン</t>
    </rPh>
    <rPh sb="110" eb="111">
      <t>オコナ</t>
    </rPh>
    <phoneticPr fontId="2"/>
  </si>
  <si>
    <t>利用者に対し、生活機能向上グループ活動サービスを１週につき１回以上行っている。</t>
    <phoneticPr fontId="2"/>
  </si>
  <si>
    <t>通所型サービス計画書等</t>
    <rPh sb="0" eb="2">
      <t>ツウショ</t>
    </rPh>
    <rPh sb="2" eb="3">
      <t>ガタ</t>
    </rPh>
    <rPh sb="7" eb="10">
      <t>ケイカクショ</t>
    </rPh>
    <rPh sb="10" eb="11">
      <t>ナド</t>
    </rPh>
    <phoneticPr fontId="2"/>
  </si>
  <si>
    <t>通所型サービス計画の作成及び実施において利用者の生活機能の向上に資するよう複数の種類の生活機能向上グループ活動サービスの項目を準備し、その項目の選択に当たっては、利用者の生活意欲が増進されるよう利用者を援助し、利用者の心身の状況に応じた生活機能向上グループ活動サービスが適切に提供されている。</t>
    <phoneticPr fontId="2"/>
  </si>
  <si>
    <t>介護職員等は、生活機能向上グループ活動の実施時間、実施頻度、実施期間について、当該利用者に説明し、同意を得ている。</t>
    <rPh sb="0" eb="2">
      <t>カイゴ</t>
    </rPh>
    <rPh sb="2" eb="5">
      <t>ショクインナド</t>
    </rPh>
    <rPh sb="7" eb="9">
      <t>セイカツ</t>
    </rPh>
    <rPh sb="9" eb="11">
      <t>キノウ</t>
    </rPh>
    <rPh sb="11" eb="13">
      <t>コウジョウ</t>
    </rPh>
    <rPh sb="17" eb="19">
      <t>カツドウ</t>
    </rPh>
    <rPh sb="20" eb="22">
      <t>ジッシ</t>
    </rPh>
    <rPh sb="22" eb="24">
      <t>ジカン</t>
    </rPh>
    <rPh sb="25" eb="27">
      <t>ジッシ</t>
    </rPh>
    <rPh sb="27" eb="29">
      <t>ヒンド</t>
    </rPh>
    <rPh sb="30" eb="32">
      <t>ジッシ</t>
    </rPh>
    <rPh sb="32" eb="34">
      <t>キカン</t>
    </rPh>
    <rPh sb="39" eb="41">
      <t>トウガイ</t>
    </rPh>
    <rPh sb="41" eb="44">
      <t>リヨウシャ</t>
    </rPh>
    <rPh sb="45" eb="47">
      <t>セツメイ</t>
    </rPh>
    <rPh sb="49" eb="51">
      <t>ドウイ</t>
    </rPh>
    <rPh sb="52" eb="53">
      <t>エ</t>
    </rPh>
    <phoneticPr fontId="2"/>
  </si>
  <si>
    <t>到達目標は、おおむね３月程度で達成可能な目標とし、さらに段階的に目標を達成するためにおおむね１月程度で達成可能な目標を設定している。</t>
    <rPh sb="0" eb="2">
      <t>トウタツ</t>
    </rPh>
    <rPh sb="2" eb="4">
      <t>モクヒョウ</t>
    </rPh>
    <rPh sb="11" eb="12">
      <t>ツキ</t>
    </rPh>
    <rPh sb="12" eb="14">
      <t>テイド</t>
    </rPh>
    <rPh sb="15" eb="17">
      <t>タッセイ</t>
    </rPh>
    <rPh sb="17" eb="19">
      <t>カノウ</t>
    </rPh>
    <rPh sb="20" eb="22">
      <t>モクヒョウ</t>
    </rPh>
    <rPh sb="28" eb="31">
      <t>ダンカイテキ</t>
    </rPh>
    <rPh sb="32" eb="34">
      <t>モクヒョウ</t>
    </rPh>
    <rPh sb="35" eb="37">
      <t>タッセイ</t>
    </rPh>
    <rPh sb="47" eb="48">
      <t>ツキ</t>
    </rPh>
    <rPh sb="48" eb="50">
      <t>テイド</t>
    </rPh>
    <rPh sb="51" eb="53">
      <t>タッセイ</t>
    </rPh>
    <rPh sb="53" eb="55">
      <t>カノウ</t>
    </rPh>
    <rPh sb="56" eb="58">
      <t>モクヒョウ</t>
    </rPh>
    <rPh sb="59" eb="61">
      <t>セッテイ</t>
    </rPh>
    <phoneticPr fontId="2"/>
  </si>
  <si>
    <t>具体的な日常生活上の課題及び到達目標を当該利用者と共に設定している。</t>
    <rPh sb="0" eb="3">
      <t>グタイテキ</t>
    </rPh>
    <rPh sb="4" eb="6">
      <t>ニチジョウ</t>
    </rPh>
    <rPh sb="6" eb="8">
      <t>セイカツ</t>
    </rPh>
    <rPh sb="8" eb="9">
      <t>ジョウ</t>
    </rPh>
    <rPh sb="10" eb="12">
      <t>カダイ</t>
    </rPh>
    <rPh sb="12" eb="13">
      <t>オヨ</t>
    </rPh>
    <rPh sb="14" eb="16">
      <t>トウタツ</t>
    </rPh>
    <rPh sb="16" eb="18">
      <t>モクヒョウ</t>
    </rPh>
    <rPh sb="19" eb="21">
      <t>トウガイ</t>
    </rPh>
    <rPh sb="21" eb="24">
      <t>リヨウシャ</t>
    </rPh>
    <rPh sb="25" eb="26">
      <t>トモ</t>
    </rPh>
    <rPh sb="27" eb="29">
      <t>セッテイ</t>
    </rPh>
    <phoneticPr fontId="2"/>
  </si>
  <si>
    <t>利用者が要支援状態に至った理由と経緯、要支援状態となる直前の日常生活の自立の程度と家庭内での役割の内容、要支援状態となった後に自立してできなくなったこと若しくは支障を感じるようになったこと、現在の居宅における家事遂行の状況と家庭内での役割の内容、近隣との交流の状況等について把握している。</t>
    <rPh sb="0" eb="3">
      <t>リヨウシャ</t>
    </rPh>
    <rPh sb="4" eb="5">
      <t>ヨウ</t>
    </rPh>
    <rPh sb="5" eb="7">
      <t>シエン</t>
    </rPh>
    <rPh sb="7" eb="9">
      <t>ジョウタイ</t>
    </rPh>
    <rPh sb="10" eb="11">
      <t>イタ</t>
    </rPh>
    <rPh sb="13" eb="15">
      <t>リユウ</t>
    </rPh>
    <rPh sb="16" eb="18">
      <t>ケイイ</t>
    </rPh>
    <rPh sb="19" eb="20">
      <t>ヨウ</t>
    </rPh>
    <rPh sb="20" eb="22">
      <t>シエン</t>
    </rPh>
    <rPh sb="22" eb="24">
      <t>ジョウタイ</t>
    </rPh>
    <rPh sb="27" eb="29">
      <t>チョクゼン</t>
    </rPh>
    <rPh sb="30" eb="32">
      <t>ニチジョウ</t>
    </rPh>
    <rPh sb="32" eb="34">
      <t>セイカツ</t>
    </rPh>
    <rPh sb="35" eb="37">
      <t>ジリツ</t>
    </rPh>
    <rPh sb="38" eb="40">
      <t>テイド</t>
    </rPh>
    <rPh sb="41" eb="44">
      <t>カテイナイ</t>
    </rPh>
    <rPh sb="46" eb="48">
      <t>ヤクワリ</t>
    </rPh>
    <rPh sb="49" eb="51">
      <t>ナイヨウ</t>
    </rPh>
    <rPh sb="52" eb="53">
      <t>ヨウ</t>
    </rPh>
    <rPh sb="53" eb="55">
      <t>シエン</t>
    </rPh>
    <rPh sb="55" eb="57">
      <t>ジョウタイ</t>
    </rPh>
    <rPh sb="61" eb="62">
      <t>アト</t>
    </rPh>
    <rPh sb="63" eb="65">
      <t>ジリツ</t>
    </rPh>
    <rPh sb="76" eb="77">
      <t>モ</t>
    </rPh>
    <rPh sb="80" eb="82">
      <t>シショウ</t>
    </rPh>
    <rPh sb="83" eb="84">
      <t>カン</t>
    </rPh>
    <rPh sb="95" eb="97">
      <t>ゲンザイ</t>
    </rPh>
    <rPh sb="98" eb="100">
      <t>キョタク</t>
    </rPh>
    <rPh sb="104" eb="106">
      <t>カジ</t>
    </rPh>
    <rPh sb="106" eb="108">
      <t>スイコウ</t>
    </rPh>
    <rPh sb="109" eb="111">
      <t>ジョウキョウ</t>
    </rPh>
    <rPh sb="112" eb="115">
      <t>カテイナイ</t>
    </rPh>
    <rPh sb="117" eb="119">
      <t>ヤクワリ</t>
    </rPh>
    <rPh sb="120" eb="122">
      <t>ナイヨウ</t>
    </rPh>
    <rPh sb="123" eb="125">
      <t>キンリン</t>
    </rPh>
    <rPh sb="127" eb="129">
      <t>コウリュウ</t>
    </rPh>
    <rPh sb="130" eb="132">
      <t>ジョウキョウ</t>
    </rPh>
    <rPh sb="132" eb="133">
      <t>ナド</t>
    </rPh>
    <rPh sb="137" eb="139">
      <t>ハアク</t>
    </rPh>
    <phoneticPr fontId="2"/>
  </si>
  <si>
    <t xml:space="preserve">通所型サービス計画書
</t>
    <rPh sb="0" eb="2">
      <t>ツウショ</t>
    </rPh>
    <rPh sb="2" eb="3">
      <t>ガタ</t>
    </rPh>
    <rPh sb="7" eb="10">
      <t>ケイカクショ</t>
    </rPh>
    <phoneticPr fontId="2"/>
  </si>
  <si>
    <t>生活相談員、看護職員、介護職員、機能訓練指導員、その他通所型サービス事業所の従業者が共同して、利用者ごとに生活機能向上の目標を設定した通所型サービス計画を作成している。</t>
    <rPh sb="0" eb="2">
      <t>セイカツ</t>
    </rPh>
    <rPh sb="2" eb="5">
      <t>ソウダンイン</t>
    </rPh>
    <rPh sb="6" eb="8">
      <t>カンゴ</t>
    </rPh>
    <rPh sb="8" eb="10">
      <t>ショクイン</t>
    </rPh>
    <rPh sb="11" eb="13">
      <t>カイゴ</t>
    </rPh>
    <rPh sb="13" eb="15">
      <t>ショクイン</t>
    </rPh>
    <rPh sb="16" eb="18">
      <t>キノウ</t>
    </rPh>
    <rPh sb="18" eb="20">
      <t>クンレン</t>
    </rPh>
    <rPh sb="20" eb="23">
      <t>シドウイン</t>
    </rPh>
    <rPh sb="26" eb="27">
      <t>タ</t>
    </rPh>
    <rPh sb="27" eb="29">
      <t>ツウショ</t>
    </rPh>
    <rPh sb="29" eb="30">
      <t>ガタ</t>
    </rPh>
    <rPh sb="34" eb="37">
      <t>ジギョウショ</t>
    </rPh>
    <rPh sb="38" eb="41">
      <t>ジュウギョウシャ</t>
    </rPh>
    <rPh sb="42" eb="44">
      <t>キョウドウ</t>
    </rPh>
    <rPh sb="47" eb="50">
      <t>リヨウシャ</t>
    </rPh>
    <rPh sb="53" eb="55">
      <t>セイカツ</t>
    </rPh>
    <rPh sb="55" eb="57">
      <t>キノウ</t>
    </rPh>
    <rPh sb="57" eb="59">
      <t>コウジョウ</t>
    </rPh>
    <rPh sb="60" eb="62">
      <t>モクヒョウ</t>
    </rPh>
    <rPh sb="63" eb="65">
      <t>セッテイ</t>
    </rPh>
    <rPh sb="67" eb="69">
      <t>ツウショ</t>
    </rPh>
    <rPh sb="69" eb="70">
      <t>カタ</t>
    </rPh>
    <rPh sb="74" eb="76">
      <t>ケイカク</t>
    </rPh>
    <rPh sb="77" eb="79">
      <t>サクセイ</t>
    </rPh>
    <phoneticPr fontId="2"/>
  </si>
  <si>
    <t>同月中に利用者に対し、運動機能向上加算、栄養改善加算、口腔機能向上加算又は選択的サービス複数実施加算のいずれかを算定していない。</t>
    <phoneticPr fontId="2"/>
  </si>
  <si>
    <t>生活機能向上グループ活動加算</t>
    <phoneticPr fontId="2"/>
  </si>
  <si>
    <t>通所型サービス介護費</t>
    <rPh sb="0" eb="2">
      <t>ツウショ</t>
    </rPh>
    <rPh sb="2" eb="3">
      <t>ガタ</t>
    </rPh>
    <rPh sb="7" eb="9">
      <t>カイゴ</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31">
    <font>
      <sz val="11"/>
      <color theme="1"/>
      <name val="ＭＳ Ｐゴシック"/>
      <family val="3"/>
      <charset val="128"/>
      <scheme val="minor"/>
    </font>
    <font>
      <b/>
      <sz val="14"/>
      <name val="ＭＳ ゴシック"/>
      <family val="3"/>
      <charset val="128"/>
    </font>
    <font>
      <sz val="6"/>
      <name val="ＭＳ Ｐゴシック"/>
      <family val="3"/>
      <charset val="128"/>
    </font>
    <font>
      <sz val="6"/>
      <name val="ＭＳ Ｐゴシック"/>
      <family val="3"/>
      <charset val="128"/>
    </font>
    <font>
      <sz val="9"/>
      <name val="ＭＳ ゴシック"/>
      <family val="3"/>
      <charset val="128"/>
    </font>
    <font>
      <sz val="14"/>
      <name val="ＭＳ ゴシック"/>
      <family val="3"/>
      <charset val="128"/>
    </font>
    <font>
      <sz val="10"/>
      <name val="ＭＳ ゴシック"/>
      <family val="3"/>
      <charset val="128"/>
    </font>
    <font>
      <sz val="10"/>
      <name val="ＭＳ Ｐゴシック"/>
      <family val="3"/>
      <charset val="128"/>
    </font>
    <font>
      <u/>
      <sz val="9"/>
      <name val="ＭＳ ゴシック"/>
      <family val="3"/>
      <charset val="128"/>
    </font>
    <font>
      <sz val="8"/>
      <name val="ＭＳ Ｐゴシック"/>
      <family val="3"/>
      <charset val="128"/>
    </font>
    <font>
      <sz val="9"/>
      <name val="ＭＳ Ｐゴシック"/>
      <family val="3"/>
      <charset val="128"/>
    </font>
    <font>
      <sz val="8"/>
      <name val="ＭＳ ゴシック"/>
      <family val="3"/>
      <charset val="128"/>
    </font>
    <font>
      <b/>
      <sz val="9"/>
      <name val="ＭＳ ゴシック"/>
      <family val="3"/>
      <charset val="128"/>
    </font>
    <font>
      <sz val="11"/>
      <name val="ＭＳ Ｐゴシック"/>
      <family val="3"/>
      <charset val="128"/>
    </font>
    <font>
      <sz val="11"/>
      <color indexed="8"/>
      <name val="ＭＳ Ｐゴシック"/>
      <family val="3"/>
      <charset val="128"/>
    </font>
    <font>
      <sz val="6"/>
      <name val="ＭＳ Ｐゴシック"/>
      <family val="3"/>
      <charset val="128"/>
      <scheme val="minor"/>
    </font>
    <font>
      <sz val="9"/>
      <name val="ＭＳ明朝"/>
      <family val="3"/>
      <charset val="128"/>
    </font>
    <font>
      <sz val="9"/>
      <name val="ＭＳ Ｐゴシック"/>
      <family val="3"/>
      <charset val="128"/>
      <scheme val="minor"/>
    </font>
    <font>
      <sz val="9"/>
      <color rgb="FFFF0000"/>
      <name val="ＭＳ ゴシック"/>
      <family val="3"/>
      <charset val="128"/>
    </font>
    <font>
      <sz val="9"/>
      <color theme="1"/>
      <name val="ＭＳ ゴシック"/>
      <family val="3"/>
      <charset val="128"/>
    </font>
    <font>
      <sz val="8"/>
      <color rgb="FFFF0000"/>
      <name val="ＭＳ ゴシック"/>
      <family val="3"/>
      <charset val="128"/>
    </font>
    <font>
      <sz val="8"/>
      <color rgb="FF000000"/>
      <name val="ＭＳ ゴシック"/>
      <family val="3"/>
      <charset val="128"/>
    </font>
    <font>
      <sz val="11"/>
      <color theme="1"/>
      <name val="ＭＳ Ｐゴシック"/>
      <family val="3"/>
      <charset val="128"/>
      <scheme val="minor"/>
    </font>
    <font>
      <b/>
      <sz val="20"/>
      <name val="ＭＳ ゴシック"/>
      <family val="3"/>
      <charset val="128"/>
    </font>
    <font>
      <sz val="12"/>
      <name val="ＭＳ Ｐゴシック"/>
      <family val="3"/>
      <charset val="128"/>
    </font>
    <font>
      <b/>
      <sz val="12"/>
      <name val="ＭＳ ゴシック"/>
      <family val="3"/>
      <charset val="128"/>
    </font>
    <font>
      <sz val="11"/>
      <name val="ＭＳ ゴシック"/>
      <family val="3"/>
      <charset val="128"/>
    </font>
    <font>
      <sz val="12"/>
      <name val="ＭＳ ゴシック"/>
      <family val="3"/>
      <charset val="128"/>
    </font>
    <font>
      <sz val="11"/>
      <color rgb="FF0070C0"/>
      <name val="ＭＳ ゴシック"/>
      <family val="3"/>
      <charset val="128"/>
    </font>
    <font>
      <sz val="11"/>
      <color rgb="FF00B0F0"/>
      <name val="ＭＳ ゴシック"/>
      <family val="3"/>
      <charset val="128"/>
    </font>
    <font>
      <sz val="11"/>
      <color rgb="FFFF0000"/>
      <name val="ＭＳ Ｐゴシック"/>
      <family val="3"/>
      <charset val="128"/>
    </font>
  </fonts>
  <fills count="8">
    <fill>
      <patternFill patternType="none"/>
    </fill>
    <fill>
      <patternFill patternType="gray125"/>
    </fill>
    <fill>
      <patternFill patternType="solid">
        <fgColor indexed="41"/>
        <bgColor indexed="64"/>
      </patternFill>
    </fill>
    <fill>
      <patternFill patternType="solid">
        <fgColor rgb="FFFFFF00"/>
        <bgColor indexed="64"/>
      </patternFill>
    </fill>
    <fill>
      <patternFill patternType="solid">
        <fgColor rgb="FFCCFFFF"/>
        <bgColor indexed="64"/>
      </patternFill>
    </fill>
    <fill>
      <patternFill patternType="solid">
        <fgColor theme="0"/>
        <bgColor indexed="64"/>
      </patternFill>
    </fill>
    <fill>
      <patternFill patternType="solid">
        <fgColor theme="8" tint="0.79998168889431442"/>
        <bgColor indexed="64"/>
      </patternFill>
    </fill>
    <fill>
      <patternFill patternType="solid">
        <fgColor indexed="22"/>
        <bgColor indexed="64"/>
      </patternFill>
    </fill>
  </fills>
  <borders count="83">
    <border>
      <left/>
      <right/>
      <top/>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style="thin">
        <color indexed="64"/>
      </left>
      <right/>
      <top/>
      <bottom style="thin">
        <color indexed="64"/>
      </bottom>
      <diagonal/>
    </border>
    <border>
      <left style="thin">
        <color indexed="64"/>
      </left>
      <right style="thin">
        <color indexed="64"/>
      </right>
      <top style="hair">
        <color indexed="64"/>
      </top>
      <bottom/>
      <diagonal/>
    </border>
    <border>
      <left style="thin">
        <color indexed="64"/>
      </left>
      <right style="thin">
        <color indexed="64"/>
      </right>
      <top/>
      <bottom style="hair">
        <color indexed="64"/>
      </bottom>
      <diagonal/>
    </border>
    <border>
      <left/>
      <right style="thin">
        <color indexed="64"/>
      </right>
      <top style="thin">
        <color indexed="64"/>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hair">
        <color indexed="64"/>
      </bottom>
      <diagonal/>
    </border>
    <border>
      <left/>
      <right style="thin">
        <color indexed="64"/>
      </right>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style="thin">
        <color indexed="64"/>
      </right>
      <top style="hair">
        <color indexed="64"/>
      </top>
      <bottom/>
      <diagonal/>
    </border>
    <border>
      <left/>
      <right style="thin">
        <color indexed="64"/>
      </right>
      <top style="hair">
        <color indexed="64"/>
      </top>
      <bottom style="hair">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style="double">
        <color indexed="64"/>
      </left>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style="thin">
        <color indexed="64"/>
      </left>
      <right/>
      <top/>
      <bottom style="hair">
        <color indexed="64"/>
      </bottom>
      <diagonal/>
    </border>
    <border>
      <left/>
      <right style="thin">
        <color indexed="64"/>
      </right>
      <top style="hair">
        <color indexed="64"/>
      </top>
      <bottom style="thin">
        <color indexed="64"/>
      </bottom>
      <diagonal/>
    </border>
    <border>
      <left style="thin">
        <color indexed="64"/>
      </left>
      <right style="dotted">
        <color indexed="64"/>
      </right>
      <top style="thin">
        <color indexed="64"/>
      </top>
      <bottom style="dotted">
        <color indexed="64"/>
      </bottom>
      <diagonal/>
    </border>
    <border>
      <left style="dotted">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dotted">
        <color indexed="64"/>
      </right>
      <top style="dotted">
        <color indexed="64"/>
      </top>
      <bottom style="dotted">
        <color indexed="64"/>
      </bottom>
      <diagonal/>
    </border>
    <border>
      <left style="dotted">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thin">
        <color indexed="64"/>
      </right>
      <top style="dotted">
        <color indexed="64"/>
      </top>
      <bottom/>
      <diagonal/>
    </border>
    <border>
      <left style="thin">
        <color indexed="64"/>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dotted">
        <color indexed="64"/>
      </right>
      <top style="dotted">
        <color indexed="64"/>
      </top>
      <bottom/>
      <diagonal/>
    </border>
    <border>
      <left style="dotted">
        <color indexed="64"/>
      </left>
      <right style="thin">
        <color indexed="64"/>
      </right>
      <top style="dotted">
        <color indexed="64"/>
      </top>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thin">
        <color indexed="64"/>
      </right>
      <top style="dotted">
        <color indexed="64"/>
      </top>
      <bottom style="thin">
        <color indexed="64"/>
      </bottom>
      <diagonal/>
    </border>
    <border>
      <left style="thin">
        <color indexed="64"/>
      </left>
      <right style="dotted">
        <color indexed="64"/>
      </right>
      <top style="dotted">
        <color indexed="64"/>
      </top>
      <bottom style="thin">
        <color indexed="64"/>
      </bottom>
      <diagonal/>
    </border>
    <border>
      <left style="dotted">
        <color indexed="64"/>
      </left>
      <right style="thin">
        <color indexed="64"/>
      </right>
      <top style="dotted">
        <color indexed="64"/>
      </top>
      <bottom style="thin">
        <color indexed="64"/>
      </bottom>
      <diagonal/>
    </border>
    <border>
      <left style="thin">
        <color indexed="64"/>
      </left>
      <right style="thin">
        <color indexed="64"/>
      </right>
      <top/>
      <bottom style="dotted">
        <color indexed="64"/>
      </bottom>
      <diagonal/>
    </border>
    <border>
      <left style="thin">
        <color indexed="64"/>
      </left>
      <right style="dotted">
        <color indexed="64"/>
      </right>
      <top/>
      <bottom style="dotted">
        <color indexed="64"/>
      </bottom>
      <diagonal/>
    </border>
    <border>
      <left style="dotted">
        <color indexed="64"/>
      </left>
      <right style="thin">
        <color indexed="64"/>
      </right>
      <top/>
      <bottom style="dotted">
        <color indexed="64"/>
      </bottom>
      <diagonal/>
    </border>
    <border>
      <left style="thin">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style="dotted">
        <color indexed="64"/>
      </right>
      <top style="thin">
        <color indexed="64"/>
      </top>
      <bottom style="dotted">
        <color indexed="64"/>
      </bottom>
      <diagonal/>
    </border>
    <border>
      <left style="thin">
        <color indexed="64"/>
      </left>
      <right/>
      <top/>
      <bottom style="dotted">
        <color indexed="64"/>
      </bottom>
      <diagonal/>
    </border>
    <border>
      <left/>
      <right style="thin">
        <color indexed="64"/>
      </right>
      <top/>
      <bottom style="dotted">
        <color indexed="64"/>
      </bottom>
      <diagonal/>
    </border>
    <border>
      <left style="thin">
        <color indexed="64"/>
      </left>
      <right style="dotted">
        <color indexed="64"/>
      </right>
      <top/>
      <bottom style="thin">
        <color indexed="64"/>
      </bottom>
      <diagonal/>
    </border>
    <border>
      <left style="dotted">
        <color indexed="64"/>
      </left>
      <right style="thin">
        <color indexed="64"/>
      </right>
      <top/>
      <bottom style="thin">
        <color indexed="64"/>
      </bottom>
      <diagonal/>
    </border>
    <border>
      <left style="thin">
        <color indexed="64"/>
      </left>
      <right style="hair">
        <color indexed="64"/>
      </right>
      <top style="thin">
        <color indexed="64"/>
      </top>
      <bottom style="dotted">
        <color indexed="64"/>
      </bottom>
      <diagonal/>
    </border>
    <border>
      <left style="thin">
        <color indexed="64"/>
      </left>
      <right style="hair">
        <color indexed="64"/>
      </right>
      <top style="dotted">
        <color indexed="64"/>
      </top>
      <bottom style="dotted">
        <color indexed="64"/>
      </bottom>
      <diagonal/>
    </border>
    <border>
      <left style="thin">
        <color indexed="64"/>
      </left>
      <right style="hair">
        <color indexed="64"/>
      </right>
      <top/>
      <bottom style="thin">
        <color indexed="64"/>
      </bottom>
      <diagonal/>
    </border>
    <border>
      <left/>
      <right/>
      <top/>
      <bottom style="hair">
        <color indexed="64"/>
      </bottom>
      <diagonal/>
    </border>
    <border>
      <left/>
      <right/>
      <top style="hair">
        <color indexed="64"/>
      </top>
      <bottom style="hair">
        <color indexed="64"/>
      </bottom>
      <diagonal/>
    </border>
    <border>
      <left/>
      <right/>
      <top style="hair">
        <color indexed="64"/>
      </top>
      <bottom/>
      <diagonal/>
    </border>
    <border>
      <left style="thin">
        <color indexed="64"/>
      </left>
      <right style="dotted">
        <color indexed="64"/>
      </right>
      <top/>
      <bottom/>
      <diagonal/>
    </border>
    <border>
      <left style="dotted">
        <color indexed="64"/>
      </left>
      <right style="thin">
        <color indexed="64"/>
      </right>
      <top/>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style="dotted">
        <color indexed="64"/>
      </right>
      <top style="hair">
        <color indexed="64"/>
      </top>
      <bottom style="hair">
        <color indexed="64"/>
      </bottom>
      <diagonal/>
    </border>
    <border>
      <left style="thin">
        <color indexed="64"/>
      </left>
      <right style="hair">
        <color indexed="64"/>
      </right>
      <top style="dotted">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double">
        <color indexed="64"/>
      </right>
      <top style="double">
        <color indexed="64"/>
      </top>
      <bottom style="thin">
        <color indexed="64"/>
      </bottom>
      <diagonal/>
    </border>
    <border>
      <left style="thin">
        <color indexed="64"/>
      </left>
      <right style="double">
        <color indexed="64"/>
      </right>
      <top style="thin">
        <color indexed="64"/>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style="double">
        <color indexed="64"/>
      </right>
      <top style="thin">
        <color indexed="64"/>
      </top>
      <bottom style="double">
        <color indexed="64"/>
      </bottom>
      <diagonal/>
    </border>
  </borders>
  <cellStyleXfs count="4">
    <xf numFmtId="0" fontId="0" fillId="0" borderId="0">
      <alignment vertical="center"/>
    </xf>
    <xf numFmtId="0" fontId="14" fillId="0" borderId="0">
      <alignment vertical="center"/>
    </xf>
    <xf numFmtId="38" fontId="22" fillId="0" borderId="0" applyFont="0" applyFill="0" applyBorder="0" applyAlignment="0" applyProtection="0">
      <alignment vertical="center"/>
    </xf>
    <xf numFmtId="0" fontId="13" fillId="0" borderId="0">
      <alignment vertical="center"/>
    </xf>
  </cellStyleXfs>
  <cellXfs count="555">
    <xf numFmtId="0" fontId="0" fillId="0" borderId="0" xfId="0">
      <alignment vertical="center"/>
    </xf>
    <xf numFmtId="0" fontId="4" fillId="0" borderId="0" xfId="0" applyFont="1" applyFill="1">
      <alignment vertical="center"/>
    </xf>
    <xf numFmtId="0" fontId="5" fillId="0" borderId="1" xfId="0" applyFont="1" applyFill="1" applyBorder="1" applyAlignment="1">
      <alignment horizontal="left" vertical="center"/>
    </xf>
    <xf numFmtId="0" fontId="5" fillId="0" borderId="2" xfId="0" applyFont="1" applyFill="1" applyBorder="1" applyAlignment="1">
      <alignment horizontal="left" vertical="center"/>
    </xf>
    <xf numFmtId="0" fontId="5" fillId="0" borderId="4" xfId="0" applyFont="1" applyFill="1" applyBorder="1" applyAlignment="1">
      <alignment horizontal="left" vertical="center"/>
    </xf>
    <xf numFmtId="0" fontId="5" fillId="0" borderId="5" xfId="0" applyFont="1" applyFill="1" applyBorder="1" applyAlignment="1">
      <alignment horizontal="left" vertical="center"/>
    </xf>
    <xf numFmtId="0" fontId="5" fillId="0" borderId="6" xfId="0" applyFont="1" applyFill="1" applyBorder="1" applyAlignment="1">
      <alignment horizontal="left" vertical="center"/>
    </xf>
    <xf numFmtId="0" fontId="5" fillId="0" borderId="0" xfId="0" applyFont="1" applyFill="1" applyAlignment="1">
      <alignment horizontal="center" vertical="center"/>
    </xf>
    <xf numFmtId="0" fontId="5" fillId="0" borderId="8" xfId="0" applyFont="1" applyFill="1" applyBorder="1" applyAlignment="1">
      <alignment vertical="center"/>
    </xf>
    <xf numFmtId="0" fontId="5" fillId="0" borderId="3" xfId="0" applyFont="1" applyFill="1" applyBorder="1" applyAlignment="1">
      <alignment vertical="center"/>
    </xf>
    <xf numFmtId="0" fontId="4" fillId="0" borderId="3" xfId="0" applyFont="1" applyFill="1" applyBorder="1" applyAlignment="1">
      <alignment vertical="center"/>
    </xf>
    <xf numFmtId="0" fontId="5" fillId="0" borderId="9" xfId="0" applyFont="1" applyFill="1" applyBorder="1" applyAlignment="1">
      <alignment vertical="center"/>
    </xf>
    <xf numFmtId="0" fontId="4" fillId="0" borderId="10" xfId="0" applyFont="1" applyFill="1" applyBorder="1" applyAlignment="1">
      <alignment horizontal="left" vertical="center"/>
    </xf>
    <xf numFmtId="0" fontId="4" fillId="0" borderId="11" xfId="0" applyFont="1" applyFill="1" applyBorder="1" applyAlignment="1">
      <alignment horizontal="left" vertical="center" wrapText="1"/>
    </xf>
    <xf numFmtId="0" fontId="4" fillId="0" borderId="10" xfId="0" applyFont="1" applyFill="1" applyBorder="1" applyAlignment="1">
      <alignment horizontal="center" vertical="center"/>
    </xf>
    <xf numFmtId="0" fontId="11" fillId="0" borderId="3" xfId="0" applyFont="1" applyFill="1" applyBorder="1" applyAlignment="1">
      <alignment vertical="center"/>
    </xf>
    <xf numFmtId="0" fontId="4" fillId="0" borderId="15" xfId="0" applyFont="1" applyFill="1" applyBorder="1" applyAlignment="1">
      <alignment horizontal="center" vertical="center"/>
    </xf>
    <xf numFmtId="0" fontId="4" fillId="0" borderId="16" xfId="0" applyFont="1" applyFill="1" applyBorder="1" applyAlignment="1">
      <alignment horizontal="left" vertical="center" wrapText="1"/>
    </xf>
    <xf numFmtId="0" fontId="4" fillId="0" borderId="12" xfId="0" applyFont="1" applyFill="1" applyBorder="1" applyAlignment="1">
      <alignment vertical="center" wrapText="1"/>
    </xf>
    <xf numFmtId="0" fontId="4" fillId="0" borderId="19" xfId="0" applyFont="1" applyFill="1" applyBorder="1" applyAlignment="1">
      <alignment horizontal="center" vertical="center"/>
    </xf>
    <xf numFmtId="0" fontId="4" fillId="0" borderId="20" xfId="0" applyFont="1" applyFill="1" applyBorder="1" applyAlignment="1">
      <alignment horizontal="center" vertical="center"/>
    </xf>
    <xf numFmtId="0" fontId="4" fillId="0" borderId="20" xfId="0" applyFont="1" applyFill="1" applyBorder="1" applyAlignment="1">
      <alignment vertical="center" wrapText="1"/>
    </xf>
    <xf numFmtId="0" fontId="4" fillId="0" borderId="21" xfId="0" applyFont="1" applyFill="1" applyBorder="1" applyAlignment="1">
      <alignment vertical="center" wrapText="1"/>
    </xf>
    <xf numFmtId="0" fontId="4" fillId="0" borderId="22" xfId="0" applyFont="1" applyFill="1" applyBorder="1" applyAlignment="1">
      <alignment horizontal="center" vertical="center"/>
    </xf>
    <xf numFmtId="0" fontId="4" fillId="0" borderId="10" xfId="0" applyFont="1" applyFill="1" applyBorder="1" applyAlignment="1">
      <alignment horizontal="left" vertical="center" wrapText="1"/>
    </xf>
    <xf numFmtId="0" fontId="4" fillId="0" borderId="23" xfId="0" applyFont="1" applyFill="1" applyBorder="1" applyAlignment="1">
      <alignment horizontal="center" vertical="center"/>
    </xf>
    <xf numFmtId="0" fontId="4" fillId="0" borderId="24" xfId="0" applyFont="1" applyFill="1" applyBorder="1" applyAlignment="1">
      <alignment horizontal="center" vertical="center"/>
    </xf>
    <xf numFmtId="0" fontId="4" fillId="0" borderId="9" xfId="0" applyFont="1" applyFill="1" applyBorder="1" applyAlignment="1">
      <alignment horizontal="left" vertical="center" wrapText="1"/>
    </xf>
    <xf numFmtId="0" fontId="11" fillId="0" borderId="25" xfId="0" applyFont="1" applyFill="1" applyBorder="1" applyAlignment="1">
      <alignment vertical="center" wrapText="1"/>
    </xf>
    <xf numFmtId="0" fontId="4" fillId="0" borderId="25" xfId="0" applyFont="1" applyFill="1" applyBorder="1" applyAlignment="1">
      <alignment vertical="center" wrapText="1"/>
    </xf>
    <xf numFmtId="0" fontId="4" fillId="0" borderId="25" xfId="0" applyFont="1" applyFill="1" applyBorder="1" applyAlignment="1">
      <alignment horizontal="center" vertical="center"/>
    </xf>
    <xf numFmtId="0" fontId="4" fillId="0" borderId="9" xfId="0" applyFont="1" applyFill="1" applyBorder="1" applyAlignment="1">
      <alignment horizontal="center" vertical="center"/>
    </xf>
    <xf numFmtId="0" fontId="11" fillId="0" borderId="10" xfId="0" applyFont="1" applyFill="1" applyBorder="1" applyAlignment="1">
      <alignment vertical="center" wrapText="1"/>
    </xf>
    <xf numFmtId="0" fontId="4" fillId="0" borderId="26" xfId="0" applyFont="1" applyFill="1" applyBorder="1" applyAlignment="1">
      <alignment horizontal="left" vertical="center" wrapText="1"/>
    </xf>
    <xf numFmtId="0" fontId="11" fillId="0" borderId="26" xfId="0" applyFont="1" applyFill="1" applyBorder="1" applyAlignment="1">
      <alignment vertical="center" wrapText="1"/>
    </xf>
    <xf numFmtId="0" fontId="11" fillId="0" borderId="18" xfId="0" applyFont="1" applyFill="1" applyBorder="1" applyAlignment="1">
      <alignment vertical="center" wrapText="1"/>
    </xf>
    <xf numFmtId="0" fontId="4" fillId="0" borderId="10" xfId="0" applyFont="1" applyFill="1" applyBorder="1" applyAlignment="1">
      <alignment vertical="center" wrapText="1"/>
    </xf>
    <xf numFmtId="0" fontId="4" fillId="0" borderId="26" xfId="0" applyFont="1" applyFill="1" applyBorder="1" applyAlignment="1">
      <alignment vertical="center" wrapText="1"/>
    </xf>
    <xf numFmtId="0" fontId="4" fillId="0" borderId="27" xfId="0" applyFont="1" applyFill="1" applyBorder="1" applyAlignment="1">
      <alignment vertical="center" wrapText="1"/>
    </xf>
    <xf numFmtId="0" fontId="4" fillId="0" borderId="28" xfId="0" applyFont="1" applyFill="1" applyBorder="1" applyAlignment="1">
      <alignment vertical="center" wrapText="1"/>
    </xf>
    <xf numFmtId="0" fontId="4" fillId="0" borderId="29" xfId="0" applyFont="1" applyFill="1" applyBorder="1" applyAlignment="1">
      <alignment horizontal="center" vertical="center"/>
    </xf>
    <xf numFmtId="0" fontId="4" fillId="0" borderId="27" xfId="0" applyFont="1" applyFill="1" applyBorder="1" applyAlignment="1">
      <alignment horizontal="center" vertical="center"/>
    </xf>
    <xf numFmtId="0" fontId="4" fillId="0" borderId="30" xfId="0" applyFont="1" applyFill="1" applyBorder="1" applyAlignment="1">
      <alignment horizontal="center" vertical="center"/>
    </xf>
    <xf numFmtId="0" fontId="4" fillId="0" borderId="27" xfId="1" applyFont="1" applyFill="1" applyBorder="1" applyAlignment="1">
      <alignment vertical="center" wrapText="1"/>
    </xf>
    <xf numFmtId="0" fontId="4" fillId="0" borderId="27" xfId="1" applyFont="1" applyFill="1" applyBorder="1" applyAlignment="1">
      <alignment horizontal="center" vertical="center"/>
    </xf>
    <xf numFmtId="0" fontId="4" fillId="0" borderId="0" xfId="1" applyFont="1" applyFill="1" applyBorder="1">
      <alignment vertical="center"/>
    </xf>
    <xf numFmtId="0" fontId="4" fillId="0" borderId="0" xfId="1" applyFont="1" applyFill="1">
      <alignment vertical="center"/>
    </xf>
    <xf numFmtId="0" fontId="4" fillId="0" borderId="15" xfId="1" applyFont="1" applyFill="1" applyBorder="1" applyAlignment="1">
      <alignment horizontal="center" vertical="center"/>
    </xf>
    <xf numFmtId="0" fontId="4" fillId="0" borderId="8" xfId="0" applyFont="1" applyFill="1" applyBorder="1" applyAlignment="1">
      <alignment vertical="center" wrapText="1"/>
    </xf>
    <xf numFmtId="0" fontId="4" fillId="0" borderId="11" xfId="0" applyFont="1" applyFill="1" applyBorder="1" applyAlignment="1">
      <alignment vertical="center" wrapText="1"/>
    </xf>
    <xf numFmtId="0" fontId="4" fillId="0" borderId="26" xfId="0" applyFont="1" applyFill="1" applyBorder="1" applyAlignment="1">
      <alignment horizontal="center" vertical="center"/>
    </xf>
    <xf numFmtId="0" fontId="4" fillId="0" borderId="16" xfId="0" applyFont="1" applyFill="1" applyBorder="1" applyAlignment="1">
      <alignment vertical="center" wrapText="1"/>
    </xf>
    <xf numFmtId="0" fontId="13" fillId="0" borderId="0" xfId="0" applyFont="1" applyFill="1">
      <alignment vertical="center"/>
    </xf>
    <xf numFmtId="0" fontId="4" fillId="0" borderId="14" xfId="0" applyFont="1" applyFill="1" applyBorder="1" applyAlignment="1">
      <alignment vertical="center" wrapText="1"/>
    </xf>
    <xf numFmtId="0" fontId="4" fillId="0" borderId="25" xfId="0" applyFont="1" applyFill="1" applyBorder="1" applyAlignment="1">
      <alignment horizontal="left" vertical="center"/>
    </xf>
    <xf numFmtId="0" fontId="4" fillId="0" borderId="27" xfId="0" applyFont="1" applyFill="1" applyBorder="1" applyAlignment="1">
      <alignment horizontal="left" vertical="center" wrapText="1"/>
    </xf>
    <xf numFmtId="0" fontId="10" fillId="0" borderId="25" xfId="0" applyFont="1" applyFill="1" applyBorder="1" applyAlignment="1">
      <alignment horizontal="left" vertical="center" wrapText="1"/>
    </xf>
    <xf numFmtId="0" fontId="10" fillId="0" borderId="9" xfId="0" applyFont="1" applyFill="1" applyBorder="1" applyAlignment="1">
      <alignment horizontal="left" vertical="center" wrapText="1"/>
    </xf>
    <xf numFmtId="0" fontId="4" fillId="0" borderId="9" xfId="0" applyFont="1" applyFill="1" applyBorder="1" applyAlignment="1">
      <alignment vertical="center" wrapText="1"/>
    </xf>
    <xf numFmtId="0" fontId="4" fillId="0" borderId="0" xfId="0" applyFont="1" applyFill="1" applyBorder="1">
      <alignment vertical="center"/>
    </xf>
    <xf numFmtId="0" fontId="4" fillId="0" borderId="18" xfId="1" applyFont="1" applyFill="1" applyBorder="1" applyAlignment="1">
      <alignment vertical="center" wrapText="1"/>
    </xf>
    <xf numFmtId="0" fontId="4" fillId="0" borderId="10" xfId="1" applyFont="1" applyFill="1" applyBorder="1" applyAlignment="1">
      <alignment horizontal="center" vertical="center"/>
    </xf>
    <xf numFmtId="0" fontId="4" fillId="0" borderId="26" xfId="1" applyFont="1" applyFill="1" applyBorder="1" applyAlignment="1">
      <alignment vertical="center" wrapText="1"/>
    </xf>
    <xf numFmtId="0" fontId="4" fillId="0" borderId="26" xfId="1" applyFont="1" applyFill="1" applyBorder="1" applyAlignment="1">
      <alignment horizontal="center" vertical="center"/>
    </xf>
    <xf numFmtId="0" fontId="4" fillId="0" borderId="25" xfId="1" applyFont="1" applyFill="1" applyBorder="1" applyAlignment="1">
      <alignment vertical="center" wrapText="1"/>
    </xf>
    <xf numFmtId="0" fontId="10" fillId="0" borderId="15" xfId="0" applyFont="1" applyFill="1" applyBorder="1" applyAlignment="1">
      <alignment horizontal="left" vertical="center" wrapText="1"/>
    </xf>
    <xf numFmtId="0" fontId="4" fillId="0" borderId="0" xfId="0" applyFont="1" applyFill="1" applyAlignment="1">
      <alignment horizontal="center" vertical="center"/>
    </xf>
    <xf numFmtId="0" fontId="4" fillId="2" borderId="7" xfId="0" applyFont="1" applyFill="1" applyBorder="1" applyAlignment="1">
      <alignment horizontal="center" vertical="center" shrinkToFit="1"/>
    </xf>
    <xf numFmtId="0" fontId="4" fillId="0" borderId="12" xfId="0" applyFont="1" applyFill="1" applyBorder="1" applyAlignment="1">
      <alignment horizontal="left" vertical="center" wrapText="1"/>
    </xf>
    <xf numFmtId="0" fontId="4" fillId="0" borderId="0" xfId="0" applyFont="1" applyFill="1" applyAlignment="1">
      <alignment vertical="center" wrapText="1"/>
    </xf>
    <xf numFmtId="0" fontId="4" fillId="0" borderId="7" xfId="0" applyFont="1" applyFill="1" applyBorder="1" applyAlignment="1">
      <alignment vertical="top" wrapText="1"/>
    </xf>
    <xf numFmtId="0" fontId="11" fillId="0" borderId="8" xfId="0" applyFont="1" applyFill="1" applyBorder="1" applyAlignment="1">
      <alignment horizontal="left" vertical="center" wrapText="1" shrinkToFit="1"/>
    </xf>
    <xf numFmtId="0" fontId="4" fillId="0" borderId="18" xfId="0" applyFont="1" applyFill="1" applyBorder="1" applyAlignment="1">
      <alignment vertical="center" wrapText="1"/>
    </xf>
    <xf numFmtId="0" fontId="4" fillId="0" borderId="15" xfId="0" applyFont="1" applyBorder="1" applyAlignment="1">
      <alignment horizontal="center" vertical="center"/>
    </xf>
    <xf numFmtId="0" fontId="4" fillId="0" borderId="27" xfId="0" applyFont="1" applyBorder="1" applyAlignment="1">
      <alignment horizontal="center" vertical="center"/>
    </xf>
    <xf numFmtId="0" fontId="4" fillId="0" borderId="26" xfId="0" applyFont="1" applyFill="1" applyBorder="1" applyAlignment="1">
      <alignment vertical="center"/>
    </xf>
    <xf numFmtId="0" fontId="1" fillId="0" borderId="1" xfId="0" applyFont="1" applyFill="1" applyBorder="1" applyAlignment="1">
      <alignment horizontal="center" vertical="center"/>
    </xf>
    <xf numFmtId="0" fontId="4" fillId="3" borderId="15" xfId="1" applyFont="1" applyFill="1" applyBorder="1" applyAlignment="1">
      <alignment horizontal="left" vertical="center" wrapText="1"/>
    </xf>
    <xf numFmtId="0" fontId="4" fillId="0" borderId="10" xfId="0" applyFont="1" applyBorder="1" applyAlignment="1">
      <alignment horizontal="center" vertical="center" wrapText="1"/>
    </xf>
    <xf numFmtId="0" fontId="16" fillId="0" borderId="0" xfId="1" applyFont="1" applyAlignment="1">
      <alignment vertical="center" wrapText="1"/>
    </xf>
    <xf numFmtId="0" fontId="4" fillId="3" borderId="17" xfId="1" applyFont="1" applyFill="1" applyBorder="1" applyAlignment="1">
      <alignment horizontal="left" vertical="center" wrapText="1"/>
    </xf>
    <xf numFmtId="0" fontId="4" fillId="3" borderId="7" xfId="1" applyFont="1" applyFill="1" applyBorder="1" applyAlignment="1">
      <alignment vertical="center" wrapText="1"/>
    </xf>
    <xf numFmtId="0" fontId="4" fillId="0" borderId="26" xfId="0" applyFont="1" applyBorder="1" applyAlignment="1">
      <alignment horizontal="center" vertical="center" wrapText="1"/>
    </xf>
    <xf numFmtId="0" fontId="4" fillId="0" borderId="7" xfId="0" applyFont="1" applyBorder="1" applyAlignment="1">
      <alignment vertical="center" wrapText="1"/>
    </xf>
    <xf numFmtId="0" fontId="4" fillId="3" borderId="25" xfId="0" applyFont="1" applyFill="1" applyBorder="1" applyAlignment="1">
      <alignment vertical="center" wrapText="1"/>
    </xf>
    <xf numFmtId="0" fontId="11" fillId="0" borderId="27" xfId="0" applyFont="1" applyFill="1" applyBorder="1" applyAlignment="1">
      <alignment vertical="center" wrapText="1"/>
    </xf>
    <xf numFmtId="0" fontId="4" fillId="0" borderId="36" xfId="0" applyFont="1" applyBorder="1" applyAlignment="1">
      <alignment vertical="center" wrapText="1"/>
    </xf>
    <xf numFmtId="0" fontId="4" fillId="3" borderId="26" xfId="0" applyFont="1" applyFill="1" applyBorder="1" applyAlignment="1">
      <alignment vertical="center" wrapText="1"/>
    </xf>
    <xf numFmtId="0" fontId="4" fillId="0" borderId="26" xfId="0" applyFont="1" applyBorder="1" applyAlignment="1">
      <alignment vertical="center" wrapText="1"/>
    </xf>
    <xf numFmtId="0" fontId="4" fillId="3" borderId="15" xfId="0" applyFont="1" applyFill="1" applyBorder="1" applyAlignment="1">
      <alignment vertical="center" wrapText="1"/>
    </xf>
    <xf numFmtId="0" fontId="4" fillId="3" borderId="7" xfId="0" applyFont="1" applyFill="1" applyBorder="1" applyAlignment="1">
      <alignment vertical="center" wrapText="1"/>
    </xf>
    <xf numFmtId="0" fontId="4" fillId="3" borderId="27" xfId="0" applyFont="1" applyFill="1" applyBorder="1" applyAlignment="1">
      <alignment vertical="center" wrapText="1"/>
    </xf>
    <xf numFmtId="0" fontId="4" fillId="0" borderId="27" xfId="0" applyFont="1" applyBorder="1" applyAlignment="1">
      <alignment vertical="center" wrapText="1"/>
    </xf>
    <xf numFmtId="0" fontId="4" fillId="3" borderId="27" xfId="0" applyFont="1" applyFill="1" applyBorder="1" applyAlignment="1">
      <alignment horizontal="left" vertical="center" wrapText="1"/>
    </xf>
    <xf numFmtId="0" fontId="11" fillId="0" borderId="9" xfId="0" applyFont="1" applyFill="1" applyBorder="1" applyAlignment="1">
      <alignment vertical="center" wrapText="1"/>
    </xf>
    <xf numFmtId="0" fontId="4" fillId="2" borderId="25" xfId="1" applyFont="1" applyFill="1" applyBorder="1" applyAlignment="1">
      <alignment horizontal="center" vertical="center"/>
    </xf>
    <xf numFmtId="0" fontId="9" fillId="0" borderId="10" xfId="0" applyFont="1" applyBorder="1" applyAlignment="1">
      <alignment horizontal="left" vertical="center" wrapText="1"/>
    </xf>
    <xf numFmtId="0" fontId="11" fillId="0" borderId="27" xfId="0" applyFont="1" applyFill="1" applyBorder="1" applyAlignment="1">
      <alignment horizontal="left" vertical="center" wrapText="1"/>
    </xf>
    <xf numFmtId="0" fontId="4" fillId="0" borderId="0" xfId="0" applyFont="1" applyFill="1" applyBorder="1" applyAlignment="1">
      <alignment vertical="center" wrapText="1"/>
    </xf>
    <xf numFmtId="0" fontId="9" fillId="0" borderId="15" xfId="0" applyFont="1" applyFill="1" applyBorder="1" applyAlignment="1">
      <alignment vertical="center" wrapText="1"/>
    </xf>
    <xf numFmtId="0" fontId="4" fillId="2" borderId="7" xfId="0" applyFont="1" applyFill="1" applyBorder="1" applyAlignment="1">
      <alignment vertical="center"/>
    </xf>
    <xf numFmtId="0" fontId="11" fillId="0" borderId="7" xfId="0" applyFont="1" applyFill="1" applyBorder="1" applyAlignment="1">
      <alignment vertical="center" wrapText="1"/>
    </xf>
    <xf numFmtId="0" fontId="11" fillId="0" borderId="13" xfId="0" applyFont="1" applyFill="1" applyBorder="1" applyAlignment="1">
      <alignment vertical="center" wrapText="1"/>
    </xf>
    <xf numFmtId="0" fontId="11" fillId="0" borderId="15" xfId="0" applyFont="1" applyFill="1" applyBorder="1" applyAlignment="1">
      <alignment vertical="center" wrapText="1"/>
    </xf>
    <xf numFmtId="0" fontId="4" fillId="0" borderId="19" xfId="0" applyFont="1" applyFill="1" applyBorder="1" applyAlignment="1">
      <alignment horizontal="left" vertical="center" wrapText="1"/>
    </xf>
    <xf numFmtId="0" fontId="4" fillId="0" borderId="18" xfId="1" applyFont="1" applyFill="1" applyBorder="1" applyAlignment="1">
      <alignment horizontal="left" vertical="top" wrapText="1"/>
    </xf>
    <xf numFmtId="0" fontId="4" fillId="0" borderId="9" xfId="0" applyFont="1" applyBorder="1" applyAlignment="1">
      <alignment vertical="center" wrapText="1"/>
    </xf>
    <xf numFmtId="0" fontId="4" fillId="0" borderId="18" xfId="0" applyFont="1" applyFill="1" applyBorder="1" applyAlignment="1">
      <alignment vertical="top" wrapText="1"/>
    </xf>
    <xf numFmtId="0" fontId="4" fillId="2" borderId="15" xfId="0" applyFont="1" applyFill="1" applyBorder="1" applyAlignment="1">
      <alignment vertical="center"/>
    </xf>
    <xf numFmtId="0" fontId="4" fillId="3" borderId="13" xfId="0" applyFont="1" applyFill="1" applyBorder="1" applyAlignment="1">
      <alignment vertical="center" wrapText="1"/>
    </xf>
    <xf numFmtId="0" fontId="4" fillId="3" borderId="17" xfId="0" applyFont="1" applyFill="1" applyBorder="1" applyAlignment="1">
      <alignment vertical="center" wrapText="1"/>
    </xf>
    <xf numFmtId="0" fontId="5" fillId="4" borderId="8" xfId="0" applyFont="1" applyFill="1" applyBorder="1" applyAlignment="1">
      <alignment horizontal="left" vertical="center"/>
    </xf>
    <xf numFmtId="0" fontId="5" fillId="4" borderId="3" xfId="0" applyFont="1" applyFill="1" applyBorder="1" applyAlignment="1">
      <alignment horizontal="left" vertical="center"/>
    </xf>
    <xf numFmtId="0" fontId="11" fillId="4" borderId="25" xfId="0" applyFont="1" applyFill="1" applyBorder="1" applyAlignment="1">
      <alignment vertical="center" wrapText="1"/>
    </xf>
    <xf numFmtId="0" fontId="5" fillId="4" borderId="9" xfId="0" applyFont="1" applyFill="1" applyBorder="1" applyAlignment="1">
      <alignment horizontal="left" vertical="center"/>
    </xf>
    <xf numFmtId="0" fontId="9" fillId="0" borderId="22" xfId="0" applyFont="1" applyFill="1" applyBorder="1" applyAlignment="1">
      <alignment horizontal="left" vertical="center" wrapText="1"/>
    </xf>
    <xf numFmtId="0" fontId="4" fillId="5" borderId="10" xfId="0" applyFont="1" applyFill="1" applyBorder="1" applyAlignment="1">
      <alignment vertical="center" wrapText="1"/>
    </xf>
    <xf numFmtId="0" fontId="4" fillId="0" borderId="13" xfId="0" applyFont="1" applyFill="1" applyBorder="1" applyAlignment="1">
      <alignment horizontal="left" vertical="center" wrapText="1"/>
    </xf>
    <xf numFmtId="0" fontId="4" fillId="0" borderId="7" xfId="0" applyFont="1" applyFill="1" applyBorder="1" applyAlignment="1">
      <alignment horizontal="left" vertical="center" wrapText="1"/>
    </xf>
    <xf numFmtId="0" fontId="11" fillId="0" borderId="15" xfId="0" applyFont="1" applyFill="1" applyBorder="1" applyAlignment="1">
      <alignment horizontal="left" vertical="center" wrapText="1"/>
    </xf>
    <xf numFmtId="0" fontId="4" fillId="0" borderId="27" xfId="0" applyFont="1" applyBorder="1" applyAlignment="1">
      <alignment horizontal="left" vertical="center" wrapText="1"/>
    </xf>
    <xf numFmtId="0" fontId="4" fillId="0" borderId="15" xfId="0" applyFont="1" applyFill="1" applyBorder="1" applyAlignment="1">
      <alignment horizontal="left" vertical="center" wrapText="1"/>
    </xf>
    <xf numFmtId="0" fontId="4" fillId="2" borderId="15" xfId="0" applyFont="1" applyFill="1" applyBorder="1" applyAlignment="1">
      <alignment horizontal="center" vertical="center"/>
    </xf>
    <xf numFmtId="0" fontId="4" fillId="2" borderId="7" xfId="0" applyFont="1" applyFill="1" applyBorder="1" applyAlignment="1">
      <alignment horizontal="center" vertical="center"/>
    </xf>
    <xf numFmtId="0" fontId="4" fillId="0" borderId="13" xfId="1" applyFont="1" applyFill="1" applyBorder="1" applyAlignment="1">
      <alignment horizontal="left" vertical="center" wrapText="1"/>
    </xf>
    <xf numFmtId="0" fontId="4" fillId="0" borderId="15" xfId="0" applyFont="1" applyFill="1" applyBorder="1" applyAlignment="1">
      <alignment vertical="center"/>
    </xf>
    <xf numFmtId="0" fontId="4" fillId="0" borderId="13" xfId="0" applyFont="1" applyFill="1" applyBorder="1" applyAlignment="1">
      <alignment vertical="center" wrapText="1"/>
    </xf>
    <xf numFmtId="0" fontId="4" fillId="2" borderId="25" xfId="0" applyFont="1" applyFill="1" applyBorder="1" applyAlignment="1">
      <alignment horizontal="center" vertical="center"/>
    </xf>
    <xf numFmtId="0" fontId="4" fillId="0" borderId="25" xfId="0" applyFont="1" applyFill="1" applyBorder="1" applyAlignment="1">
      <alignment horizontal="left" vertical="center" wrapText="1"/>
    </xf>
    <xf numFmtId="0" fontId="4" fillId="0" borderId="7" xfId="0" applyFont="1" applyFill="1" applyBorder="1" applyAlignment="1">
      <alignment vertical="center" wrapText="1"/>
    </xf>
    <xf numFmtId="0" fontId="4" fillId="0" borderId="15" xfId="0" applyFont="1" applyFill="1" applyBorder="1" applyAlignment="1">
      <alignment vertical="center" wrapText="1"/>
    </xf>
    <xf numFmtId="0" fontId="4" fillId="0" borderId="17" xfId="0" applyFont="1" applyFill="1" applyBorder="1" applyAlignment="1">
      <alignment vertical="center" wrapText="1"/>
    </xf>
    <xf numFmtId="0" fontId="5" fillId="0" borderId="3" xfId="0" applyFont="1" applyFill="1" applyBorder="1" applyAlignment="1">
      <alignment horizontal="left" vertical="center"/>
    </xf>
    <xf numFmtId="0" fontId="4" fillId="2" borderId="12" xfId="0" applyFont="1" applyFill="1" applyBorder="1" applyAlignment="1">
      <alignment horizontal="center" vertical="center"/>
    </xf>
    <xf numFmtId="0" fontId="4" fillId="0" borderId="13" xfId="0" applyFont="1" applyFill="1" applyBorder="1" applyAlignment="1">
      <alignment horizontal="left" vertical="center" shrinkToFit="1"/>
    </xf>
    <xf numFmtId="0" fontId="4" fillId="0" borderId="13"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27" xfId="0" applyFont="1" applyBorder="1" applyAlignment="1">
      <alignment horizontal="left" vertical="center" wrapText="1"/>
    </xf>
    <xf numFmtId="0" fontId="4" fillId="0" borderId="15" xfId="0" applyFont="1" applyFill="1" applyBorder="1" applyAlignment="1">
      <alignment horizontal="left" vertical="center" wrapText="1"/>
    </xf>
    <xf numFmtId="0" fontId="4" fillId="0" borderId="17" xfId="0" applyFont="1" applyFill="1" applyBorder="1" applyAlignment="1">
      <alignment horizontal="left" vertical="center" wrapText="1"/>
    </xf>
    <xf numFmtId="0" fontId="4" fillId="0" borderId="7" xfId="0" applyFont="1" applyFill="1" applyBorder="1" applyAlignment="1">
      <alignment vertical="center" wrapText="1"/>
    </xf>
    <xf numFmtId="0" fontId="4" fillId="0" borderId="15" xfId="0" applyFont="1" applyFill="1" applyBorder="1" applyAlignment="1">
      <alignment vertical="center" wrapText="1"/>
    </xf>
    <xf numFmtId="0" fontId="4" fillId="0" borderId="13" xfId="0" applyFont="1" applyFill="1" applyBorder="1" applyAlignment="1">
      <alignment horizontal="center" vertical="center"/>
    </xf>
    <xf numFmtId="0" fontId="4" fillId="0" borderId="7" xfId="0" applyFont="1" applyFill="1" applyBorder="1" applyAlignment="1">
      <alignment horizontal="center" vertical="center"/>
    </xf>
    <xf numFmtId="0" fontId="4" fillId="2" borderId="25" xfId="0" applyFont="1" applyFill="1" applyBorder="1" applyAlignment="1">
      <alignment horizontal="center" vertical="center"/>
    </xf>
    <xf numFmtId="0" fontId="4" fillId="0" borderId="25" xfId="0" applyFont="1" applyFill="1" applyBorder="1" applyAlignment="1">
      <alignment horizontal="left" vertical="center" wrapText="1"/>
    </xf>
    <xf numFmtId="0" fontId="5" fillId="0" borderId="3" xfId="0" applyFont="1" applyFill="1" applyBorder="1" applyAlignment="1">
      <alignment horizontal="left" vertical="center"/>
    </xf>
    <xf numFmtId="0" fontId="4" fillId="0" borderId="18" xfId="0" applyFont="1" applyFill="1" applyBorder="1" applyAlignment="1">
      <alignment horizontal="center" vertical="center"/>
    </xf>
    <xf numFmtId="0" fontId="11" fillId="0" borderId="15" xfId="0" applyFont="1" applyFill="1" applyBorder="1" applyAlignment="1">
      <alignment horizontal="left" vertical="center" wrapText="1" shrinkToFit="1"/>
    </xf>
    <xf numFmtId="0" fontId="11" fillId="0" borderId="25" xfId="0" applyFont="1" applyFill="1" applyBorder="1" applyAlignment="1">
      <alignment vertical="top" wrapText="1"/>
    </xf>
    <xf numFmtId="0" fontId="20" fillId="0" borderId="15" xfId="1" applyFont="1" applyFill="1" applyBorder="1" applyAlignment="1">
      <alignment horizontal="left" vertical="center" wrapText="1"/>
    </xf>
    <xf numFmtId="0" fontId="11" fillId="0" borderId="18" xfId="1" applyFont="1" applyFill="1" applyBorder="1" applyAlignment="1">
      <alignment horizontal="left" vertical="center" wrapText="1"/>
    </xf>
    <xf numFmtId="0" fontId="4" fillId="0" borderId="37" xfId="0" applyFont="1" applyFill="1" applyBorder="1" applyAlignment="1">
      <alignment horizontal="center" vertical="center"/>
    </xf>
    <xf numFmtId="0" fontId="4" fillId="0" borderId="18" xfId="0" applyFont="1" applyBorder="1" applyAlignment="1">
      <alignment horizontal="left" vertical="center" wrapText="1"/>
    </xf>
    <xf numFmtId="0" fontId="4" fillId="0" borderId="17" xfId="1" applyFont="1" applyFill="1" applyBorder="1" applyAlignment="1">
      <alignment vertical="center" wrapText="1"/>
    </xf>
    <xf numFmtId="0" fontId="4" fillId="0" borderId="17" xfId="0" applyFont="1" applyFill="1" applyBorder="1" applyAlignment="1">
      <alignment vertical="center"/>
    </xf>
    <xf numFmtId="0" fontId="4" fillId="0" borderId="17" xfId="1" applyFont="1" applyFill="1" applyBorder="1" applyAlignment="1">
      <alignment horizontal="center" vertical="center"/>
    </xf>
    <xf numFmtId="0" fontId="4" fillId="0" borderId="7" xfId="0" applyFont="1" applyFill="1" applyBorder="1" applyAlignment="1">
      <alignment horizontal="left" vertical="center" wrapText="1"/>
    </xf>
    <xf numFmtId="0" fontId="4" fillId="2" borderId="7" xfId="0" applyFont="1" applyFill="1" applyBorder="1" applyAlignment="1">
      <alignment horizontal="center" vertical="center"/>
    </xf>
    <xf numFmtId="0" fontId="9" fillId="0" borderId="7" xfId="0" applyFont="1" applyFill="1" applyBorder="1" applyAlignment="1">
      <alignment horizontal="left" vertical="center" wrapText="1"/>
    </xf>
    <xf numFmtId="0" fontId="4" fillId="0" borderId="13" xfId="0" applyFont="1" applyFill="1" applyBorder="1" applyAlignment="1">
      <alignment vertical="center" wrapText="1"/>
    </xf>
    <xf numFmtId="0" fontId="4" fillId="0" borderId="15" xfId="0" applyFont="1" applyFill="1" applyBorder="1" applyAlignment="1">
      <alignment vertical="center" wrapText="1"/>
    </xf>
    <xf numFmtId="0" fontId="11" fillId="0" borderId="18" xfId="0" applyFont="1" applyFill="1" applyBorder="1" applyAlignment="1">
      <alignment horizontal="left" vertical="center" wrapText="1"/>
    </xf>
    <xf numFmtId="0" fontId="4" fillId="0" borderId="7" xfId="0" applyFont="1" applyFill="1" applyBorder="1" applyAlignment="1">
      <alignment horizontal="center" vertical="center"/>
    </xf>
    <xf numFmtId="0" fontId="4" fillId="0" borderId="15" xfId="0" applyFont="1" applyFill="1" applyBorder="1" applyAlignment="1">
      <alignment horizontal="center" vertical="center"/>
    </xf>
    <xf numFmtId="0" fontId="4" fillId="2" borderId="25" xfId="0" applyFont="1" applyFill="1" applyBorder="1" applyAlignment="1">
      <alignment horizontal="center" vertical="center"/>
    </xf>
    <xf numFmtId="0" fontId="4" fillId="2" borderId="16" xfId="0" applyFont="1" applyFill="1" applyBorder="1" applyAlignment="1">
      <alignment horizontal="center" vertical="center"/>
    </xf>
    <xf numFmtId="0" fontId="4" fillId="0" borderId="7" xfId="0" applyFont="1" applyFill="1" applyBorder="1" applyAlignment="1">
      <alignment horizontal="left" vertical="center" shrinkToFit="1"/>
    </xf>
    <xf numFmtId="0" fontId="19" fillId="0" borderId="27" xfId="0" applyFont="1" applyFill="1" applyBorder="1" applyAlignment="1">
      <alignment vertical="center" wrapText="1"/>
    </xf>
    <xf numFmtId="0" fontId="19" fillId="0" borderId="27" xfId="0" applyFont="1" applyFill="1" applyBorder="1" applyAlignment="1">
      <alignment horizontal="left" vertical="center" wrapText="1"/>
    </xf>
    <xf numFmtId="0" fontId="19" fillId="0" borderId="18" xfId="0" applyFont="1" applyFill="1" applyBorder="1" applyAlignment="1">
      <alignment vertical="center" wrapText="1"/>
    </xf>
    <xf numFmtId="0" fontId="4" fillId="0" borderId="7" xfId="0" applyFont="1" applyFill="1" applyBorder="1" applyAlignment="1">
      <alignment vertical="center" wrapText="1"/>
    </xf>
    <xf numFmtId="0" fontId="4" fillId="0" borderId="7" xfId="0" applyFont="1" applyFill="1" applyBorder="1" applyAlignment="1">
      <alignment horizontal="left" vertical="center" wrapText="1"/>
    </xf>
    <xf numFmtId="0" fontId="4" fillId="0" borderId="13" xfId="0" applyFont="1" applyBorder="1" applyAlignment="1">
      <alignment horizontal="center" vertical="center" wrapText="1"/>
    </xf>
    <xf numFmtId="0" fontId="4" fillId="0" borderId="18" xfId="0" applyFont="1" applyFill="1" applyBorder="1" applyAlignment="1">
      <alignment horizontal="left" vertical="center" wrapText="1"/>
    </xf>
    <xf numFmtId="0" fontId="4" fillId="0" borderId="25" xfId="0" applyFont="1" applyFill="1" applyBorder="1" applyAlignment="1">
      <alignment horizontal="left" vertical="center" wrapText="1"/>
    </xf>
    <xf numFmtId="38" fontId="4" fillId="0" borderId="13" xfId="2" applyFont="1" applyFill="1" applyBorder="1" applyAlignment="1">
      <alignment horizontal="center" vertical="center"/>
    </xf>
    <xf numFmtId="0" fontId="5" fillId="0" borderId="3" xfId="0" applyFont="1" applyFill="1" applyBorder="1" applyAlignment="1">
      <alignment horizontal="center" vertical="center"/>
    </xf>
    <xf numFmtId="0" fontId="4" fillId="6" borderId="18" xfId="0" applyFont="1" applyFill="1" applyBorder="1" applyAlignment="1">
      <alignment horizontal="left" vertical="center" wrapText="1"/>
    </xf>
    <xf numFmtId="0" fontId="11" fillId="6" borderId="18" xfId="0" applyFont="1" applyFill="1" applyBorder="1" applyAlignment="1">
      <alignment horizontal="left" vertical="center" wrapText="1"/>
    </xf>
    <xf numFmtId="0" fontId="4" fillId="0" borderId="13"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15" xfId="0" applyFont="1" applyFill="1" applyBorder="1" applyAlignment="1">
      <alignment horizontal="center" vertical="center"/>
    </xf>
    <xf numFmtId="0" fontId="4" fillId="0" borderId="18" xfId="0" applyFont="1" applyBorder="1" applyAlignment="1">
      <alignment horizontal="center" vertical="center" wrapText="1"/>
    </xf>
    <xf numFmtId="0" fontId="4" fillId="0" borderId="15" xfId="0" applyFont="1" applyFill="1" applyBorder="1" applyAlignment="1">
      <alignment horizontal="center" vertical="center"/>
    </xf>
    <xf numFmtId="0" fontId="4" fillId="0" borderId="18" xfId="0" applyFont="1" applyFill="1" applyBorder="1" applyAlignment="1">
      <alignment horizontal="center" vertical="center"/>
    </xf>
    <xf numFmtId="0" fontId="11" fillId="0" borderId="13" xfId="0" applyFont="1" applyFill="1" applyBorder="1" applyAlignment="1">
      <alignment horizontal="left" vertical="center" wrapText="1"/>
    </xf>
    <xf numFmtId="0" fontId="11" fillId="0" borderId="15" xfId="0" applyFont="1" applyFill="1" applyBorder="1" applyAlignment="1">
      <alignment horizontal="left" vertical="center" wrapText="1"/>
    </xf>
    <xf numFmtId="0" fontId="4" fillId="0" borderId="13"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13" xfId="0" applyFont="1" applyFill="1" applyBorder="1" applyAlignment="1">
      <alignment vertical="center" wrapText="1"/>
    </xf>
    <xf numFmtId="0" fontId="4" fillId="0" borderId="15" xfId="0" applyFont="1" applyFill="1" applyBorder="1" applyAlignment="1">
      <alignment vertical="center" wrapText="1"/>
    </xf>
    <xf numFmtId="0" fontId="4" fillId="0" borderId="7" xfId="0" applyFont="1" applyFill="1" applyBorder="1" applyAlignment="1">
      <alignment vertical="center" wrapText="1"/>
    </xf>
    <xf numFmtId="0" fontId="4" fillId="0" borderId="13" xfId="0" applyFont="1" applyFill="1" applyBorder="1" applyAlignment="1">
      <alignment horizontal="left" vertical="center" wrapText="1"/>
    </xf>
    <xf numFmtId="0" fontId="4" fillId="0" borderId="15" xfId="0" applyFont="1" applyFill="1" applyBorder="1" applyAlignment="1">
      <alignment horizontal="left" vertical="center" wrapText="1"/>
    </xf>
    <xf numFmtId="0" fontId="4" fillId="0" borderId="7" xfId="0" applyFont="1" applyFill="1" applyBorder="1" applyAlignment="1">
      <alignment horizontal="left" vertical="center" wrapText="1"/>
    </xf>
    <xf numFmtId="0" fontId="4" fillId="0" borderId="17" xfId="0" applyFont="1" applyFill="1" applyBorder="1" applyAlignment="1">
      <alignment horizontal="center" vertical="center"/>
    </xf>
    <xf numFmtId="0" fontId="4" fillId="0" borderId="26" xfId="0" applyFont="1" applyBorder="1" applyAlignment="1">
      <alignment horizontal="left" vertical="center" wrapText="1"/>
    </xf>
    <xf numFmtId="0" fontId="4" fillId="0" borderId="7" xfId="0" applyFont="1" applyBorder="1" applyAlignment="1">
      <alignment horizontal="left" vertical="center" wrapText="1"/>
    </xf>
    <xf numFmtId="0" fontId="4" fillId="0" borderId="13" xfId="0" applyFont="1" applyFill="1" applyBorder="1" applyAlignment="1">
      <alignment horizontal="center" vertical="center" wrapText="1"/>
    </xf>
    <xf numFmtId="0" fontId="4" fillId="0" borderId="17" xfId="0" applyFont="1" applyFill="1" applyBorder="1" applyAlignment="1">
      <alignment horizontal="left" vertical="center" wrapText="1"/>
    </xf>
    <xf numFmtId="0" fontId="4" fillId="0" borderId="15" xfId="0" applyFont="1" applyFill="1" applyBorder="1" applyAlignment="1">
      <alignment vertical="center"/>
    </xf>
    <xf numFmtId="0" fontId="4" fillId="2" borderId="25" xfId="0" applyFont="1" applyFill="1" applyBorder="1" applyAlignment="1">
      <alignment horizontal="center" vertical="center"/>
    </xf>
    <xf numFmtId="0" fontId="4" fillId="3" borderId="18" xfId="1" applyFont="1" applyFill="1" applyBorder="1" applyAlignment="1">
      <alignment vertical="center" wrapText="1"/>
    </xf>
    <xf numFmtId="0" fontId="4" fillId="0" borderId="18" xfId="0" applyFont="1" applyBorder="1" applyAlignment="1">
      <alignment vertical="center" wrapText="1"/>
    </xf>
    <xf numFmtId="0" fontId="4" fillId="3" borderId="13" xfId="1" applyFont="1" applyFill="1" applyBorder="1" applyAlignment="1">
      <alignment vertical="center" wrapText="1"/>
    </xf>
    <xf numFmtId="0" fontId="4" fillId="0" borderId="7" xfId="1" applyFont="1" applyFill="1" applyBorder="1" applyAlignment="1">
      <alignment vertical="center" wrapText="1"/>
    </xf>
    <xf numFmtId="0" fontId="21" fillId="0" borderId="21" xfId="0" applyFont="1" applyBorder="1" applyAlignment="1">
      <alignment vertical="center" wrapText="1"/>
    </xf>
    <xf numFmtId="0" fontId="24" fillId="0" borderId="0" xfId="3" applyFont="1" applyFill="1">
      <alignment vertical="center"/>
    </xf>
    <xf numFmtId="0" fontId="24" fillId="0" borderId="0" xfId="3" applyFont="1">
      <alignment vertical="center"/>
    </xf>
    <xf numFmtId="0" fontId="23" fillId="0" borderId="0" xfId="3" applyFont="1" applyAlignment="1">
      <alignment horizontal="center" vertical="center"/>
    </xf>
    <xf numFmtId="0" fontId="23" fillId="0" borderId="0" xfId="3" applyFont="1" applyAlignment="1">
      <alignment horizontal="left" vertical="top"/>
    </xf>
    <xf numFmtId="0" fontId="23" fillId="0" borderId="0" xfId="3" applyFont="1" applyAlignment="1">
      <alignment vertical="center"/>
    </xf>
    <xf numFmtId="0" fontId="24" fillId="0" borderId="0" xfId="3" applyFont="1" applyFill="1" applyAlignment="1">
      <alignment vertical="center"/>
    </xf>
    <xf numFmtId="0" fontId="24" fillId="0" borderId="0" xfId="3" applyFont="1" applyAlignment="1">
      <alignment vertical="center"/>
    </xf>
    <xf numFmtId="0" fontId="26" fillId="0" borderId="0" xfId="3" applyFont="1" applyAlignment="1">
      <alignment horizontal="left" vertical="top" wrapText="1"/>
    </xf>
    <xf numFmtId="0" fontId="26" fillId="0" borderId="0" xfId="3" applyFont="1" applyAlignment="1">
      <alignment vertical="center" wrapText="1"/>
    </xf>
    <xf numFmtId="0" fontId="27" fillId="0" borderId="0" xfId="3" applyFont="1" applyFill="1" applyAlignment="1">
      <alignment vertical="center"/>
    </xf>
    <xf numFmtId="0" fontId="27" fillId="0" borderId="0" xfId="3" applyFont="1" applyAlignment="1">
      <alignment vertical="center"/>
    </xf>
    <xf numFmtId="0" fontId="27" fillId="7" borderId="12" xfId="3" applyFont="1" applyFill="1" applyBorder="1" applyAlignment="1">
      <alignment horizontal="center" vertical="center" wrapText="1"/>
    </xf>
    <xf numFmtId="0" fontId="27" fillId="7" borderId="13" xfId="3" applyFont="1" applyFill="1" applyBorder="1" applyAlignment="1">
      <alignment horizontal="center" vertical="center" wrapText="1"/>
    </xf>
    <xf numFmtId="0" fontId="13" fillId="7" borderId="40" xfId="3" applyFont="1" applyFill="1" applyBorder="1" applyAlignment="1">
      <alignment horizontal="center" vertical="center" wrapText="1" shrinkToFit="1"/>
    </xf>
    <xf numFmtId="0" fontId="26" fillId="0" borderId="13" xfId="3" applyFont="1" applyFill="1" applyBorder="1" applyAlignment="1">
      <alignment vertical="top" wrapText="1"/>
    </xf>
    <xf numFmtId="0" fontId="26" fillId="0" borderId="43" xfId="3" applyFont="1" applyFill="1" applyBorder="1" applyAlignment="1">
      <alignment horizontal="center" vertical="center" wrapText="1"/>
    </xf>
    <xf numFmtId="0" fontId="26" fillId="0" borderId="44" xfId="3" applyFont="1" applyFill="1" applyBorder="1" applyAlignment="1">
      <alignment horizontal="left" vertical="center" wrapText="1" shrinkToFit="1"/>
    </xf>
    <xf numFmtId="0" fontId="4" fillId="0" borderId="45" xfId="3" applyFont="1" applyFill="1" applyBorder="1" applyAlignment="1">
      <alignment horizontal="left" vertical="center" wrapText="1" shrinkToFit="1"/>
    </xf>
    <xf numFmtId="0" fontId="13" fillId="0" borderId="0" xfId="3" applyFont="1" applyFill="1">
      <alignment vertical="center"/>
    </xf>
    <xf numFmtId="0" fontId="13" fillId="0" borderId="0" xfId="3" applyFont="1">
      <alignment vertical="center"/>
    </xf>
    <xf numFmtId="0" fontId="26" fillId="0" borderId="7" xfId="3" applyFont="1" applyFill="1" applyBorder="1" applyAlignment="1">
      <alignment vertical="top" wrapText="1"/>
    </xf>
    <xf numFmtId="0" fontId="26" fillId="0" borderId="49" xfId="3" applyFont="1" applyFill="1" applyBorder="1" applyAlignment="1">
      <alignment horizontal="center" vertical="center" wrapText="1"/>
    </xf>
    <xf numFmtId="0" fontId="26" fillId="0" borderId="50" xfId="3" applyFont="1" applyFill="1" applyBorder="1" applyAlignment="1">
      <alignment horizontal="left" vertical="center" wrapText="1" shrinkToFit="1"/>
    </xf>
    <xf numFmtId="0" fontId="4" fillId="0" borderId="46" xfId="3" applyFont="1" applyFill="1" applyBorder="1" applyAlignment="1">
      <alignment horizontal="left" vertical="center" wrapText="1" shrinkToFit="1"/>
    </xf>
    <xf numFmtId="0" fontId="26" fillId="0" borderId="38" xfId="3" applyFont="1" applyFill="1" applyBorder="1" applyAlignment="1">
      <alignment horizontal="center" vertical="center" wrapText="1"/>
    </xf>
    <xf numFmtId="0" fontId="26" fillId="0" borderId="39" xfId="3" applyFont="1" applyFill="1" applyBorder="1" applyAlignment="1">
      <alignment horizontal="left" vertical="center" wrapText="1" shrinkToFit="1"/>
    </xf>
    <xf numFmtId="0" fontId="4" fillId="0" borderId="40" xfId="3" applyFont="1" applyFill="1" applyBorder="1" applyAlignment="1">
      <alignment horizontal="left" vertical="center" wrapText="1" shrinkToFit="1"/>
    </xf>
    <xf numFmtId="0" fontId="26" fillId="0" borderId="15" xfId="3" applyFont="1" applyFill="1" applyBorder="1" applyAlignment="1">
      <alignment vertical="top" wrapText="1"/>
    </xf>
    <xf numFmtId="0" fontId="26" fillId="0" borderId="54" xfId="3" applyFont="1" applyFill="1" applyBorder="1" applyAlignment="1">
      <alignment horizontal="center" vertical="center" wrapText="1"/>
    </xf>
    <xf numFmtId="0" fontId="26" fillId="0" borderId="55" xfId="3" applyFont="1" applyFill="1" applyBorder="1" applyAlignment="1">
      <alignment horizontal="left" vertical="center" wrapText="1" shrinkToFit="1"/>
    </xf>
    <xf numFmtId="0" fontId="4" fillId="0" borderId="53" xfId="3" applyFont="1" applyFill="1" applyBorder="1" applyAlignment="1">
      <alignment horizontal="left" vertical="center" wrapText="1" shrinkToFit="1"/>
    </xf>
    <xf numFmtId="0" fontId="26" fillId="0" borderId="57" xfId="3" applyFont="1" applyFill="1" applyBorder="1" applyAlignment="1">
      <alignment horizontal="center" vertical="center" wrapText="1"/>
    </xf>
    <xf numFmtId="0" fontId="26" fillId="0" borderId="58" xfId="3" applyFont="1" applyFill="1" applyBorder="1" applyAlignment="1">
      <alignment horizontal="left" vertical="center" wrapText="1" shrinkToFit="1"/>
    </xf>
    <xf numFmtId="0" fontId="4" fillId="0" borderId="56" xfId="3" applyFont="1" applyFill="1" applyBorder="1" applyAlignment="1">
      <alignment horizontal="left" vertical="center" wrapText="1" shrinkToFit="1"/>
    </xf>
    <xf numFmtId="0" fontId="13" fillId="3" borderId="0" xfId="3" applyFont="1" applyFill="1">
      <alignment vertical="center"/>
    </xf>
    <xf numFmtId="0" fontId="13" fillId="0" borderId="25" xfId="3" applyFont="1" applyFill="1" applyBorder="1" applyAlignment="1">
      <alignment horizontal="left" vertical="top" wrapText="1"/>
    </xf>
    <xf numFmtId="0" fontId="13" fillId="0" borderId="13" xfId="3" applyFont="1" applyFill="1" applyBorder="1" applyAlignment="1">
      <alignment horizontal="left" vertical="top" wrapText="1"/>
    </xf>
    <xf numFmtId="0" fontId="13" fillId="0" borderId="59" xfId="3" applyFont="1" applyFill="1" applyBorder="1" applyAlignment="1">
      <alignment horizontal="center" vertical="center" wrapText="1"/>
    </xf>
    <xf numFmtId="0" fontId="13" fillId="0" borderId="60" xfId="3" applyFont="1" applyFill="1" applyBorder="1" applyAlignment="1">
      <alignment horizontal="left" vertical="center" wrapText="1" shrinkToFit="1"/>
    </xf>
    <xf numFmtId="0" fontId="10" fillId="0" borderId="25" xfId="3" applyFont="1" applyFill="1" applyBorder="1" applyAlignment="1">
      <alignment horizontal="left" vertical="center" wrapText="1" shrinkToFit="1"/>
    </xf>
    <xf numFmtId="0" fontId="26" fillId="0" borderId="12" xfId="3" applyFont="1" applyFill="1" applyBorder="1" applyAlignment="1">
      <alignment vertical="top" wrapText="1"/>
    </xf>
    <xf numFmtId="0" fontId="26" fillId="0" borderId="61" xfId="3" applyFont="1" applyFill="1" applyBorder="1" applyAlignment="1">
      <alignment horizontal="center" vertical="center" wrapText="1"/>
    </xf>
    <xf numFmtId="0" fontId="26" fillId="0" borderId="25" xfId="3" applyFont="1" applyFill="1" applyBorder="1" applyAlignment="1">
      <alignment horizontal="left" vertical="top" wrapText="1" shrinkToFit="1"/>
    </xf>
    <xf numFmtId="0" fontId="26" fillId="0" borderId="13" xfId="3" applyFont="1" applyFill="1" applyBorder="1" applyAlignment="1">
      <alignment horizontal="left" vertical="top" wrapText="1" shrinkToFit="1"/>
    </xf>
    <xf numFmtId="0" fontId="26" fillId="0" borderId="59" xfId="3" applyFont="1" applyFill="1" applyBorder="1" applyAlignment="1">
      <alignment horizontal="center" vertical="center" wrapText="1"/>
    </xf>
    <xf numFmtId="0" fontId="26" fillId="0" borderId="60" xfId="3" applyFont="1" applyFill="1" applyBorder="1" applyAlignment="1">
      <alignment horizontal="left" vertical="center" wrapText="1" shrinkToFit="1"/>
    </xf>
    <xf numFmtId="0" fontId="10" fillId="0" borderId="25" xfId="3" applyFont="1" applyFill="1" applyBorder="1" applyAlignment="1">
      <alignment vertical="center" wrapText="1" shrinkToFit="1"/>
    </xf>
    <xf numFmtId="0" fontId="26" fillId="5" borderId="15" xfId="3" applyFont="1" applyFill="1" applyBorder="1" applyAlignment="1">
      <alignment vertical="center" wrapText="1" shrinkToFit="1"/>
    </xf>
    <xf numFmtId="0" fontId="4" fillId="5" borderId="56" xfId="3" applyFont="1" applyFill="1" applyBorder="1" applyAlignment="1">
      <alignment horizontal="left" vertical="center" wrapText="1" shrinkToFit="1"/>
    </xf>
    <xf numFmtId="0" fontId="13" fillId="0" borderId="0" xfId="3" applyFont="1" applyFill="1" applyAlignment="1">
      <alignment vertical="center"/>
    </xf>
    <xf numFmtId="0" fontId="13" fillId="3" borderId="0" xfId="3" applyFont="1" applyFill="1" applyAlignment="1">
      <alignment vertical="center"/>
    </xf>
    <xf numFmtId="0" fontId="4" fillId="5" borderId="45" xfId="3" applyFont="1" applyFill="1" applyBorder="1" applyAlignment="1">
      <alignment horizontal="left" vertical="center" wrapText="1" shrinkToFit="1"/>
    </xf>
    <xf numFmtId="0" fontId="13" fillId="0" borderId="0" xfId="3" applyFont="1" applyAlignment="1">
      <alignment vertical="center"/>
    </xf>
    <xf numFmtId="176" fontId="26" fillId="0" borderId="15" xfId="3" applyNumberFormat="1" applyFont="1" applyFill="1" applyBorder="1" applyAlignment="1">
      <alignment vertical="top" wrapText="1"/>
    </xf>
    <xf numFmtId="176" fontId="26" fillId="0" borderId="7" xfId="3" applyNumberFormat="1" applyFont="1" applyFill="1" applyBorder="1" applyAlignment="1">
      <alignment vertical="top" wrapText="1"/>
    </xf>
    <xf numFmtId="176" fontId="26" fillId="0" borderId="25" xfId="3" applyNumberFormat="1" applyFont="1" applyFill="1" applyBorder="1" applyAlignment="1">
      <alignment vertical="top" wrapText="1"/>
    </xf>
    <xf numFmtId="0" fontId="4" fillId="0" borderId="25" xfId="3" applyFont="1" applyFill="1" applyBorder="1" applyAlignment="1">
      <alignment horizontal="left" vertical="center" wrapText="1" shrinkToFit="1"/>
    </xf>
    <xf numFmtId="176" fontId="26" fillId="0" borderId="13" xfId="3" applyNumberFormat="1" applyFont="1" applyFill="1" applyBorder="1" applyAlignment="1">
      <alignment vertical="top" wrapText="1"/>
    </xf>
    <xf numFmtId="0" fontId="4" fillId="5" borderId="53" xfId="3" applyFont="1" applyFill="1" applyBorder="1" applyAlignment="1">
      <alignment horizontal="left" vertical="center" wrapText="1" shrinkToFit="1"/>
    </xf>
    <xf numFmtId="0" fontId="4" fillId="5" borderId="40" xfId="3" applyFont="1" applyFill="1" applyBorder="1" applyAlignment="1">
      <alignment horizontal="left" vertical="center" wrapText="1" shrinkToFit="1"/>
    </xf>
    <xf numFmtId="0" fontId="26" fillId="0" borderId="15" xfId="3" applyFont="1" applyFill="1" applyBorder="1" applyAlignment="1">
      <alignment horizontal="left" vertical="top" wrapText="1"/>
    </xf>
    <xf numFmtId="176" fontId="26" fillId="0" borderId="15" xfId="3" applyNumberFormat="1" applyFont="1" applyFill="1" applyBorder="1" applyAlignment="1">
      <alignment horizontal="left" vertical="top" wrapText="1"/>
    </xf>
    <xf numFmtId="0" fontId="26" fillId="0" borderId="64" xfId="3" applyFont="1" applyFill="1" applyBorder="1" applyAlignment="1">
      <alignment horizontal="center" vertical="center" wrapText="1"/>
    </xf>
    <xf numFmtId="0" fontId="26" fillId="0" borderId="65" xfId="3" applyFont="1" applyFill="1" applyBorder="1" applyAlignment="1">
      <alignment horizontal="left" vertical="center" wrapText="1" shrinkToFit="1"/>
    </xf>
    <xf numFmtId="0" fontId="4" fillId="0" borderId="7" xfId="3" applyFont="1" applyFill="1" applyBorder="1" applyAlignment="1">
      <alignment horizontal="left" vertical="center" wrapText="1" shrinkToFit="1"/>
    </xf>
    <xf numFmtId="0" fontId="26" fillId="0" borderId="66" xfId="3" applyFont="1" applyFill="1" applyBorder="1" applyAlignment="1">
      <alignment horizontal="center" vertical="center" wrapText="1"/>
    </xf>
    <xf numFmtId="0" fontId="26" fillId="0" borderId="42" xfId="3" applyFont="1" applyFill="1" applyBorder="1" applyAlignment="1">
      <alignment horizontal="left" vertical="center" wrapText="1" shrinkToFit="1"/>
    </xf>
    <xf numFmtId="0" fontId="26" fillId="0" borderId="67" xfId="3" applyFont="1" applyFill="1" applyBorder="1" applyAlignment="1">
      <alignment horizontal="center" vertical="center" wrapText="1"/>
    </xf>
    <xf numFmtId="0" fontId="26" fillId="0" borderId="52" xfId="3" applyFont="1" applyFill="1" applyBorder="1" applyAlignment="1">
      <alignment horizontal="left" vertical="center" wrapText="1" shrinkToFit="1"/>
    </xf>
    <xf numFmtId="0" fontId="26" fillId="0" borderId="68" xfId="3" applyFont="1" applyFill="1" applyBorder="1" applyAlignment="1">
      <alignment horizontal="center" vertical="center" wrapText="1"/>
    </xf>
    <xf numFmtId="0" fontId="26" fillId="0" borderId="22" xfId="3" applyFont="1" applyFill="1" applyBorder="1" applyAlignment="1">
      <alignment horizontal="left" vertical="center" wrapText="1" shrinkToFit="1"/>
    </xf>
    <xf numFmtId="0" fontId="26" fillId="0" borderId="24" xfId="3" applyFont="1" applyFill="1" applyBorder="1" applyAlignment="1">
      <alignment horizontal="left" vertical="center" wrapText="1" shrinkToFit="1"/>
    </xf>
    <xf numFmtId="0" fontId="4" fillId="0" borderId="18" xfId="3" applyFont="1" applyFill="1" applyBorder="1" applyAlignment="1">
      <alignment horizontal="left" vertical="center" wrapText="1" shrinkToFit="1"/>
    </xf>
    <xf numFmtId="0" fontId="26" fillId="0" borderId="38" xfId="3" applyFont="1" applyFill="1" applyBorder="1" applyAlignment="1">
      <alignment horizontal="center" vertical="center"/>
    </xf>
    <xf numFmtId="0" fontId="26" fillId="0" borderId="39" xfId="3" applyFont="1" applyFill="1" applyBorder="1" applyAlignment="1">
      <alignment vertical="center" wrapText="1" shrinkToFit="1"/>
    </xf>
    <xf numFmtId="0" fontId="13" fillId="0" borderId="69" xfId="3" applyFont="1" applyFill="1" applyBorder="1">
      <alignment vertical="center"/>
    </xf>
    <xf numFmtId="0" fontId="13" fillId="0" borderId="69" xfId="3" applyFont="1" applyBorder="1">
      <alignment vertical="center"/>
    </xf>
    <xf numFmtId="0" fontId="26" fillId="0" borderId="43" xfId="3" applyFont="1" applyFill="1" applyBorder="1" applyAlignment="1">
      <alignment horizontal="center" vertical="center"/>
    </xf>
    <xf numFmtId="0" fontId="26" fillId="0" borderId="44" xfId="3" applyFont="1" applyFill="1" applyBorder="1" applyAlignment="1">
      <alignment vertical="center" wrapText="1" shrinkToFit="1"/>
    </xf>
    <xf numFmtId="0" fontId="4" fillId="0" borderId="45" xfId="3" applyFont="1" applyFill="1" applyBorder="1" applyAlignment="1">
      <alignment vertical="center" wrapText="1" shrinkToFit="1"/>
    </xf>
    <xf numFmtId="0" fontId="13" fillId="0" borderId="70" xfId="3" applyFont="1" applyFill="1" applyBorder="1">
      <alignment vertical="center"/>
    </xf>
    <xf numFmtId="0" fontId="13" fillId="0" borderId="70" xfId="3" applyFont="1" applyBorder="1">
      <alignment vertical="center"/>
    </xf>
    <xf numFmtId="0" fontId="4" fillId="5" borderId="45" xfId="3" applyFont="1" applyFill="1" applyBorder="1" applyAlignment="1">
      <alignment vertical="center" wrapText="1" shrinkToFit="1"/>
    </xf>
    <xf numFmtId="0" fontId="26" fillId="0" borderId="64" xfId="3" applyFont="1" applyFill="1" applyBorder="1" applyAlignment="1">
      <alignment horizontal="center" vertical="center"/>
    </xf>
    <xf numFmtId="0" fontId="26" fillId="0" borderId="65" xfId="3" applyFont="1" applyFill="1" applyBorder="1" applyAlignment="1">
      <alignment vertical="center" wrapText="1" shrinkToFit="1"/>
    </xf>
    <xf numFmtId="0" fontId="4" fillId="0" borderId="7" xfId="3" applyFont="1" applyFill="1" applyBorder="1" applyAlignment="1">
      <alignment vertical="center" wrapText="1" shrinkToFit="1"/>
    </xf>
    <xf numFmtId="0" fontId="13" fillId="0" borderId="71" xfId="3" applyFont="1" applyFill="1" applyBorder="1">
      <alignment vertical="center"/>
    </xf>
    <xf numFmtId="0" fontId="13" fillId="0" borderId="71" xfId="3" applyFont="1" applyBorder="1">
      <alignment vertical="center"/>
    </xf>
    <xf numFmtId="0" fontId="4" fillId="5" borderId="7" xfId="3" applyFont="1" applyFill="1" applyBorder="1" applyAlignment="1">
      <alignment horizontal="left" vertical="center" wrapText="1" shrinkToFit="1"/>
    </xf>
    <xf numFmtId="0" fontId="26" fillId="0" borderId="15" xfId="3" applyFont="1" applyFill="1" applyBorder="1" applyAlignment="1">
      <alignment horizontal="left" vertical="top" wrapText="1" shrinkToFit="1"/>
    </xf>
    <xf numFmtId="0" fontId="26" fillId="0" borderId="72" xfId="3" applyFont="1" applyFill="1" applyBorder="1" applyAlignment="1">
      <alignment horizontal="center" vertical="center" wrapText="1"/>
    </xf>
    <xf numFmtId="0" fontId="26" fillId="0" borderId="73" xfId="3" applyFont="1" applyFill="1" applyBorder="1" applyAlignment="1">
      <alignment horizontal="left" vertical="center" wrapText="1" shrinkToFit="1"/>
    </xf>
    <xf numFmtId="0" fontId="10" fillId="0" borderId="15" xfId="3" applyFont="1" applyFill="1" applyBorder="1" applyAlignment="1">
      <alignment vertical="center" wrapText="1" shrinkToFit="1"/>
    </xf>
    <xf numFmtId="0" fontId="26" fillId="0" borderId="13" xfId="3" applyFont="1" applyFill="1" applyBorder="1" applyAlignment="1">
      <alignment vertical="top" wrapText="1" shrinkToFit="1"/>
    </xf>
    <xf numFmtId="0" fontId="10" fillId="0" borderId="13" xfId="3" applyFont="1" applyFill="1" applyBorder="1" applyAlignment="1">
      <alignment vertical="center" wrapText="1" shrinkToFit="1"/>
    </xf>
    <xf numFmtId="0" fontId="26" fillId="0" borderId="15" xfId="3" applyFont="1" applyFill="1" applyBorder="1" applyAlignment="1">
      <alignment vertical="top" wrapText="1" shrinkToFit="1"/>
    </xf>
    <xf numFmtId="0" fontId="10" fillId="0" borderId="56" xfId="3" applyFont="1" applyFill="1" applyBorder="1" applyAlignment="1">
      <alignment vertical="center" wrapText="1" shrinkToFit="1"/>
    </xf>
    <xf numFmtId="0" fontId="26" fillId="0" borderId="7" xfId="3" applyFont="1" applyFill="1" applyBorder="1" applyAlignment="1">
      <alignment vertical="top" wrapText="1" shrinkToFit="1"/>
    </xf>
    <xf numFmtId="0" fontId="10" fillId="0" borderId="45" xfId="3" applyFont="1" applyFill="1" applyBorder="1" applyAlignment="1">
      <alignment vertical="center" wrapText="1" shrinkToFit="1"/>
    </xf>
    <xf numFmtId="0" fontId="6" fillId="0" borderId="54" xfId="3" applyFont="1" applyFill="1" applyBorder="1" applyAlignment="1">
      <alignment horizontal="center" vertical="center" wrapText="1"/>
    </xf>
    <xf numFmtId="0" fontId="6" fillId="0" borderId="55" xfId="3" applyFont="1" applyFill="1" applyBorder="1" applyAlignment="1">
      <alignment horizontal="left" vertical="center" shrinkToFit="1"/>
    </xf>
    <xf numFmtId="176" fontId="26" fillId="0" borderId="38" xfId="3" applyNumberFormat="1" applyFont="1" applyFill="1" applyBorder="1" applyAlignment="1">
      <alignment horizontal="center" vertical="center" wrapText="1"/>
    </xf>
    <xf numFmtId="0" fontId="4" fillId="0" borderId="40" xfId="3" applyFont="1" applyFill="1" applyBorder="1" applyAlignment="1">
      <alignment vertical="center" wrapText="1" shrinkToFit="1"/>
    </xf>
    <xf numFmtId="0" fontId="27" fillId="0" borderId="0" xfId="3" applyFont="1" applyFill="1">
      <alignment vertical="center"/>
    </xf>
    <xf numFmtId="0" fontId="27" fillId="0" borderId="0" xfId="3" applyFont="1">
      <alignment vertical="center"/>
    </xf>
    <xf numFmtId="176" fontId="26" fillId="0" borderId="43" xfId="3" applyNumberFormat="1" applyFont="1" applyFill="1" applyBorder="1" applyAlignment="1">
      <alignment horizontal="center" vertical="center" wrapText="1"/>
    </xf>
    <xf numFmtId="176" fontId="26" fillId="0" borderId="54" xfId="3" applyNumberFormat="1" applyFont="1" applyFill="1" applyBorder="1" applyAlignment="1">
      <alignment horizontal="center" vertical="center" wrapText="1"/>
    </xf>
    <xf numFmtId="176" fontId="26" fillId="0" borderId="49" xfId="3" applyNumberFormat="1" applyFont="1" applyFill="1" applyBorder="1" applyAlignment="1">
      <alignment horizontal="center" vertical="center" wrapText="1"/>
    </xf>
    <xf numFmtId="0" fontId="4" fillId="0" borderId="46" xfId="3" applyFont="1" applyFill="1" applyBorder="1" applyAlignment="1">
      <alignment vertical="center" wrapText="1" shrinkToFit="1"/>
    </xf>
    <xf numFmtId="176" fontId="26" fillId="0" borderId="57" xfId="3" applyNumberFormat="1" applyFont="1" applyFill="1" applyBorder="1" applyAlignment="1">
      <alignment horizontal="center" vertical="center" wrapText="1"/>
    </xf>
    <xf numFmtId="0" fontId="4" fillId="0" borderId="56" xfId="3" applyFont="1" applyFill="1" applyBorder="1" applyAlignment="1">
      <alignment vertical="center" wrapText="1" shrinkToFit="1"/>
    </xf>
    <xf numFmtId="176" fontId="26" fillId="0" borderId="53" xfId="3" applyNumberFormat="1" applyFont="1" applyFill="1" applyBorder="1" applyAlignment="1">
      <alignment horizontal="center" vertical="center" wrapText="1"/>
    </xf>
    <xf numFmtId="0" fontId="26" fillId="0" borderId="48" xfId="3" applyFont="1" applyFill="1" applyBorder="1" applyAlignment="1">
      <alignment horizontal="left" vertical="center" wrapText="1" shrinkToFit="1"/>
    </xf>
    <xf numFmtId="0" fontId="13" fillId="0" borderId="13" xfId="3" applyFont="1" applyFill="1" applyBorder="1" applyAlignment="1">
      <alignment vertical="top" wrapText="1"/>
    </xf>
    <xf numFmtId="0" fontId="10" fillId="0" borderId="40" xfId="3" applyFont="1" applyFill="1" applyBorder="1" applyAlignment="1">
      <alignment horizontal="left" vertical="center" wrapText="1" shrinkToFit="1"/>
    </xf>
    <xf numFmtId="0" fontId="13" fillId="0" borderId="15" xfId="3" applyFont="1" applyFill="1" applyBorder="1" applyAlignment="1">
      <alignment vertical="top" wrapText="1"/>
    </xf>
    <xf numFmtId="0" fontId="10" fillId="0" borderId="45" xfId="3" applyFont="1" applyFill="1" applyBorder="1" applyAlignment="1">
      <alignment horizontal="left" vertical="center" wrapText="1" shrinkToFit="1"/>
    </xf>
    <xf numFmtId="0" fontId="26" fillId="0" borderId="27" xfId="3" applyFont="1" applyFill="1" applyBorder="1" applyAlignment="1">
      <alignment horizontal="left" vertical="center" wrapText="1"/>
    </xf>
    <xf numFmtId="0" fontId="26" fillId="0" borderId="45" xfId="3" applyFont="1" applyFill="1" applyBorder="1" applyAlignment="1">
      <alignment horizontal="left" vertical="center" wrapText="1" shrinkToFit="1"/>
    </xf>
    <xf numFmtId="0" fontId="26" fillId="0" borderId="76" xfId="3" applyFont="1" applyFill="1" applyBorder="1" applyAlignment="1">
      <alignment horizontal="left" vertical="center" wrapText="1"/>
    </xf>
    <xf numFmtId="0" fontId="13" fillId="0" borderId="27" xfId="3" applyFont="1" applyFill="1" applyBorder="1" applyAlignment="1">
      <alignment horizontal="left" vertical="center"/>
    </xf>
    <xf numFmtId="0" fontId="13" fillId="0" borderId="45" xfId="3" applyFont="1" applyFill="1" applyBorder="1" applyAlignment="1">
      <alignment horizontal="left" vertical="center" wrapText="1" shrinkToFit="1"/>
    </xf>
    <xf numFmtId="0" fontId="13" fillId="0" borderId="7" xfId="3" applyFont="1" applyFill="1" applyBorder="1" applyAlignment="1">
      <alignment vertical="top" wrapText="1"/>
    </xf>
    <xf numFmtId="0" fontId="13" fillId="0" borderId="26" xfId="3" applyFont="1" applyFill="1" applyBorder="1" applyAlignment="1">
      <alignment horizontal="left" vertical="center"/>
    </xf>
    <xf numFmtId="0" fontId="13" fillId="0" borderId="7" xfId="3" applyFont="1" applyFill="1" applyBorder="1" applyAlignment="1">
      <alignment horizontal="left" vertical="center" wrapText="1" shrinkToFit="1"/>
    </xf>
    <xf numFmtId="0" fontId="10" fillId="0" borderId="7" xfId="3" applyFont="1" applyFill="1" applyBorder="1" applyAlignment="1">
      <alignment horizontal="left" vertical="center" wrapText="1" shrinkToFit="1"/>
    </xf>
    <xf numFmtId="0" fontId="13" fillId="0" borderId="45" xfId="3" applyFont="1" applyFill="1" applyBorder="1" applyAlignment="1">
      <alignment horizontal="left" vertical="center"/>
    </xf>
    <xf numFmtId="0" fontId="13" fillId="0" borderId="7" xfId="3" applyFont="1" applyFill="1" applyBorder="1" applyAlignment="1">
      <alignment horizontal="left" vertical="center"/>
    </xf>
    <xf numFmtId="0" fontId="13" fillId="0" borderId="0" xfId="3" applyFont="1" applyAlignment="1">
      <alignment horizontal="left" vertical="center" wrapText="1"/>
    </xf>
    <xf numFmtId="0" fontId="13" fillId="0" borderId="0" xfId="3" applyFont="1" applyAlignment="1">
      <alignment horizontal="left" vertical="top" wrapText="1"/>
    </xf>
    <xf numFmtId="0" fontId="13" fillId="0" borderId="0" xfId="3" applyFont="1" applyAlignment="1">
      <alignment vertical="center" wrapText="1"/>
    </xf>
    <xf numFmtId="0" fontId="13" fillId="0" borderId="0" xfId="3" applyFont="1" applyAlignment="1">
      <alignment horizontal="center" vertical="center" wrapText="1"/>
    </xf>
    <xf numFmtId="0" fontId="13" fillId="0" borderId="0" xfId="3" applyFont="1" applyAlignment="1">
      <alignment horizontal="left" vertical="center" wrapText="1" shrinkToFit="1"/>
    </xf>
    <xf numFmtId="0" fontId="10" fillId="0" borderId="0" xfId="3" applyFont="1" applyAlignment="1">
      <alignment horizontal="left" vertical="center" wrapText="1" shrinkToFit="1"/>
    </xf>
    <xf numFmtId="0" fontId="30" fillId="0" borderId="0" xfId="3" applyFont="1" applyAlignment="1">
      <alignment horizontal="left" vertical="center" wrapText="1"/>
    </xf>
    <xf numFmtId="0" fontId="26" fillId="0" borderId="77" xfId="3" applyFont="1" applyFill="1" applyBorder="1" applyAlignment="1">
      <alignment horizontal="center" vertical="center" wrapText="1"/>
    </xf>
    <xf numFmtId="0" fontId="4" fillId="6" borderId="27" xfId="1" applyFont="1" applyFill="1" applyBorder="1" applyAlignment="1">
      <alignment horizontal="center" vertical="center"/>
    </xf>
    <xf numFmtId="0" fontId="11" fillId="0" borderId="13" xfId="0" applyFont="1" applyFill="1" applyBorder="1" applyAlignment="1">
      <alignment horizontal="left" vertical="center" wrapText="1"/>
    </xf>
    <xf numFmtId="0" fontId="11" fillId="0" borderId="15" xfId="0" applyFont="1" applyFill="1" applyBorder="1" applyAlignment="1">
      <alignment horizontal="left" vertical="center" wrapText="1"/>
    </xf>
    <xf numFmtId="0" fontId="4" fillId="0" borderId="13" xfId="0" applyFont="1" applyFill="1" applyBorder="1" applyAlignment="1">
      <alignment horizontal="center" vertical="center"/>
    </xf>
    <xf numFmtId="0" fontId="4" fillId="0" borderId="7" xfId="0" applyFont="1" applyFill="1" applyBorder="1" applyAlignment="1">
      <alignment horizontal="center" vertical="center"/>
    </xf>
    <xf numFmtId="0" fontId="4" fillId="2" borderId="13" xfId="0" applyFont="1" applyFill="1" applyBorder="1" applyAlignment="1">
      <alignment horizontal="center" vertical="center"/>
    </xf>
    <xf numFmtId="0" fontId="4" fillId="2" borderId="15" xfId="0" applyFont="1" applyFill="1" applyBorder="1" applyAlignment="1">
      <alignment horizontal="center" vertical="center"/>
    </xf>
    <xf numFmtId="0" fontId="4" fillId="2" borderId="7" xfId="0" applyFont="1" applyFill="1" applyBorder="1" applyAlignment="1">
      <alignment horizontal="center" vertical="center"/>
    </xf>
    <xf numFmtId="0" fontId="4" fillId="0" borderId="13" xfId="0" applyFont="1" applyFill="1" applyBorder="1" applyAlignment="1">
      <alignment vertical="center" wrapText="1"/>
    </xf>
    <xf numFmtId="0" fontId="4" fillId="0" borderId="15" xfId="0" applyFont="1" applyFill="1" applyBorder="1" applyAlignment="1">
      <alignment vertical="center" wrapText="1"/>
    </xf>
    <xf numFmtId="0" fontId="4" fillId="0" borderId="7" xfId="0" applyFont="1" applyFill="1" applyBorder="1" applyAlignment="1">
      <alignment vertical="center" wrapText="1"/>
    </xf>
    <xf numFmtId="0" fontId="4" fillId="0" borderId="13" xfId="0" applyFont="1" applyFill="1" applyBorder="1" applyAlignment="1">
      <alignment horizontal="left" vertical="center" wrapText="1"/>
    </xf>
    <xf numFmtId="0" fontId="4" fillId="0" borderId="15" xfId="0" applyFont="1" applyFill="1" applyBorder="1" applyAlignment="1">
      <alignment horizontal="left" vertical="center" wrapText="1"/>
    </xf>
    <xf numFmtId="0" fontId="17" fillId="0" borderId="15" xfId="0" applyFont="1" applyBorder="1" applyAlignment="1">
      <alignment horizontal="left" vertical="center" wrapText="1"/>
    </xf>
    <xf numFmtId="0" fontId="5" fillId="0" borderId="8" xfId="0" applyFont="1" applyFill="1" applyBorder="1" applyAlignment="1">
      <alignment horizontal="left" vertical="center"/>
    </xf>
    <xf numFmtId="0" fontId="5" fillId="0" borderId="3" xfId="0" applyFont="1" applyFill="1" applyBorder="1" applyAlignment="1">
      <alignment horizontal="left" vertical="center"/>
    </xf>
    <xf numFmtId="0" fontId="5" fillId="0" borderId="9" xfId="0" applyFont="1" applyFill="1" applyBorder="1" applyAlignment="1">
      <alignment horizontal="left" vertical="center"/>
    </xf>
    <xf numFmtId="0" fontId="11" fillId="0" borderId="7" xfId="0" applyFont="1" applyFill="1" applyBorder="1" applyAlignment="1">
      <alignment horizontal="left" vertical="center" wrapText="1"/>
    </xf>
    <xf numFmtId="0" fontId="4" fillId="0" borderId="7" xfId="0" applyFont="1" applyFill="1" applyBorder="1" applyAlignment="1">
      <alignment horizontal="left" vertical="center" wrapText="1"/>
    </xf>
    <xf numFmtId="0" fontId="11" fillId="0" borderId="13" xfId="0" applyFont="1" applyFill="1" applyBorder="1" applyAlignment="1">
      <alignment horizontal="center" vertical="center" wrapText="1"/>
    </xf>
    <xf numFmtId="0" fontId="11" fillId="0" borderId="15" xfId="0" applyFont="1" applyFill="1" applyBorder="1" applyAlignment="1">
      <alignment horizontal="center" vertical="center" wrapText="1"/>
    </xf>
    <xf numFmtId="0" fontId="11" fillId="0" borderId="7" xfId="0" applyFont="1" applyFill="1" applyBorder="1" applyAlignment="1">
      <alignment horizontal="center" vertical="center" wrapText="1"/>
    </xf>
    <xf numFmtId="0" fontId="4" fillId="0" borderId="17" xfId="0" applyFont="1" applyFill="1" applyBorder="1" applyAlignment="1">
      <alignment horizontal="center" vertical="center"/>
    </xf>
    <xf numFmtId="0" fontId="4" fillId="0" borderId="18" xfId="0" applyFont="1" applyFill="1" applyBorder="1" applyAlignment="1">
      <alignment horizontal="center" vertical="center"/>
    </xf>
    <xf numFmtId="0" fontId="13" fillId="0" borderId="7" xfId="0" applyFont="1" applyFill="1" applyBorder="1" applyAlignment="1">
      <alignment vertical="center" wrapText="1"/>
    </xf>
    <xf numFmtId="0" fontId="4" fillId="0" borderId="27" xfId="0" applyFont="1" applyBorder="1" applyAlignment="1">
      <alignment horizontal="center" vertical="center" wrapText="1"/>
    </xf>
    <xf numFmtId="0" fontId="4" fillId="0" borderId="26"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27" xfId="0" applyFont="1" applyBorder="1" applyAlignment="1">
      <alignment horizontal="left" vertical="center" wrapText="1"/>
    </xf>
    <xf numFmtId="0" fontId="4" fillId="0" borderId="26" xfId="0" applyFont="1" applyBorder="1" applyAlignment="1">
      <alignment horizontal="left" vertical="center" wrapText="1"/>
    </xf>
    <xf numFmtId="0" fontId="4" fillId="0" borderId="13" xfId="1" applyFont="1" applyBorder="1" applyAlignment="1">
      <alignment horizontal="center" vertical="center" wrapText="1"/>
    </xf>
    <xf numFmtId="0" fontId="4" fillId="0" borderId="15" xfId="1" applyFont="1" applyBorder="1" applyAlignment="1">
      <alignment horizontal="center" vertical="center" wrapText="1"/>
    </xf>
    <xf numFmtId="0" fontId="4" fillId="0" borderId="7" xfId="1" applyFont="1" applyBorder="1" applyAlignment="1">
      <alignment horizontal="center" vertical="center" wrapText="1"/>
    </xf>
    <xf numFmtId="0" fontId="4" fillId="0" borderId="13" xfId="0" applyFont="1" applyBorder="1" applyAlignment="1">
      <alignment horizontal="left" vertical="center" wrapText="1"/>
    </xf>
    <xf numFmtId="0" fontId="4" fillId="0" borderId="15" xfId="0" applyFont="1" applyBorder="1" applyAlignment="1">
      <alignment horizontal="left" vertical="center" wrapText="1"/>
    </xf>
    <xf numFmtId="0" fontId="4" fillId="0" borderId="7" xfId="0" applyFont="1" applyBorder="1" applyAlignment="1">
      <alignment horizontal="left" vertical="center" wrapText="1"/>
    </xf>
    <xf numFmtId="0" fontId="4" fillId="5" borderId="13" xfId="0" applyFont="1" applyFill="1" applyBorder="1" applyAlignment="1">
      <alignment horizontal="left" vertical="center" wrapText="1"/>
    </xf>
    <xf numFmtId="0" fontId="4" fillId="5" borderId="15" xfId="0" applyFont="1" applyFill="1" applyBorder="1" applyAlignment="1">
      <alignment horizontal="left" vertical="center" wrapText="1"/>
    </xf>
    <xf numFmtId="0" fontId="4" fillId="5" borderId="7" xfId="0" applyFont="1" applyFill="1" applyBorder="1" applyAlignment="1">
      <alignment horizontal="left" vertical="center" wrapText="1"/>
    </xf>
    <xf numFmtId="0" fontId="4" fillId="4" borderId="13" xfId="0" applyFont="1" applyFill="1" applyBorder="1" applyAlignment="1">
      <alignment horizontal="center" vertical="center" shrinkToFit="1"/>
    </xf>
    <xf numFmtId="0" fontId="4" fillId="4" borderId="15" xfId="0" applyFont="1" applyFill="1" applyBorder="1" applyAlignment="1">
      <alignment horizontal="center" vertical="center" shrinkToFit="1"/>
    </xf>
    <xf numFmtId="0" fontId="4" fillId="4" borderId="7" xfId="0" applyFont="1" applyFill="1" applyBorder="1" applyAlignment="1">
      <alignment horizontal="center" vertical="center" shrinkToFit="1"/>
    </xf>
    <xf numFmtId="0" fontId="4" fillId="0" borderId="13" xfId="0" applyFont="1" applyBorder="1" applyAlignment="1">
      <alignment horizontal="center" vertical="center" wrapText="1"/>
    </xf>
    <xf numFmtId="0" fontId="4" fillId="0" borderId="7" xfId="0" applyFont="1" applyBorder="1" applyAlignment="1">
      <alignment horizontal="center" vertical="center" wrapText="1"/>
    </xf>
    <xf numFmtId="0" fontId="4" fillId="2" borderId="13" xfId="1" applyFont="1" applyFill="1" applyBorder="1" applyAlignment="1">
      <alignment horizontal="center" vertical="center"/>
    </xf>
    <xf numFmtId="0" fontId="4" fillId="2" borderId="15" xfId="1" applyFont="1" applyFill="1" applyBorder="1" applyAlignment="1">
      <alignment horizontal="center" vertical="center"/>
    </xf>
    <xf numFmtId="0" fontId="4" fillId="2" borderId="7" xfId="1" applyFont="1" applyFill="1" applyBorder="1" applyAlignment="1">
      <alignment horizontal="center" vertical="center"/>
    </xf>
    <xf numFmtId="0" fontId="4" fillId="0" borderId="13" xfId="1" applyFont="1" applyFill="1" applyBorder="1" applyAlignment="1">
      <alignment horizontal="left" vertical="center" wrapText="1"/>
    </xf>
    <xf numFmtId="0" fontId="4" fillId="0" borderId="15" xfId="1" applyFont="1" applyFill="1" applyBorder="1" applyAlignment="1">
      <alignment horizontal="left" vertical="center" wrapText="1"/>
    </xf>
    <xf numFmtId="0" fontId="4" fillId="0" borderId="7" xfId="1" applyFont="1" applyFill="1" applyBorder="1" applyAlignment="1">
      <alignment horizontal="left" vertical="center" wrapText="1"/>
    </xf>
    <xf numFmtId="0" fontId="11" fillId="0" borderId="13" xfId="1" applyFont="1" applyFill="1" applyBorder="1" applyAlignment="1">
      <alignment horizontal="left" vertical="center" wrapText="1"/>
    </xf>
    <xf numFmtId="0" fontId="11" fillId="0" borderId="15" xfId="1" applyFont="1" applyFill="1" applyBorder="1" applyAlignment="1">
      <alignment horizontal="left" vertical="center" wrapText="1"/>
    </xf>
    <xf numFmtId="0" fontId="11" fillId="0" borderId="7" xfId="1" applyFont="1" applyFill="1" applyBorder="1" applyAlignment="1">
      <alignment horizontal="left" vertical="center" wrapText="1"/>
    </xf>
    <xf numFmtId="0" fontId="4" fillId="0" borderId="13" xfId="0" applyFont="1" applyFill="1" applyBorder="1" applyAlignment="1">
      <alignment horizontal="center" vertical="center" wrapText="1"/>
    </xf>
    <xf numFmtId="0" fontId="4" fillId="0" borderId="15" xfId="0" applyFont="1" applyFill="1" applyBorder="1" applyAlignment="1">
      <alignment horizontal="center" vertical="center" wrapText="1"/>
    </xf>
    <xf numFmtId="0" fontId="4" fillId="0" borderId="7" xfId="0" applyFont="1" applyFill="1" applyBorder="1" applyAlignment="1">
      <alignment horizontal="center" vertical="center" wrapText="1"/>
    </xf>
    <xf numFmtId="0" fontId="9" fillId="0" borderId="13" xfId="0" applyFont="1" applyFill="1" applyBorder="1" applyAlignment="1">
      <alignment horizontal="left" vertical="center" wrapText="1"/>
    </xf>
    <xf numFmtId="0" fontId="9" fillId="0" borderId="15" xfId="0" applyFont="1" applyFill="1" applyBorder="1" applyAlignment="1">
      <alignment horizontal="left" vertical="center" wrapText="1"/>
    </xf>
    <xf numFmtId="0" fontId="9" fillId="0" borderId="7" xfId="0" applyFont="1" applyFill="1" applyBorder="1" applyAlignment="1">
      <alignment horizontal="left" vertical="center" wrapText="1"/>
    </xf>
    <xf numFmtId="0" fontId="4" fillId="0" borderId="13" xfId="0" applyFont="1" applyFill="1" applyBorder="1" applyAlignment="1">
      <alignment horizontal="left" vertical="center"/>
    </xf>
    <xf numFmtId="0" fontId="4" fillId="0" borderId="15" xfId="0" applyFont="1" applyFill="1" applyBorder="1" applyAlignment="1">
      <alignment horizontal="left" vertical="center"/>
    </xf>
    <xf numFmtId="0" fontId="4" fillId="0" borderId="7" xfId="0" applyFont="1" applyFill="1" applyBorder="1" applyAlignment="1">
      <alignment horizontal="left" vertical="center"/>
    </xf>
    <xf numFmtId="0" fontId="9" fillId="0" borderId="13" xfId="0" applyFont="1" applyFill="1" applyBorder="1" applyAlignment="1">
      <alignment horizontal="center" vertical="center" wrapText="1"/>
    </xf>
    <xf numFmtId="0" fontId="9" fillId="0" borderId="15" xfId="0" applyFont="1" applyFill="1" applyBorder="1" applyAlignment="1">
      <alignment horizontal="center" vertical="center" wrapText="1"/>
    </xf>
    <xf numFmtId="0" fontId="9" fillId="0" borderId="7" xfId="0" applyFont="1" applyFill="1" applyBorder="1" applyAlignment="1">
      <alignment horizontal="center" vertical="center" wrapText="1"/>
    </xf>
    <xf numFmtId="0" fontId="1" fillId="0" borderId="0" xfId="0" applyFont="1" applyFill="1" applyBorder="1" applyAlignment="1">
      <alignment horizontal="center" vertical="center"/>
    </xf>
    <xf numFmtId="0" fontId="4" fillId="0" borderId="31" xfId="0" applyFont="1" applyFill="1" applyBorder="1" applyAlignment="1">
      <alignment horizontal="distributed" vertical="center" justifyLastLine="1"/>
    </xf>
    <xf numFmtId="0" fontId="4" fillId="0" borderId="32" xfId="0" applyFont="1" applyFill="1" applyBorder="1" applyAlignment="1">
      <alignment horizontal="distributed" vertical="center" justifyLastLine="1"/>
    </xf>
    <xf numFmtId="0" fontId="4" fillId="0" borderId="33" xfId="0" applyFont="1" applyFill="1" applyBorder="1" applyAlignment="1">
      <alignment horizontal="distributed" vertical="center" justifyLastLine="1"/>
    </xf>
    <xf numFmtId="0" fontId="4" fillId="0" borderId="9" xfId="0" applyFont="1" applyFill="1" applyBorder="1" applyAlignment="1">
      <alignment horizontal="distributed" vertical="center" justifyLastLine="1"/>
    </xf>
    <xf numFmtId="0" fontId="4" fillId="0" borderId="34" xfId="0" applyFont="1" applyFill="1" applyBorder="1" applyAlignment="1">
      <alignment horizontal="distributed" vertical="center" justifyLastLine="1"/>
    </xf>
    <xf numFmtId="0" fontId="4" fillId="0" borderId="35" xfId="0" applyFont="1" applyFill="1" applyBorder="1" applyAlignment="1">
      <alignment horizontal="distributed" vertical="center" justifyLastLine="1"/>
    </xf>
    <xf numFmtId="0" fontId="6" fillId="2" borderId="12" xfId="0" applyFont="1" applyFill="1" applyBorder="1" applyAlignment="1">
      <alignment horizontal="center" vertical="center"/>
    </xf>
    <xf numFmtId="0" fontId="6" fillId="2" borderId="19" xfId="0" applyFont="1" applyFill="1" applyBorder="1" applyAlignment="1">
      <alignment horizontal="center" vertical="center"/>
    </xf>
    <xf numFmtId="0" fontId="6" fillId="2" borderId="16" xfId="0" applyFont="1" applyFill="1" applyBorder="1" applyAlignment="1">
      <alignment horizontal="center" vertical="center"/>
    </xf>
    <xf numFmtId="0" fontId="6" fillId="2" borderId="22" xfId="0" applyFont="1" applyFill="1" applyBorder="1" applyAlignment="1">
      <alignment horizontal="center" vertical="center"/>
    </xf>
    <xf numFmtId="0" fontId="6" fillId="2" borderId="13" xfId="0" applyFont="1" applyFill="1" applyBorder="1" applyAlignment="1">
      <alignment horizontal="center" vertical="center"/>
    </xf>
    <xf numFmtId="0" fontId="7" fillId="2" borderId="7" xfId="0" applyFont="1" applyFill="1" applyBorder="1" applyAlignment="1">
      <alignment horizontal="center" vertical="center"/>
    </xf>
    <xf numFmtId="0" fontId="6" fillId="2" borderId="13" xfId="0" applyFont="1" applyFill="1" applyBorder="1" applyAlignment="1">
      <alignment horizontal="center" vertical="center" shrinkToFit="1"/>
    </xf>
    <xf numFmtId="0" fontId="7" fillId="2" borderId="7" xfId="0" applyFont="1" applyFill="1" applyBorder="1" applyAlignment="1">
      <alignment horizontal="center" vertical="center" shrinkToFit="1"/>
    </xf>
    <xf numFmtId="0" fontId="6" fillId="2" borderId="8" xfId="0" applyFont="1" applyFill="1" applyBorder="1" applyAlignment="1">
      <alignment horizontal="center" vertical="center"/>
    </xf>
    <xf numFmtId="0" fontId="6" fillId="2" borderId="3" xfId="0" applyFont="1" applyFill="1" applyBorder="1" applyAlignment="1">
      <alignment horizontal="center" vertical="center"/>
    </xf>
    <xf numFmtId="0" fontId="6" fillId="2" borderId="9" xfId="0" applyFont="1" applyFill="1" applyBorder="1" applyAlignment="1">
      <alignment horizontal="center" vertical="center"/>
    </xf>
    <xf numFmtId="0" fontId="10" fillId="0" borderId="15" xfId="0" applyFont="1" applyFill="1" applyBorder="1" applyAlignment="1">
      <alignment vertical="center"/>
    </xf>
    <xf numFmtId="0" fontId="4" fillId="0" borderId="15" xfId="0" applyFont="1" applyFill="1" applyBorder="1" applyAlignment="1">
      <alignment horizontal="center" vertical="center"/>
    </xf>
    <xf numFmtId="0" fontId="4" fillId="4" borderId="15" xfId="1" applyFont="1" applyFill="1" applyBorder="1" applyAlignment="1">
      <alignment horizontal="center" vertical="center"/>
    </xf>
    <xf numFmtId="0" fontId="4" fillId="0" borderId="13" xfId="1" applyFont="1" applyFill="1" applyBorder="1" applyAlignment="1">
      <alignment horizontal="center" vertical="center" wrapText="1"/>
    </xf>
    <xf numFmtId="0" fontId="4" fillId="0" borderId="7" xfId="1" applyFont="1" applyFill="1" applyBorder="1" applyAlignment="1">
      <alignment horizontal="center" vertical="center" wrapText="1"/>
    </xf>
    <xf numFmtId="0" fontId="4" fillId="0" borderId="15" xfId="0" applyFont="1" applyFill="1" applyBorder="1" applyAlignment="1">
      <alignment horizontal="left" vertical="top" wrapText="1"/>
    </xf>
    <xf numFmtId="0" fontId="4" fillId="0" borderId="7" xfId="0" applyFont="1" applyFill="1" applyBorder="1" applyAlignment="1">
      <alignment horizontal="left" vertical="top" wrapText="1"/>
    </xf>
    <xf numFmtId="0" fontId="4" fillId="0" borderId="17" xfId="0" applyFont="1" applyFill="1" applyBorder="1" applyAlignment="1">
      <alignment horizontal="center" vertical="center" wrapText="1"/>
    </xf>
    <xf numFmtId="0" fontId="4" fillId="0" borderId="17" xfId="0" applyFont="1" applyBorder="1" applyAlignment="1">
      <alignment horizontal="left" vertical="center" wrapText="1"/>
    </xf>
    <xf numFmtId="0" fontId="4" fillId="0" borderId="17" xfId="0" applyFont="1" applyFill="1" applyBorder="1" applyAlignment="1">
      <alignment horizontal="left" vertical="center" wrapText="1"/>
    </xf>
    <xf numFmtId="0" fontId="10" fillId="0" borderId="13" xfId="0" applyFont="1" applyFill="1" applyBorder="1" applyAlignment="1">
      <alignment horizontal="left" vertical="center" wrapText="1"/>
    </xf>
    <xf numFmtId="0" fontId="10" fillId="0" borderId="7" xfId="0" applyFont="1" applyFill="1" applyBorder="1" applyAlignment="1">
      <alignment horizontal="left" vertical="center" wrapText="1"/>
    </xf>
    <xf numFmtId="0" fontId="10" fillId="2" borderId="13" xfId="0" applyFont="1" applyFill="1" applyBorder="1" applyAlignment="1">
      <alignment horizontal="center" vertical="center"/>
    </xf>
    <xf numFmtId="0" fontId="10" fillId="2" borderId="15" xfId="0" applyFont="1" applyFill="1" applyBorder="1" applyAlignment="1">
      <alignment horizontal="center" vertical="center"/>
    </xf>
    <xf numFmtId="0" fontId="4" fillId="0" borderId="13" xfId="0" applyFont="1" applyFill="1" applyBorder="1" applyAlignment="1">
      <alignment vertical="center"/>
    </xf>
    <xf numFmtId="0" fontId="4" fillId="0" borderId="15" xfId="0" applyFont="1" applyFill="1" applyBorder="1" applyAlignment="1">
      <alignment vertical="center"/>
    </xf>
    <xf numFmtId="0" fontId="11" fillId="0" borderId="13" xfId="0" applyFont="1" applyBorder="1" applyAlignment="1">
      <alignment horizontal="left" vertical="center" wrapText="1"/>
    </xf>
    <xf numFmtId="0" fontId="11" fillId="0" borderId="15" xfId="0" applyFont="1" applyBorder="1" applyAlignment="1">
      <alignment horizontal="left" vertical="center" wrapText="1"/>
    </xf>
    <xf numFmtId="0" fontId="11" fillId="0" borderId="7" xfId="0" applyFont="1" applyBorder="1" applyAlignment="1">
      <alignment horizontal="left" vertical="center" wrapText="1"/>
    </xf>
    <xf numFmtId="0" fontId="4" fillId="2" borderId="25" xfId="0" applyFont="1" applyFill="1" applyBorder="1" applyAlignment="1">
      <alignment horizontal="center" vertical="center"/>
    </xf>
    <xf numFmtId="0" fontId="23" fillId="0" borderId="0" xfId="3" applyFont="1" applyAlignment="1">
      <alignment horizontal="center" vertical="center"/>
    </xf>
    <xf numFmtId="0" fontId="25" fillId="0" borderId="78" xfId="3" applyFont="1" applyBorder="1" applyAlignment="1">
      <alignment horizontal="center" vertical="center"/>
    </xf>
    <xf numFmtId="0" fontId="25" fillId="0" borderId="79" xfId="3" applyFont="1" applyBorder="1" applyAlignment="1">
      <alignment horizontal="center" vertical="center"/>
    </xf>
    <xf numFmtId="0" fontId="25" fillId="0" borderId="25" xfId="3" applyFont="1" applyBorder="1" applyAlignment="1">
      <alignment horizontal="center" vertical="center" shrinkToFit="1"/>
    </xf>
    <xf numFmtId="0" fontId="25" fillId="0" borderId="80" xfId="3" applyFont="1" applyBorder="1" applyAlignment="1">
      <alignment horizontal="center" vertical="center" shrinkToFit="1"/>
    </xf>
    <xf numFmtId="0" fontId="25" fillId="0" borderId="81" xfId="3" applyFont="1" applyBorder="1" applyAlignment="1">
      <alignment horizontal="center" vertical="center"/>
    </xf>
    <xf numFmtId="0" fontId="25" fillId="0" borderId="82" xfId="3" applyFont="1" applyBorder="1" applyAlignment="1">
      <alignment horizontal="center" vertical="center"/>
    </xf>
    <xf numFmtId="0" fontId="26" fillId="0" borderId="40" xfId="3" applyFont="1" applyFill="1" applyBorder="1" applyAlignment="1">
      <alignment horizontal="left" vertical="top" wrapText="1"/>
    </xf>
    <xf numFmtId="0" fontId="26" fillId="0" borderId="45" xfId="3" applyFont="1" applyFill="1" applyBorder="1" applyAlignment="1">
      <alignment horizontal="left" vertical="top" wrapText="1"/>
    </xf>
    <xf numFmtId="0" fontId="26" fillId="0" borderId="53" xfId="3" applyFont="1" applyFill="1" applyBorder="1" applyAlignment="1">
      <alignment horizontal="left" vertical="top" wrapText="1"/>
    </xf>
    <xf numFmtId="0" fontId="26" fillId="0" borderId="41" xfId="3" applyFont="1" applyFill="1" applyBorder="1" applyAlignment="1">
      <alignment horizontal="left" vertical="center" wrapText="1"/>
    </xf>
    <xf numFmtId="0" fontId="26" fillId="0" borderId="42" xfId="3" applyFont="1" applyFill="1" applyBorder="1" applyAlignment="1">
      <alignment horizontal="left" vertical="center" wrapText="1"/>
    </xf>
    <xf numFmtId="0" fontId="26" fillId="0" borderId="51" xfId="3" applyFont="1" applyFill="1" applyBorder="1" applyAlignment="1">
      <alignment horizontal="left" vertical="center" wrapText="1"/>
    </xf>
    <xf numFmtId="0" fontId="26" fillId="0" borderId="52" xfId="3" applyFont="1" applyFill="1" applyBorder="1" applyAlignment="1">
      <alignment horizontal="left" vertical="center" wrapText="1"/>
    </xf>
    <xf numFmtId="0" fontId="26" fillId="0" borderId="47" xfId="3" applyFont="1" applyFill="1" applyBorder="1" applyAlignment="1">
      <alignment horizontal="left" vertical="center" wrapText="1"/>
    </xf>
    <xf numFmtId="0" fontId="26" fillId="0" borderId="48" xfId="3" applyFont="1" applyFill="1" applyBorder="1" applyAlignment="1">
      <alignment horizontal="left" vertical="center" wrapText="1"/>
    </xf>
    <xf numFmtId="0" fontId="26" fillId="0" borderId="56" xfId="3" applyFont="1" applyFill="1" applyBorder="1" applyAlignment="1">
      <alignment horizontal="left" vertical="top" wrapText="1"/>
    </xf>
    <xf numFmtId="0" fontId="26" fillId="0" borderId="46" xfId="3" applyFont="1" applyFill="1" applyBorder="1" applyAlignment="1">
      <alignment horizontal="left" vertical="top" wrapText="1"/>
    </xf>
    <xf numFmtId="0" fontId="25" fillId="0" borderId="1" xfId="3" applyFont="1" applyBorder="1" applyAlignment="1">
      <alignment horizontal="center" vertical="center" wrapText="1"/>
    </xf>
    <xf numFmtId="0" fontId="25" fillId="0" borderId="1" xfId="3" applyFont="1" applyBorder="1" applyAlignment="1">
      <alignment horizontal="center" vertical="center" shrinkToFit="1"/>
    </xf>
    <xf numFmtId="0" fontId="27" fillId="7" borderId="12" xfId="3" applyFont="1" applyFill="1" applyBorder="1" applyAlignment="1">
      <alignment horizontal="center" vertical="center" wrapText="1"/>
    </xf>
    <xf numFmtId="0" fontId="27" fillId="7" borderId="19" xfId="3" applyFont="1" applyFill="1" applyBorder="1" applyAlignment="1">
      <alignment horizontal="center" vertical="center" wrapText="1"/>
    </xf>
    <xf numFmtId="0" fontId="27" fillId="7" borderId="38" xfId="3" applyFont="1" applyFill="1" applyBorder="1" applyAlignment="1">
      <alignment horizontal="center" vertical="center" wrapText="1"/>
    </xf>
    <xf numFmtId="0" fontId="27" fillId="7" borderId="39" xfId="3" applyFont="1" applyFill="1" applyBorder="1" applyAlignment="1">
      <alignment horizontal="center" vertical="center" wrapText="1"/>
    </xf>
    <xf numFmtId="0" fontId="26" fillId="0" borderId="8" xfId="3" applyFont="1" applyFill="1" applyBorder="1" applyAlignment="1">
      <alignment horizontal="left" vertical="center" wrapText="1"/>
    </xf>
    <xf numFmtId="0" fontId="26" fillId="0" borderId="9" xfId="3" applyFont="1" applyFill="1" applyBorder="1" applyAlignment="1">
      <alignment horizontal="left" vertical="center" wrapText="1"/>
    </xf>
    <xf numFmtId="0" fontId="4" fillId="5" borderId="13" xfId="3" applyFont="1" applyFill="1" applyBorder="1" applyAlignment="1">
      <alignment horizontal="left" vertical="center" wrapText="1" shrinkToFit="1"/>
    </xf>
    <xf numFmtId="0" fontId="4" fillId="5" borderId="15" xfId="3" applyFont="1" applyFill="1" applyBorder="1" applyAlignment="1">
      <alignment horizontal="left" vertical="center" wrapText="1" shrinkToFit="1"/>
    </xf>
    <xf numFmtId="0" fontId="4" fillId="5" borderId="7" xfId="3" applyFont="1" applyFill="1" applyBorder="1" applyAlignment="1">
      <alignment horizontal="left" vertical="center" wrapText="1" shrinkToFit="1"/>
    </xf>
    <xf numFmtId="0" fontId="26" fillId="0" borderId="62" xfId="3" applyFont="1" applyFill="1" applyBorder="1" applyAlignment="1">
      <alignment horizontal="left" vertical="center" wrapText="1"/>
    </xf>
    <xf numFmtId="0" fontId="26" fillId="0" borderId="63" xfId="3" applyFont="1" applyFill="1" applyBorder="1" applyAlignment="1">
      <alignment horizontal="left" vertical="center" wrapText="1"/>
    </xf>
    <xf numFmtId="176" fontId="26" fillId="0" borderId="40" xfId="3" applyNumberFormat="1" applyFont="1" applyFill="1" applyBorder="1" applyAlignment="1">
      <alignment horizontal="left" vertical="top" wrapText="1"/>
    </xf>
    <xf numFmtId="176" fontId="26" fillId="0" borderId="45" xfId="3" applyNumberFormat="1" applyFont="1" applyFill="1" applyBorder="1" applyAlignment="1">
      <alignment horizontal="left" vertical="top" wrapText="1"/>
    </xf>
    <xf numFmtId="176" fontId="26" fillId="0" borderId="53" xfId="3" applyNumberFormat="1" applyFont="1" applyFill="1" applyBorder="1" applyAlignment="1">
      <alignment horizontal="left" vertical="top" wrapText="1"/>
    </xf>
    <xf numFmtId="0" fontId="13" fillId="5" borderId="14" xfId="3" applyFont="1" applyFill="1" applyBorder="1" applyAlignment="1">
      <alignment horizontal="center" vertical="center"/>
    </xf>
    <xf numFmtId="0" fontId="13" fillId="5" borderId="0" xfId="3" applyFont="1" applyFill="1" applyAlignment="1">
      <alignment horizontal="center" vertical="center"/>
    </xf>
    <xf numFmtId="0" fontId="26" fillId="0" borderId="8" xfId="3" applyFont="1" applyFill="1" applyBorder="1" applyAlignment="1">
      <alignment horizontal="left" vertical="center" wrapText="1" shrinkToFit="1"/>
    </xf>
    <xf numFmtId="0" fontId="26" fillId="0" borderId="9" xfId="3" applyFont="1" applyFill="1" applyBorder="1" applyAlignment="1">
      <alignment horizontal="left" vertical="center" wrapText="1" shrinkToFit="1"/>
    </xf>
    <xf numFmtId="176" fontId="26" fillId="0" borderId="56" xfId="3" applyNumberFormat="1" applyFont="1" applyFill="1" applyBorder="1" applyAlignment="1">
      <alignment horizontal="left" vertical="top" wrapText="1"/>
    </xf>
    <xf numFmtId="176" fontId="26" fillId="0" borderId="46" xfId="3" applyNumberFormat="1" applyFont="1" applyFill="1" applyBorder="1" applyAlignment="1">
      <alignment horizontal="left" vertical="top" wrapText="1"/>
    </xf>
    <xf numFmtId="176" fontId="26" fillId="0" borderId="13" xfId="3" applyNumberFormat="1" applyFont="1" applyFill="1" applyBorder="1" applyAlignment="1">
      <alignment horizontal="center" vertical="top" wrapText="1"/>
    </xf>
    <xf numFmtId="176" fontId="26" fillId="0" borderId="15" xfId="3" applyNumberFormat="1" applyFont="1" applyFill="1" applyBorder="1" applyAlignment="1">
      <alignment horizontal="center" vertical="top" wrapText="1"/>
    </xf>
    <xf numFmtId="176" fontId="26" fillId="0" borderId="7" xfId="3" applyNumberFormat="1" applyFont="1" applyFill="1" applyBorder="1" applyAlignment="1">
      <alignment horizontal="center" vertical="top" wrapText="1"/>
    </xf>
    <xf numFmtId="0" fontId="26" fillId="0" borderId="13" xfId="3" applyFont="1" applyFill="1" applyBorder="1" applyAlignment="1">
      <alignment horizontal="center" vertical="top" wrapText="1"/>
    </xf>
    <xf numFmtId="0" fontId="26" fillId="0" borderId="7" xfId="3" applyFont="1" applyFill="1" applyBorder="1" applyAlignment="1">
      <alignment horizontal="center" vertical="top" wrapText="1"/>
    </xf>
    <xf numFmtId="0" fontId="26" fillId="0" borderId="13" xfId="3" applyFont="1" applyFill="1" applyBorder="1" applyAlignment="1">
      <alignment horizontal="left" vertical="top" wrapText="1"/>
    </xf>
    <xf numFmtId="0" fontId="26" fillId="0" borderId="15" xfId="3" applyFont="1" applyFill="1" applyBorder="1" applyAlignment="1">
      <alignment horizontal="left" vertical="top" wrapText="1"/>
    </xf>
    <xf numFmtId="0" fontId="26" fillId="0" borderId="15" xfId="3" applyFont="1" applyFill="1" applyBorder="1" applyAlignment="1">
      <alignment horizontal="center" vertical="top" wrapText="1"/>
    </xf>
    <xf numFmtId="0" fontId="26" fillId="0" borderId="7" xfId="3" applyFont="1" applyFill="1" applyBorder="1" applyAlignment="1">
      <alignment horizontal="left" vertical="top" wrapText="1"/>
    </xf>
    <xf numFmtId="0" fontId="26" fillId="0" borderId="16" xfId="3" applyFont="1" applyFill="1" applyBorder="1" applyAlignment="1">
      <alignment horizontal="left" vertical="center" wrapText="1"/>
    </xf>
    <xf numFmtId="0" fontId="26" fillId="0" borderId="22" xfId="3" applyFont="1" applyFill="1" applyBorder="1" applyAlignment="1">
      <alignment horizontal="left" vertical="center" wrapText="1"/>
    </xf>
    <xf numFmtId="0" fontId="26" fillId="0" borderId="51" xfId="3" applyFont="1" applyFill="1" applyBorder="1" applyAlignment="1">
      <alignment horizontal="left" vertical="center" wrapText="1" shrinkToFit="1"/>
    </xf>
    <xf numFmtId="0" fontId="26" fillId="0" borderId="52" xfId="3" applyFont="1" applyFill="1" applyBorder="1" applyAlignment="1">
      <alignment horizontal="left" vertical="center" wrapText="1" shrinkToFit="1"/>
    </xf>
    <xf numFmtId="0" fontId="26" fillId="0" borderId="10" xfId="3" applyFont="1" applyFill="1" applyBorder="1" applyAlignment="1">
      <alignment horizontal="left" vertical="top" wrapText="1"/>
    </xf>
    <xf numFmtId="0" fontId="26" fillId="0" borderId="27" xfId="3" applyFont="1" applyFill="1" applyBorder="1" applyAlignment="1">
      <alignment horizontal="left" vertical="top" wrapText="1"/>
    </xf>
    <xf numFmtId="0" fontId="26" fillId="0" borderId="26" xfId="3" applyFont="1" applyFill="1" applyBorder="1" applyAlignment="1">
      <alignment horizontal="left" vertical="top" wrapText="1"/>
    </xf>
    <xf numFmtId="0" fontId="26" fillId="0" borderId="13" xfId="3" applyFont="1" applyFill="1" applyBorder="1" applyAlignment="1">
      <alignment horizontal="left" vertical="top" wrapText="1" shrinkToFit="1"/>
    </xf>
    <xf numFmtId="0" fontId="26" fillId="0" borderId="15" xfId="3" applyFont="1" applyFill="1" applyBorder="1" applyAlignment="1">
      <alignment horizontal="left" vertical="top" wrapText="1" shrinkToFit="1"/>
    </xf>
    <xf numFmtId="0" fontId="26" fillId="0" borderId="7" xfId="3" applyFont="1" applyFill="1" applyBorder="1" applyAlignment="1">
      <alignment horizontal="left" vertical="top" wrapText="1" shrinkToFit="1"/>
    </xf>
    <xf numFmtId="0" fontId="26" fillId="0" borderId="41" xfId="3" applyFont="1" applyFill="1" applyBorder="1" applyAlignment="1">
      <alignment horizontal="left" vertical="center" wrapText="1" shrinkToFit="1"/>
    </xf>
    <xf numFmtId="0" fontId="26" fillId="0" borderId="42" xfId="3" applyFont="1" applyFill="1" applyBorder="1" applyAlignment="1">
      <alignment horizontal="left" vertical="center" wrapText="1" shrinkToFit="1"/>
    </xf>
    <xf numFmtId="0" fontId="26" fillId="0" borderId="38" xfId="3" applyFont="1" applyFill="1" applyBorder="1" applyAlignment="1">
      <alignment horizontal="center" vertical="center" wrapText="1"/>
    </xf>
    <xf numFmtId="0" fontId="26" fillId="0" borderId="43" xfId="3" applyFont="1" applyFill="1" applyBorder="1" applyAlignment="1">
      <alignment horizontal="center" vertical="center" wrapText="1"/>
    </xf>
    <xf numFmtId="0" fontId="26" fillId="0" borderId="39" xfId="3" applyFont="1" applyFill="1" applyBorder="1" applyAlignment="1">
      <alignment horizontal="left" vertical="center" wrapText="1" shrinkToFit="1"/>
    </xf>
    <xf numFmtId="0" fontId="26" fillId="0" borderId="44" xfId="3" applyFont="1" applyFill="1" applyBorder="1" applyAlignment="1">
      <alignment horizontal="left" vertical="center" wrapText="1" shrinkToFit="1"/>
    </xf>
    <xf numFmtId="0" fontId="26" fillId="0" borderId="47" xfId="3" applyFont="1" applyFill="1" applyBorder="1" applyAlignment="1">
      <alignment horizontal="left" vertical="center" wrapText="1" shrinkToFit="1"/>
    </xf>
    <xf numFmtId="0" fontId="26" fillId="0" borderId="48" xfId="3" applyFont="1" applyFill="1" applyBorder="1" applyAlignment="1">
      <alignment horizontal="left" vertical="center" wrapText="1" shrinkToFit="1"/>
    </xf>
    <xf numFmtId="0" fontId="6" fillId="0" borderId="39" xfId="3" applyFont="1" applyFill="1" applyBorder="1" applyAlignment="1">
      <alignment horizontal="left" vertical="center" shrinkToFit="1"/>
    </xf>
    <xf numFmtId="0" fontId="6" fillId="0" borderId="44" xfId="3" applyFont="1" applyFill="1" applyBorder="1" applyAlignment="1">
      <alignment horizontal="left" vertical="center" shrinkToFit="1"/>
    </xf>
    <xf numFmtId="0" fontId="6" fillId="0" borderId="51" xfId="3" applyFont="1" applyFill="1" applyBorder="1" applyAlignment="1">
      <alignment horizontal="left" vertical="center" wrapText="1" shrinkToFit="1"/>
    </xf>
    <xf numFmtId="0" fontId="6" fillId="0" borderId="52" xfId="3" applyFont="1" applyFill="1" applyBorder="1" applyAlignment="1">
      <alignment horizontal="left" vertical="center" wrapText="1" shrinkToFit="1"/>
    </xf>
    <xf numFmtId="0" fontId="6" fillId="0" borderId="47" xfId="3" applyFont="1" applyFill="1" applyBorder="1" applyAlignment="1">
      <alignment horizontal="left" vertical="center" wrapText="1" shrinkToFit="1"/>
    </xf>
    <xf numFmtId="0" fontId="6" fillId="0" borderId="48" xfId="3" applyFont="1" applyFill="1" applyBorder="1" applyAlignment="1">
      <alignment horizontal="left" vertical="center" wrapText="1" shrinkToFit="1"/>
    </xf>
    <xf numFmtId="0" fontId="26" fillId="0" borderId="62" xfId="3" applyFont="1" applyFill="1" applyBorder="1" applyAlignment="1">
      <alignment horizontal="left" vertical="center" wrapText="1" shrinkToFit="1"/>
    </xf>
    <xf numFmtId="0" fontId="26" fillId="0" borderId="63" xfId="3" applyFont="1" applyFill="1" applyBorder="1" applyAlignment="1">
      <alignment horizontal="left" vertical="center" wrapText="1" shrinkToFit="1"/>
    </xf>
    <xf numFmtId="0" fontId="6" fillId="0" borderId="41" xfId="3" applyFont="1" applyFill="1" applyBorder="1" applyAlignment="1">
      <alignment horizontal="left" vertical="center" wrapText="1" shrinkToFit="1"/>
    </xf>
    <xf numFmtId="0" fontId="6" fillId="0" borderId="42" xfId="3" applyFont="1" applyFill="1" applyBorder="1" applyAlignment="1">
      <alignment horizontal="left" vertical="center" wrapText="1" shrinkToFit="1"/>
    </xf>
    <xf numFmtId="0" fontId="6" fillId="0" borderId="38" xfId="3" applyFont="1" applyFill="1" applyBorder="1" applyAlignment="1">
      <alignment horizontal="center" vertical="center" wrapText="1"/>
    </xf>
    <xf numFmtId="0" fontId="6" fillId="0" borderId="43" xfId="3" applyFont="1" applyFill="1" applyBorder="1" applyAlignment="1">
      <alignment horizontal="center" vertical="center" wrapText="1"/>
    </xf>
    <xf numFmtId="0" fontId="26" fillId="0" borderId="40" xfId="3" applyFont="1" applyFill="1" applyBorder="1" applyAlignment="1">
      <alignment horizontal="left" vertical="top" wrapText="1" shrinkToFit="1"/>
    </xf>
    <xf numFmtId="0" fontId="26" fillId="0" borderId="45" xfId="3" applyFont="1" applyFill="1" applyBorder="1" applyAlignment="1">
      <alignment horizontal="left" vertical="top" wrapText="1" shrinkToFit="1"/>
    </xf>
    <xf numFmtId="0" fontId="26" fillId="0" borderId="53" xfId="3" applyFont="1" applyFill="1" applyBorder="1" applyAlignment="1">
      <alignment horizontal="left" vertical="top" wrapText="1" shrinkToFit="1"/>
    </xf>
    <xf numFmtId="0" fontId="26" fillId="0" borderId="56" xfId="3" applyFont="1" applyFill="1" applyBorder="1" applyAlignment="1">
      <alignment horizontal="left" vertical="top" wrapText="1" shrinkToFit="1"/>
    </xf>
    <xf numFmtId="0" fontId="26" fillId="0" borderId="46" xfId="3" applyFont="1" applyFill="1" applyBorder="1" applyAlignment="1">
      <alignment horizontal="left" vertical="top" wrapText="1" shrinkToFit="1"/>
    </xf>
    <xf numFmtId="0" fontId="26" fillId="0" borderId="74" xfId="3" applyFont="1" applyFill="1" applyBorder="1" applyAlignment="1">
      <alignment horizontal="left" vertical="center" wrapText="1" shrinkToFit="1"/>
    </xf>
    <xf numFmtId="0" fontId="26" fillId="0" borderId="75" xfId="3" applyFont="1" applyFill="1" applyBorder="1" applyAlignment="1">
      <alignment horizontal="left" vertical="center" wrapText="1" shrinkToFit="1"/>
    </xf>
    <xf numFmtId="0" fontId="26" fillId="0" borderId="10" xfId="3" applyFont="1" applyFill="1" applyBorder="1" applyAlignment="1">
      <alignment horizontal="left" vertical="center" wrapText="1"/>
    </xf>
    <xf numFmtId="0" fontId="26" fillId="0" borderId="27" xfId="3" applyFont="1" applyFill="1" applyBorder="1" applyAlignment="1">
      <alignment horizontal="left" vertical="center" wrapText="1"/>
    </xf>
    <xf numFmtId="0" fontId="26" fillId="0" borderId="40" xfId="3" applyFont="1" applyFill="1" applyBorder="1" applyAlignment="1">
      <alignment horizontal="left" vertical="center" wrapText="1" shrinkToFit="1"/>
    </xf>
    <xf numFmtId="0" fontId="26" fillId="0" borderId="45" xfId="3" applyFont="1" applyFill="1" applyBorder="1" applyAlignment="1">
      <alignment horizontal="left" vertical="center" wrapText="1" shrinkToFit="1"/>
    </xf>
    <xf numFmtId="0" fontId="13" fillId="0" borderId="51" xfId="3" applyFont="1" applyFill="1" applyBorder="1" applyAlignment="1">
      <alignment horizontal="left" vertical="center" wrapText="1"/>
    </xf>
    <xf numFmtId="0" fontId="13" fillId="0" borderId="52" xfId="3" applyFont="1" applyFill="1" applyBorder="1" applyAlignment="1">
      <alignment horizontal="left" vertical="center" wrapText="1"/>
    </xf>
    <xf numFmtId="0" fontId="13" fillId="0" borderId="16" xfId="3" applyFont="1" applyFill="1" applyBorder="1" applyAlignment="1">
      <alignment horizontal="left" vertical="center" wrapText="1"/>
    </xf>
    <xf numFmtId="0" fontId="13" fillId="0" borderId="22" xfId="3" applyFont="1" applyFill="1" applyBorder="1" applyAlignment="1">
      <alignment horizontal="left" vertical="center" wrapText="1"/>
    </xf>
    <xf numFmtId="0" fontId="13" fillId="0" borderId="13" xfId="3" applyFont="1" applyFill="1" applyBorder="1" applyAlignment="1">
      <alignment horizontal="left" vertical="top" wrapText="1"/>
    </xf>
    <xf numFmtId="0" fontId="13" fillId="0" borderId="15" xfId="3" applyFont="1" applyFill="1" applyBorder="1" applyAlignment="1">
      <alignment horizontal="left" vertical="top" wrapText="1"/>
    </xf>
    <xf numFmtId="0" fontId="13" fillId="0" borderId="7" xfId="3" applyFont="1" applyFill="1" applyBorder="1" applyAlignment="1">
      <alignment horizontal="left" vertical="top" wrapText="1"/>
    </xf>
    <xf numFmtId="0" fontId="13" fillId="0" borderId="41" xfId="3" applyFont="1" applyFill="1" applyBorder="1" applyAlignment="1">
      <alignment horizontal="left" vertical="center" wrapText="1"/>
    </xf>
    <xf numFmtId="0" fontId="13" fillId="0" borderId="42" xfId="3" applyFont="1" applyFill="1" applyBorder="1" applyAlignment="1">
      <alignment horizontal="left" vertical="center" wrapText="1"/>
    </xf>
    <xf numFmtId="0" fontId="13" fillId="0" borderId="40" xfId="3" applyFont="1" applyFill="1" applyBorder="1" applyAlignment="1">
      <alignment horizontal="left" vertical="center"/>
    </xf>
    <xf numFmtId="0" fontId="13" fillId="0" borderId="45" xfId="3" applyFont="1" applyFill="1" applyBorder="1" applyAlignment="1">
      <alignment horizontal="left" vertical="center"/>
    </xf>
    <xf numFmtId="0" fontId="13" fillId="0" borderId="40" xfId="3" applyFont="1" applyFill="1" applyBorder="1" applyAlignment="1">
      <alignment horizontal="left" vertical="center" wrapText="1" shrinkToFit="1"/>
    </xf>
    <xf numFmtId="0" fontId="13" fillId="0" borderId="45" xfId="3" applyFont="1" applyFill="1" applyBorder="1" applyAlignment="1">
      <alignment horizontal="left" vertical="center" wrapText="1" shrinkToFit="1"/>
    </xf>
    <xf numFmtId="0" fontId="4" fillId="0" borderId="46" xfId="3" applyFont="1" applyFill="1" applyBorder="1" applyAlignment="1">
      <alignment horizontal="left" vertical="center" wrapText="1" shrinkToFit="1"/>
    </xf>
    <xf numFmtId="0" fontId="4" fillId="0" borderId="15" xfId="3" applyFont="1" applyFill="1" applyBorder="1" applyAlignment="1">
      <alignment horizontal="left" vertical="center" wrapText="1" shrinkToFit="1"/>
    </xf>
    <xf numFmtId="0" fontId="4" fillId="0" borderId="56" xfId="3" applyFont="1" applyFill="1" applyBorder="1" applyAlignment="1">
      <alignment horizontal="left" vertical="center" wrapText="1" shrinkToFit="1"/>
    </xf>
    <xf numFmtId="0" fontId="26" fillId="5" borderId="41" xfId="3" applyFont="1" applyFill="1" applyBorder="1" applyAlignment="1">
      <alignment horizontal="left" vertical="center" wrapText="1"/>
    </xf>
    <xf numFmtId="0" fontId="26" fillId="5" borderId="42" xfId="3" applyFont="1" applyFill="1" applyBorder="1" applyAlignment="1">
      <alignment horizontal="left" vertical="center" wrapText="1"/>
    </xf>
  </cellXfs>
  <cellStyles count="4">
    <cellStyle name="桁区切り" xfId="2" builtinId="6"/>
    <cellStyle name="標準" xfId="0" builtinId="0"/>
    <cellStyle name="標準 2" xfId="3"/>
    <cellStyle name="標準_Book1" xfId="1"/>
  </cellStyles>
  <dxfs count="0"/>
  <tableStyles count="0" defaultTableStyle="TableStyleMedium2" defaultPivotStyle="PivotStyleLight16"/>
  <colors>
    <mruColors>
      <color rgb="FFFFFF66"/>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lockText="1" noThreeD="1"/>
</file>

<file path=xl/ctrlProps/ctrlProp355.xml><?xml version="1.0" encoding="utf-8"?>
<formControlPr xmlns="http://schemas.microsoft.com/office/spreadsheetml/2009/9/main" objectType="CheckBox"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lockText="1" noThreeD="1"/>
</file>

<file path=xl/ctrlProps/ctrlProp359.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lockText="1" noThreeD="1"/>
</file>

<file path=xl/ctrlProps/ctrlProp365.xml><?xml version="1.0" encoding="utf-8"?>
<formControlPr xmlns="http://schemas.microsoft.com/office/spreadsheetml/2009/9/main" objectType="CheckBox"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lockText="1" noThreeD="1"/>
</file>

<file path=xl/ctrlProps/ctrlProp372.xml><?xml version="1.0" encoding="utf-8"?>
<formControlPr xmlns="http://schemas.microsoft.com/office/spreadsheetml/2009/9/main" objectType="CheckBox" lockText="1" noThreeD="1"/>
</file>

<file path=xl/ctrlProps/ctrlProp373.xml><?xml version="1.0" encoding="utf-8"?>
<formControlPr xmlns="http://schemas.microsoft.com/office/spreadsheetml/2009/9/main" objectType="CheckBox" lockText="1" noThreeD="1"/>
</file>

<file path=xl/ctrlProps/ctrlProp374.xml><?xml version="1.0" encoding="utf-8"?>
<formControlPr xmlns="http://schemas.microsoft.com/office/spreadsheetml/2009/9/main" objectType="CheckBox" lockText="1" noThreeD="1"/>
</file>

<file path=xl/ctrlProps/ctrlProp375.xml><?xml version="1.0" encoding="utf-8"?>
<formControlPr xmlns="http://schemas.microsoft.com/office/spreadsheetml/2009/9/main" objectType="CheckBox" lockText="1" noThreeD="1"/>
</file>

<file path=xl/ctrlProps/ctrlProp376.xml><?xml version="1.0" encoding="utf-8"?>
<formControlPr xmlns="http://schemas.microsoft.com/office/spreadsheetml/2009/9/main" objectType="CheckBox"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lockText="1" noThreeD="1"/>
</file>

<file path=xl/ctrlProps/ctrlProp379.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397.xml><?xml version="1.0" encoding="utf-8"?>
<formControlPr xmlns="http://schemas.microsoft.com/office/spreadsheetml/2009/9/main" objectType="CheckBox" lockText="1" noThreeD="1"/>
</file>

<file path=xl/ctrlProps/ctrlProp398.xml><?xml version="1.0" encoding="utf-8"?>
<formControlPr xmlns="http://schemas.microsoft.com/office/spreadsheetml/2009/9/main" objectType="CheckBox" lockText="1" noThreeD="1"/>
</file>

<file path=xl/ctrlProps/ctrlProp39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00.xml><?xml version="1.0" encoding="utf-8"?>
<formControlPr xmlns="http://schemas.microsoft.com/office/spreadsheetml/2009/9/main" objectType="CheckBox" lockText="1" noThreeD="1"/>
</file>

<file path=xl/ctrlProps/ctrlProp401.xml><?xml version="1.0" encoding="utf-8"?>
<formControlPr xmlns="http://schemas.microsoft.com/office/spreadsheetml/2009/9/main" objectType="CheckBox" lockText="1" noThreeD="1"/>
</file>

<file path=xl/ctrlProps/ctrlProp402.xml><?xml version="1.0" encoding="utf-8"?>
<formControlPr xmlns="http://schemas.microsoft.com/office/spreadsheetml/2009/9/main" objectType="CheckBox" lockText="1" noThreeD="1"/>
</file>

<file path=xl/ctrlProps/ctrlProp403.xml><?xml version="1.0" encoding="utf-8"?>
<formControlPr xmlns="http://schemas.microsoft.com/office/spreadsheetml/2009/9/main" objectType="CheckBox" lockText="1" noThreeD="1"/>
</file>

<file path=xl/ctrlProps/ctrlProp404.xml><?xml version="1.0" encoding="utf-8"?>
<formControlPr xmlns="http://schemas.microsoft.com/office/spreadsheetml/2009/9/main" objectType="CheckBox" lockText="1" noThreeD="1"/>
</file>

<file path=xl/ctrlProps/ctrlProp405.xml><?xml version="1.0" encoding="utf-8"?>
<formControlPr xmlns="http://schemas.microsoft.com/office/spreadsheetml/2009/9/main" objectType="CheckBox" lockText="1" noThreeD="1"/>
</file>

<file path=xl/ctrlProps/ctrlProp406.xml><?xml version="1.0" encoding="utf-8"?>
<formControlPr xmlns="http://schemas.microsoft.com/office/spreadsheetml/2009/9/main" objectType="CheckBox" lockText="1" noThreeD="1"/>
</file>

<file path=xl/ctrlProps/ctrlProp407.xml><?xml version="1.0" encoding="utf-8"?>
<formControlPr xmlns="http://schemas.microsoft.com/office/spreadsheetml/2009/9/main" objectType="CheckBox" lockText="1" noThreeD="1"/>
</file>

<file path=xl/ctrlProps/ctrlProp408.xml><?xml version="1.0" encoding="utf-8"?>
<formControlPr xmlns="http://schemas.microsoft.com/office/spreadsheetml/2009/9/main" objectType="CheckBox" lockText="1" noThreeD="1"/>
</file>

<file path=xl/ctrlProps/ctrlProp409.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10.xml><?xml version="1.0" encoding="utf-8"?>
<formControlPr xmlns="http://schemas.microsoft.com/office/spreadsheetml/2009/9/main" objectType="CheckBox" lockText="1" noThreeD="1"/>
</file>

<file path=xl/ctrlProps/ctrlProp411.xml><?xml version="1.0" encoding="utf-8"?>
<formControlPr xmlns="http://schemas.microsoft.com/office/spreadsheetml/2009/9/main" objectType="CheckBox" lockText="1" noThreeD="1"/>
</file>

<file path=xl/ctrlProps/ctrlProp412.xml><?xml version="1.0" encoding="utf-8"?>
<formControlPr xmlns="http://schemas.microsoft.com/office/spreadsheetml/2009/9/main" objectType="CheckBox" lockText="1" noThreeD="1"/>
</file>

<file path=xl/ctrlProps/ctrlProp413.xml><?xml version="1.0" encoding="utf-8"?>
<formControlPr xmlns="http://schemas.microsoft.com/office/spreadsheetml/2009/9/main" objectType="CheckBox" lockText="1" noThreeD="1"/>
</file>

<file path=xl/ctrlProps/ctrlProp414.xml><?xml version="1.0" encoding="utf-8"?>
<formControlPr xmlns="http://schemas.microsoft.com/office/spreadsheetml/2009/9/main" objectType="CheckBox" lockText="1" noThreeD="1"/>
</file>

<file path=xl/ctrlProps/ctrlProp415.xml><?xml version="1.0" encoding="utf-8"?>
<formControlPr xmlns="http://schemas.microsoft.com/office/spreadsheetml/2009/9/main" objectType="CheckBox" lockText="1" noThreeD="1"/>
</file>

<file path=xl/ctrlProps/ctrlProp416.xml><?xml version="1.0" encoding="utf-8"?>
<formControlPr xmlns="http://schemas.microsoft.com/office/spreadsheetml/2009/9/main" objectType="CheckBox" lockText="1" noThreeD="1"/>
</file>

<file path=xl/ctrlProps/ctrlProp417.xml><?xml version="1.0" encoding="utf-8"?>
<formControlPr xmlns="http://schemas.microsoft.com/office/spreadsheetml/2009/9/main" objectType="CheckBox" lockText="1" noThreeD="1"/>
</file>

<file path=xl/ctrlProps/ctrlProp418.xml><?xml version="1.0" encoding="utf-8"?>
<formControlPr xmlns="http://schemas.microsoft.com/office/spreadsheetml/2009/9/main" objectType="CheckBox" lockText="1" noThreeD="1"/>
</file>

<file path=xl/ctrlProps/ctrlProp419.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20.xml><?xml version="1.0" encoding="utf-8"?>
<formControlPr xmlns="http://schemas.microsoft.com/office/spreadsheetml/2009/9/main" objectType="CheckBox" lockText="1" noThreeD="1"/>
</file>

<file path=xl/ctrlProps/ctrlProp421.xml><?xml version="1.0" encoding="utf-8"?>
<formControlPr xmlns="http://schemas.microsoft.com/office/spreadsheetml/2009/9/main" objectType="CheckBox" lockText="1" noThreeD="1"/>
</file>

<file path=xl/ctrlProps/ctrlProp422.xml><?xml version="1.0" encoding="utf-8"?>
<formControlPr xmlns="http://schemas.microsoft.com/office/spreadsheetml/2009/9/main" objectType="CheckBox" lockText="1" noThreeD="1"/>
</file>

<file path=xl/ctrlProps/ctrlProp423.xml><?xml version="1.0" encoding="utf-8"?>
<formControlPr xmlns="http://schemas.microsoft.com/office/spreadsheetml/2009/9/main" objectType="CheckBox" lockText="1" noThreeD="1"/>
</file>

<file path=xl/ctrlProps/ctrlProp424.xml><?xml version="1.0" encoding="utf-8"?>
<formControlPr xmlns="http://schemas.microsoft.com/office/spreadsheetml/2009/9/main" objectType="CheckBox" lockText="1" noThreeD="1"/>
</file>

<file path=xl/ctrlProps/ctrlProp425.xml><?xml version="1.0" encoding="utf-8"?>
<formControlPr xmlns="http://schemas.microsoft.com/office/spreadsheetml/2009/9/main" objectType="CheckBox" lockText="1" noThreeD="1"/>
</file>

<file path=xl/ctrlProps/ctrlProp426.xml><?xml version="1.0" encoding="utf-8"?>
<formControlPr xmlns="http://schemas.microsoft.com/office/spreadsheetml/2009/9/main" objectType="CheckBox" lockText="1" noThreeD="1"/>
</file>

<file path=xl/ctrlProps/ctrlProp427.xml><?xml version="1.0" encoding="utf-8"?>
<formControlPr xmlns="http://schemas.microsoft.com/office/spreadsheetml/2009/9/main" objectType="CheckBox" lockText="1" noThreeD="1"/>
</file>

<file path=xl/ctrlProps/ctrlProp428.xml><?xml version="1.0" encoding="utf-8"?>
<formControlPr xmlns="http://schemas.microsoft.com/office/spreadsheetml/2009/9/main" objectType="CheckBox" lockText="1" noThreeD="1"/>
</file>

<file path=xl/ctrlProps/ctrlProp429.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30.xml><?xml version="1.0" encoding="utf-8"?>
<formControlPr xmlns="http://schemas.microsoft.com/office/spreadsheetml/2009/9/main" objectType="CheckBox" lockText="1" noThreeD="1"/>
</file>

<file path=xl/ctrlProps/ctrlProp431.xml><?xml version="1.0" encoding="utf-8"?>
<formControlPr xmlns="http://schemas.microsoft.com/office/spreadsheetml/2009/9/main" objectType="CheckBox" lockText="1" noThreeD="1"/>
</file>

<file path=xl/ctrlProps/ctrlProp432.xml><?xml version="1.0" encoding="utf-8"?>
<formControlPr xmlns="http://schemas.microsoft.com/office/spreadsheetml/2009/9/main" objectType="CheckBox" lockText="1" noThreeD="1"/>
</file>

<file path=xl/ctrlProps/ctrlProp433.xml><?xml version="1.0" encoding="utf-8"?>
<formControlPr xmlns="http://schemas.microsoft.com/office/spreadsheetml/2009/9/main" objectType="CheckBox" lockText="1" noThreeD="1"/>
</file>

<file path=xl/ctrlProps/ctrlProp434.xml><?xml version="1.0" encoding="utf-8"?>
<formControlPr xmlns="http://schemas.microsoft.com/office/spreadsheetml/2009/9/main" objectType="CheckBox" lockText="1" noThreeD="1"/>
</file>

<file path=xl/ctrlProps/ctrlProp435.xml><?xml version="1.0" encoding="utf-8"?>
<formControlPr xmlns="http://schemas.microsoft.com/office/spreadsheetml/2009/9/main" objectType="CheckBox" lockText="1" noThreeD="1"/>
</file>

<file path=xl/ctrlProps/ctrlProp436.xml><?xml version="1.0" encoding="utf-8"?>
<formControlPr xmlns="http://schemas.microsoft.com/office/spreadsheetml/2009/9/main" objectType="CheckBox" lockText="1" noThreeD="1"/>
</file>

<file path=xl/ctrlProps/ctrlProp437.xml><?xml version="1.0" encoding="utf-8"?>
<formControlPr xmlns="http://schemas.microsoft.com/office/spreadsheetml/2009/9/main" objectType="CheckBox" lockText="1" noThreeD="1"/>
</file>

<file path=xl/ctrlProps/ctrlProp438.xml><?xml version="1.0" encoding="utf-8"?>
<formControlPr xmlns="http://schemas.microsoft.com/office/spreadsheetml/2009/9/main" objectType="CheckBox" lockText="1" noThreeD="1"/>
</file>

<file path=xl/ctrlProps/ctrlProp439.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40.xml><?xml version="1.0" encoding="utf-8"?>
<formControlPr xmlns="http://schemas.microsoft.com/office/spreadsheetml/2009/9/main" objectType="CheckBox" lockText="1" noThreeD="1"/>
</file>

<file path=xl/ctrlProps/ctrlProp441.xml><?xml version="1.0" encoding="utf-8"?>
<formControlPr xmlns="http://schemas.microsoft.com/office/spreadsheetml/2009/9/main" objectType="CheckBox" lockText="1" noThreeD="1"/>
</file>

<file path=xl/ctrlProps/ctrlProp442.xml><?xml version="1.0" encoding="utf-8"?>
<formControlPr xmlns="http://schemas.microsoft.com/office/spreadsheetml/2009/9/main" objectType="CheckBox" lockText="1" noThreeD="1"/>
</file>

<file path=xl/ctrlProps/ctrlProp443.xml><?xml version="1.0" encoding="utf-8"?>
<formControlPr xmlns="http://schemas.microsoft.com/office/spreadsheetml/2009/9/main" objectType="CheckBox" lockText="1" noThreeD="1"/>
</file>

<file path=xl/ctrlProps/ctrlProp444.xml><?xml version="1.0" encoding="utf-8"?>
<formControlPr xmlns="http://schemas.microsoft.com/office/spreadsheetml/2009/9/main" objectType="CheckBox" lockText="1" noThreeD="1"/>
</file>

<file path=xl/ctrlProps/ctrlProp445.xml><?xml version="1.0" encoding="utf-8"?>
<formControlPr xmlns="http://schemas.microsoft.com/office/spreadsheetml/2009/9/main" objectType="CheckBox" lockText="1" noThreeD="1"/>
</file>

<file path=xl/ctrlProps/ctrlProp446.xml><?xml version="1.0" encoding="utf-8"?>
<formControlPr xmlns="http://schemas.microsoft.com/office/spreadsheetml/2009/9/main" objectType="CheckBox" lockText="1" noThreeD="1"/>
</file>

<file path=xl/ctrlProps/ctrlProp447.xml><?xml version="1.0" encoding="utf-8"?>
<formControlPr xmlns="http://schemas.microsoft.com/office/spreadsheetml/2009/9/main" objectType="CheckBox" lockText="1" noThreeD="1"/>
</file>

<file path=xl/ctrlProps/ctrlProp448.xml><?xml version="1.0" encoding="utf-8"?>
<formControlPr xmlns="http://schemas.microsoft.com/office/spreadsheetml/2009/9/main" objectType="CheckBox" lockText="1" noThreeD="1"/>
</file>

<file path=xl/ctrlProps/ctrlProp449.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50.xml><?xml version="1.0" encoding="utf-8"?>
<formControlPr xmlns="http://schemas.microsoft.com/office/spreadsheetml/2009/9/main" objectType="CheckBox" lockText="1" noThreeD="1"/>
</file>

<file path=xl/ctrlProps/ctrlProp451.xml><?xml version="1.0" encoding="utf-8"?>
<formControlPr xmlns="http://schemas.microsoft.com/office/spreadsheetml/2009/9/main" objectType="CheckBox" lockText="1" noThreeD="1"/>
</file>

<file path=xl/ctrlProps/ctrlProp452.xml><?xml version="1.0" encoding="utf-8"?>
<formControlPr xmlns="http://schemas.microsoft.com/office/spreadsheetml/2009/9/main" objectType="CheckBox" lockText="1" noThreeD="1"/>
</file>

<file path=xl/ctrlProps/ctrlProp453.xml><?xml version="1.0" encoding="utf-8"?>
<formControlPr xmlns="http://schemas.microsoft.com/office/spreadsheetml/2009/9/main" objectType="CheckBox" lockText="1" noThreeD="1"/>
</file>

<file path=xl/ctrlProps/ctrlProp454.xml><?xml version="1.0" encoding="utf-8"?>
<formControlPr xmlns="http://schemas.microsoft.com/office/spreadsheetml/2009/9/main" objectType="CheckBox" lockText="1" noThreeD="1"/>
</file>

<file path=xl/ctrlProps/ctrlProp455.xml><?xml version="1.0" encoding="utf-8"?>
<formControlPr xmlns="http://schemas.microsoft.com/office/spreadsheetml/2009/9/main" objectType="CheckBox" lockText="1" noThreeD="1"/>
</file>

<file path=xl/ctrlProps/ctrlProp456.xml><?xml version="1.0" encoding="utf-8"?>
<formControlPr xmlns="http://schemas.microsoft.com/office/spreadsheetml/2009/9/main" objectType="CheckBox" lockText="1" noThreeD="1"/>
</file>

<file path=xl/ctrlProps/ctrlProp457.xml><?xml version="1.0" encoding="utf-8"?>
<formControlPr xmlns="http://schemas.microsoft.com/office/spreadsheetml/2009/9/main" objectType="CheckBox" lockText="1" noThreeD="1"/>
</file>

<file path=xl/ctrlProps/ctrlProp458.xml><?xml version="1.0" encoding="utf-8"?>
<formControlPr xmlns="http://schemas.microsoft.com/office/spreadsheetml/2009/9/main" objectType="CheckBox" lockText="1" noThreeD="1"/>
</file>

<file path=xl/ctrlProps/ctrlProp459.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60.xml><?xml version="1.0" encoding="utf-8"?>
<formControlPr xmlns="http://schemas.microsoft.com/office/spreadsheetml/2009/9/main" objectType="CheckBox" lockText="1" noThreeD="1"/>
</file>

<file path=xl/ctrlProps/ctrlProp461.xml><?xml version="1.0" encoding="utf-8"?>
<formControlPr xmlns="http://schemas.microsoft.com/office/spreadsheetml/2009/9/main" objectType="CheckBox" lockText="1" noThreeD="1"/>
</file>

<file path=xl/ctrlProps/ctrlProp462.xml><?xml version="1.0" encoding="utf-8"?>
<formControlPr xmlns="http://schemas.microsoft.com/office/spreadsheetml/2009/9/main" objectType="CheckBox" lockText="1" noThreeD="1"/>
</file>

<file path=xl/ctrlProps/ctrlProp463.xml><?xml version="1.0" encoding="utf-8"?>
<formControlPr xmlns="http://schemas.microsoft.com/office/spreadsheetml/2009/9/main" objectType="CheckBox" lockText="1" noThreeD="1"/>
</file>

<file path=xl/ctrlProps/ctrlProp464.xml><?xml version="1.0" encoding="utf-8"?>
<formControlPr xmlns="http://schemas.microsoft.com/office/spreadsheetml/2009/9/main" objectType="CheckBox" lockText="1" noThreeD="1"/>
</file>

<file path=xl/ctrlProps/ctrlProp465.xml><?xml version="1.0" encoding="utf-8"?>
<formControlPr xmlns="http://schemas.microsoft.com/office/spreadsheetml/2009/9/main" objectType="CheckBox" lockText="1" noThreeD="1"/>
</file>

<file path=xl/ctrlProps/ctrlProp466.xml><?xml version="1.0" encoding="utf-8"?>
<formControlPr xmlns="http://schemas.microsoft.com/office/spreadsheetml/2009/9/main" objectType="CheckBox" lockText="1" noThreeD="1"/>
</file>

<file path=xl/ctrlProps/ctrlProp467.xml><?xml version="1.0" encoding="utf-8"?>
<formControlPr xmlns="http://schemas.microsoft.com/office/spreadsheetml/2009/9/main" objectType="CheckBox" lockText="1" noThreeD="1"/>
</file>

<file path=xl/ctrlProps/ctrlProp468.xml><?xml version="1.0" encoding="utf-8"?>
<formControlPr xmlns="http://schemas.microsoft.com/office/spreadsheetml/2009/9/main" objectType="CheckBox" lockText="1" noThreeD="1"/>
</file>

<file path=xl/ctrlProps/ctrlProp469.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70.xml><?xml version="1.0" encoding="utf-8"?>
<formControlPr xmlns="http://schemas.microsoft.com/office/spreadsheetml/2009/9/main" objectType="CheckBox" lockText="1" noThreeD="1"/>
</file>

<file path=xl/ctrlProps/ctrlProp471.xml><?xml version="1.0" encoding="utf-8"?>
<formControlPr xmlns="http://schemas.microsoft.com/office/spreadsheetml/2009/9/main" objectType="CheckBox" lockText="1" noThreeD="1"/>
</file>

<file path=xl/ctrlProps/ctrlProp472.xml><?xml version="1.0" encoding="utf-8"?>
<formControlPr xmlns="http://schemas.microsoft.com/office/spreadsheetml/2009/9/main" objectType="CheckBox" lockText="1" noThreeD="1"/>
</file>

<file path=xl/ctrlProps/ctrlProp473.xml><?xml version="1.0" encoding="utf-8"?>
<formControlPr xmlns="http://schemas.microsoft.com/office/spreadsheetml/2009/9/main" objectType="CheckBox" lockText="1" noThreeD="1"/>
</file>

<file path=xl/ctrlProps/ctrlProp474.xml><?xml version="1.0" encoding="utf-8"?>
<formControlPr xmlns="http://schemas.microsoft.com/office/spreadsheetml/2009/9/main" objectType="CheckBox" lockText="1" noThreeD="1"/>
</file>

<file path=xl/ctrlProps/ctrlProp475.xml><?xml version="1.0" encoding="utf-8"?>
<formControlPr xmlns="http://schemas.microsoft.com/office/spreadsheetml/2009/9/main" objectType="CheckBox" lockText="1" noThreeD="1"/>
</file>

<file path=xl/ctrlProps/ctrlProp476.xml><?xml version="1.0" encoding="utf-8"?>
<formControlPr xmlns="http://schemas.microsoft.com/office/spreadsheetml/2009/9/main" objectType="CheckBox" lockText="1" noThreeD="1"/>
</file>

<file path=xl/ctrlProps/ctrlProp477.xml><?xml version="1.0" encoding="utf-8"?>
<formControlPr xmlns="http://schemas.microsoft.com/office/spreadsheetml/2009/9/main" objectType="CheckBox" lockText="1" noThreeD="1"/>
</file>

<file path=xl/ctrlProps/ctrlProp478.xml><?xml version="1.0" encoding="utf-8"?>
<formControlPr xmlns="http://schemas.microsoft.com/office/spreadsheetml/2009/9/main" objectType="CheckBox" lockText="1" noThreeD="1"/>
</file>

<file path=xl/ctrlProps/ctrlProp479.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80.xml><?xml version="1.0" encoding="utf-8"?>
<formControlPr xmlns="http://schemas.microsoft.com/office/spreadsheetml/2009/9/main" objectType="CheckBox" lockText="1" noThreeD="1"/>
</file>

<file path=xl/ctrlProps/ctrlProp481.xml><?xml version="1.0" encoding="utf-8"?>
<formControlPr xmlns="http://schemas.microsoft.com/office/spreadsheetml/2009/9/main" objectType="CheckBox" lockText="1" noThreeD="1"/>
</file>

<file path=xl/ctrlProps/ctrlProp482.xml><?xml version="1.0" encoding="utf-8"?>
<formControlPr xmlns="http://schemas.microsoft.com/office/spreadsheetml/2009/9/main" objectType="CheckBox" lockText="1" noThreeD="1"/>
</file>

<file path=xl/ctrlProps/ctrlProp483.xml><?xml version="1.0" encoding="utf-8"?>
<formControlPr xmlns="http://schemas.microsoft.com/office/spreadsheetml/2009/9/main" objectType="CheckBox" lockText="1" noThreeD="1"/>
</file>

<file path=xl/ctrlProps/ctrlProp484.xml><?xml version="1.0" encoding="utf-8"?>
<formControlPr xmlns="http://schemas.microsoft.com/office/spreadsheetml/2009/9/main" objectType="CheckBox" lockText="1" noThreeD="1"/>
</file>

<file path=xl/ctrlProps/ctrlProp485.xml><?xml version="1.0" encoding="utf-8"?>
<formControlPr xmlns="http://schemas.microsoft.com/office/spreadsheetml/2009/9/main" objectType="CheckBox" lockText="1" noThreeD="1"/>
</file>

<file path=xl/ctrlProps/ctrlProp486.xml><?xml version="1.0" encoding="utf-8"?>
<formControlPr xmlns="http://schemas.microsoft.com/office/spreadsheetml/2009/9/main" objectType="CheckBox" lockText="1" noThreeD="1"/>
</file>

<file path=xl/ctrlProps/ctrlProp487.xml><?xml version="1.0" encoding="utf-8"?>
<formControlPr xmlns="http://schemas.microsoft.com/office/spreadsheetml/2009/9/main" objectType="CheckBox" lockText="1" noThreeD="1"/>
</file>

<file path=xl/ctrlProps/ctrlProp488.xml><?xml version="1.0" encoding="utf-8"?>
<formControlPr xmlns="http://schemas.microsoft.com/office/spreadsheetml/2009/9/main" objectType="CheckBox" lockText="1" noThreeD="1"/>
</file>

<file path=xl/ctrlProps/ctrlProp489.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490.xml><?xml version="1.0" encoding="utf-8"?>
<formControlPr xmlns="http://schemas.microsoft.com/office/spreadsheetml/2009/9/main" objectType="CheckBox" lockText="1" noThreeD="1"/>
</file>

<file path=xl/ctrlProps/ctrlProp491.xml><?xml version="1.0" encoding="utf-8"?>
<formControlPr xmlns="http://schemas.microsoft.com/office/spreadsheetml/2009/9/main" objectType="CheckBox" lockText="1" noThreeD="1"/>
</file>

<file path=xl/ctrlProps/ctrlProp492.xml><?xml version="1.0" encoding="utf-8"?>
<formControlPr xmlns="http://schemas.microsoft.com/office/spreadsheetml/2009/9/main" objectType="CheckBox" lockText="1" noThreeD="1"/>
</file>

<file path=xl/ctrlProps/ctrlProp493.xml><?xml version="1.0" encoding="utf-8"?>
<formControlPr xmlns="http://schemas.microsoft.com/office/spreadsheetml/2009/9/main" objectType="CheckBox" lockText="1" noThreeD="1"/>
</file>

<file path=xl/ctrlProps/ctrlProp494.xml><?xml version="1.0" encoding="utf-8"?>
<formControlPr xmlns="http://schemas.microsoft.com/office/spreadsheetml/2009/9/main" objectType="CheckBox" lockText="1" noThreeD="1"/>
</file>

<file path=xl/ctrlProps/ctrlProp495.xml><?xml version="1.0" encoding="utf-8"?>
<formControlPr xmlns="http://schemas.microsoft.com/office/spreadsheetml/2009/9/main" objectType="CheckBox" lockText="1" noThreeD="1"/>
</file>

<file path=xl/ctrlProps/ctrlProp496.xml><?xml version="1.0" encoding="utf-8"?>
<formControlPr xmlns="http://schemas.microsoft.com/office/spreadsheetml/2009/9/main" objectType="CheckBox" lockText="1" noThreeD="1"/>
</file>

<file path=xl/ctrlProps/ctrlProp497.xml><?xml version="1.0" encoding="utf-8"?>
<formControlPr xmlns="http://schemas.microsoft.com/office/spreadsheetml/2009/9/main" objectType="CheckBox" lockText="1" noThreeD="1"/>
</file>

<file path=xl/ctrlProps/ctrlProp498.xml><?xml version="1.0" encoding="utf-8"?>
<formControlPr xmlns="http://schemas.microsoft.com/office/spreadsheetml/2009/9/main" objectType="CheckBox" lockText="1" noThreeD="1"/>
</file>

<file path=xl/ctrlProps/ctrlProp49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00.xml><?xml version="1.0" encoding="utf-8"?>
<formControlPr xmlns="http://schemas.microsoft.com/office/spreadsheetml/2009/9/main" objectType="CheckBox" lockText="1" noThreeD="1"/>
</file>

<file path=xl/ctrlProps/ctrlProp501.xml><?xml version="1.0" encoding="utf-8"?>
<formControlPr xmlns="http://schemas.microsoft.com/office/spreadsheetml/2009/9/main" objectType="CheckBox" lockText="1" noThreeD="1"/>
</file>

<file path=xl/ctrlProps/ctrlProp502.xml><?xml version="1.0" encoding="utf-8"?>
<formControlPr xmlns="http://schemas.microsoft.com/office/spreadsheetml/2009/9/main" objectType="CheckBox" lockText="1" noThreeD="1"/>
</file>

<file path=xl/ctrlProps/ctrlProp503.xml><?xml version="1.0" encoding="utf-8"?>
<formControlPr xmlns="http://schemas.microsoft.com/office/spreadsheetml/2009/9/main" objectType="CheckBox" lockText="1" noThreeD="1"/>
</file>

<file path=xl/ctrlProps/ctrlProp504.xml><?xml version="1.0" encoding="utf-8"?>
<formControlPr xmlns="http://schemas.microsoft.com/office/spreadsheetml/2009/9/main" objectType="CheckBox" lockText="1" noThreeD="1"/>
</file>

<file path=xl/ctrlProps/ctrlProp505.xml><?xml version="1.0" encoding="utf-8"?>
<formControlPr xmlns="http://schemas.microsoft.com/office/spreadsheetml/2009/9/main" objectType="CheckBox" lockText="1" noThreeD="1"/>
</file>

<file path=xl/ctrlProps/ctrlProp506.xml><?xml version="1.0" encoding="utf-8"?>
<formControlPr xmlns="http://schemas.microsoft.com/office/spreadsheetml/2009/9/main" objectType="CheckBox" lockText="1" noThreeD="1"/>
</file>

<file path=xl/ctrlProps/ctrlProp507.xml><?xml version="1.0" encoding="utf-8"?>
<formControlPr xmlns="http://schemas.microsoft.com/office/spreadsheetml/2009/9/main" objectType="CheckBox" lockText="1" noThreeD="1"/>
</file>

<file path=xl/ctrlProps/ctrlProp508.xml><?xml version="1.0" encoding="utf-8"?>
<formControlPr xmlns="http://schemas.microsoft.com/office/spreadsheetml/2009/9/main" objectType="CheckBox" lockText="1" noThreeD="1"/>
</file>

<file path=xl/ctrlProps/ctrlProp509.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10.xml><?xml version="1.0" encoding="utf-8"?>
<formControlPr xmlns="http://schemas.microsoft.com/office/spreadsheetml/2009/9/main" objectType="CheckBox" lockText="1" noThreeD="1"/>
</file>

<file path=xl/ctrlProps/ctrlProp511.xml><?xml version="1.0" encoding="utf-8"?>
<formControlPr xmlns="http://schemas.microsoft.com/office/spreadsheetml/2009/9/main" objectType="CheckBox" lockText="1" noThreeD="1"/>
</file>

<file path=xl/ctrlProps/ctrlProp512.xml><?xml version="1.0" encoding="utf-8"?>
<formControlPr xmlns="http://schemas.microsoft.com/office/spreadsheetml/2009/9/main" objectType="CheckBox" lockText="1" noThreeD="1"/>
</file>

<file path=xl/ctrlProps/ctrlProp513.xml><?xml version="1.0" encoding="utf-8"?>
<formControlPr xmlns="http://schemas.microsoft.com/office/spreadsheetml/2009/9/main" objectType="CheckBox" lockText="1" noThreeD="1"/>
</file>

<file path=xl/ctrlProps/ctrlProp514.xml><?xml version="1.0" encoding="utf-8"?>
<formControlPr xmlns="http://schemas.microsoft.com/office/spreadsheetml/2009/9/main" objectType="CheckBox" lockText="1" noThreeD="1"/>
</file>

<file path=xl/ctrlProps/ctrlProp515.xml><?xml version="1.0" encoding="utf-8"?>
<formControlPr xmlns="http://schemas.microsoft.com/office/spreadsheetml/2009/9/main" objectType="CheckBox" lockText="1" noThreeD="1"/>
</file>

<file path=xl/ctrlProps/ctrlProp516.xml><?xml version="1.0" encoding="utf-8"?>
<formControlPr xmlns="http://schemas.microsoft.com/office/spreadsheetml/2009/9/main" objectType="CheckBox" lockText="1" noThreeD="1"/>
</file>

<file path=xl/ctrlProps/ctrlProp517.xml><?xml version="1.0" encoding="utf-8"?>
<formControlPr xmlns="http://schemas.microsoft.com/office/spreadsheetml/2009/9/main" objectType="CheckBox" lockText="1" noThreeD="1"/>
</file>

<file path=xl/ctrlProps/ctrlProp518.xml><?xml version="1.0" encoding="utf-8"?>
<formControlPr xmlns="http://schemas.microsoft.com/office/spreadsheetml/2009/9/main" objectType="CheckBox" lockText="1" noThreeD="1"/>
</file>

<file path=xl/ctrlProps/ctrlProp519.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20.xml><?xml version="1.0" encoding="utf-8"?>
<formControlPr xmlns="http://schemas.microsoft.com/office/spreadsheetml/2009/9/main" objectType="CheckBox" lockText="1" noThreeD="1"/>
</file>

<file path=xl/ctrlProps/ctrlProp521.xml><?xml version="1.0" encoding="utf-8"?>
<formControlPr xmlns="http://schemas.microsoft.com/office/spreadsheetml/2009/9/main" objectType="CheckBox" lockText="1" noThreeD="1"/>
</file>

<file path=xl/ctrlProps/ctrlProp522.xml><?xml version="1.0" encoding="utf-8"?>
<formControlPr xmlns="http://schemas.microsoft.com/office/spreadsheetml/2009/9/main" objectType="CheckBox" lockText="1" noThreeD="1"/>
</file>

<file path=xl/ctrlProps/ctrlProp523.xml><?xml version="1.0" encoding="utf-8"?>
<formControlPr xmlns="http://schemas.microsoft.com/office/spreadsheetml/2009/9/main" objectType="CheckBox" lockText="1" noThreeD="1"/>
</file>

<file path=xl/ctrlProps/ctrlProp524.xml><?xml version="1.0" encoding="utf-8"?>
<formControlPr xmlns="http://schemas.microsoft.com/office/spreadsheetml/2009/9/main" objectType="CheckBox" lockText="1" noThreeD="1"/>
</file>

<file path=xl/ctrlProps/ctrlProp525.xml><?xml version="1.0" encoding="utf-8"?>
<formControlPr xmlns="http://schemas.microsoft.com/office/spreadsheetml/2009/9/main" objectType="CheckBox" lockText="1" noThreeD="1"/>
</file>

<file path=xl/ctrlProps/ctrlProp526.xml><?xml version="1.0" encoding="utf-8"?>
<formControlPr xmlns="http://schemas.microsoft.com/office/spreadsheetml/2009/9/main" objectType="CheckBox" lockText="1" noThreeD="1"/>
</file>

<file path=xl/ctrlProps/ctrlProp527.xml><?xml version="1.0" encoding="utf-8"?>
<formControlPr xmlns="http://schemas.microsoft.com/office/spreadsheetml/2009/9/main" objectType="CheckBox" lockText="1" noThreeD="1"/>
</file>

<file path=xl/ctrlProps/ctrlProp528.xml><?xml version="1.0" encoding="utf-8"?>
<formControlPr xmlns="http://schemas.microsoft.com/office/spreadsheetml/2009/9/main" objectType="CheckBox" lockText="1" noThreeD="1"/>
</file>

<file path=xl/ctrlProps/ctrlProp529.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30.xml><?xml version="1.0" encoding="utf-8"?>
<formControlPr xmlns="http://schemas.microsoft.com/office/spreadsheetml/2009/9/main" objectType="CheckBox" lockText="1" noThreeD="1"/>
</file>

<file path=xl/ctrlProps/ctrlProp531.xml><?xml version="1.0" encoding="utf-8"?>
<formControlPr xmlns="http://schemas.microsoft.com/office/spreadsheetml/2009/9/main" objectType="CheckBox" lockText="1" noThreeD="1"/>
</file>

<file path=xl/ctrlProps/ctrlProp532.xml><?xml version="1.0" encoding="utf-8"?>
<formControlPr xmlns="http://schemas.microsoft.com/office/spreadsheetml/2009/9/main" objectType="CheckBox" lockText="1" noThreeD="1"/>
</file>

<file path=xl/ctrlProps/ctrlProp533.xml><?xml version="1.0" encoding="utf-8"?>
<formControlPr xmlns="http://schemas.microsoft.com/office/spreadsheetml/2009/9/main" objectType="CheckBox" lockText="1" noThreeD="1"/>
</file>

<file path=xl/ctrlProps/ctrlProp534.xml><?xml version="1.0" encoding="utf-8"?>
<formControlPr xmlns="http://schemas.microsoft.com/office/spreadsheetml/2009/9/main" objectType="CheckBox" lockText="1" noThreeD="1"/>
</file>

<file path=xl/ctrlProps/ctrlProp535.xml><?xml version="1.0" encoding="utf-8"?>
<formControlPr xmlns="http://schemas.microsoft.com/office/spreadsheetml/2009/9/main" objectType="CheckBox" lockText="1" noThreeD="1"/>
</file>

<file path=xl/ctrlProps/ctrlProp536.xml><?xml version="1.0" encoding="utf-8"?>
<formControlPr xmlns="http://schemas.microsoft.com/office/spreadsheetml/2009/9/main" objectType="CheckBox" lockText="1" noThreeD="1"/>
</file>

<file path=xl/ctrlProps/ctrlProp537.xml><?xml version="1.0" encoding="utf-8"?>
<formControlPr xmlns="http://schemas.microsoft.com/office/spreadsheetml/2009/9/main" objectType="CheckBox" lockText="1" noThreeD="1"/>
</file>

<file path=xl/ctrlProps/ctrlProp538.xml><?xml version="1.0" encoding="utf-8"?>
<formControlPr xmlns="http://schemas.microsoft.com/office/spreadsheetml/2009/9/main" objectType="CheckBox" lockText="1" noThreeD="1"/>
</file>

<file path=xl/ctrlProps/ctrlProp539.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40.xml><?xml version="1.0" encoding="utf-8"?>
<formControlPr xmlns="http://schemas.microsoft.com/office/spreadsheetml/2009/9/main" objectType="CheckBox" lockText="1" noThreeD="1"/>
</file>

<file path=xl/ctrlProps/ctrlProp541.xml><?xml version="1.0" encoding="utf-8"?>
<formControlPr xmlns="http://schemas.microsoft.com/office/spreadsheetml/2009/9/main" objectType="CheckBox" lockText="1" noThreeD="1"/>
</file>

<file path=xl/ctrlProps/ctrlProp542.xml><?xml version="1.0" encoding="utf-8"?>
<formControlPr xmlns="http://schemas.microsoft.com/office/spreadsheetml/2009/9/main" objectType="CheckBox" lockText="1" noThreeD="1"/>
</file>

<file path=xl/ctrlProps/ctrlProp543.xml><?xml version="1.0" encoding="utf-8"?>
<formControlPr xmlns="http://schemas.microsoft.com/office/spreadsheetml/2009/9/main" objectType="CheckBox" lockText="1" noThreeD="1"/>
</file>

<file path=xl/ctrlProps/ctrlProp54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76</xdr:col>
      <xdr:colOff>228600</xdr:colOff>
      <xdr:row>133</xdr:row>
      <xdr:rowOff>0</xdr:rowOff>
    </xdr:from>
    <xdr:to>
      <xdr:col>86</xdr:col>
      <xdr:colOff>57150</xdr:colOff>
      <xdr:row>154</xdr:row>
      <xdr:rowOff>9525</xdr:rowOff>
    </xdr:to>
    <xdr:pic>
      <xdr:nvPicPr>
        <xdr:cNvPr id="2" name="Picture 12">
          <a:extLst>
            <a:ext uri="{FF2B5EF4-FFF2-40B4-BE49-F238E27FC236}">
              <a16:creationId xmlns="" xmlns:a16="http://schemas.microsoft.com/office/drawing/2014/main" id="{ACEE5740-6770-48A7-BCB3-25706D23E3F6}"/>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4406800" y="140979525"/>
          <a:ext cx="6686550"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57150</xdr:colOff>
      <xdr:row>4</xdr:row>
      <xdr:rowOff>95250</xdr:rowOff>
    </xdr:from>
    <xdr:to>
      <xdr:col>7</xdr:col>
      <xdr:colOff>342900</xdr:colOff>
      <xdr:row>4</xdr:row>
      <xdr:rowOff>1123950</xdr:rowOff>
    </xdr:to>
    <xdr:sp macro="" textlink="">
      <xdr:nvSpPr>
        <xdr:cNvPr id="3" name="AutoShape 2">
          <a:extLst>
            <a:ext uri="{FF2B5EF4-FFF2-40B4-BE49-F238E27FC236}">
              <a16:creationId xmlns="" xmlns:a16="http://schemas.microsoft.com/office/drawing/2014/main" id="{3D931DAC-3A44-469C-9800-93CCA5472248}"/>
            </a:ext>
          </a:extLst>
        </xdr:cNvPr>
        <xdr:cNvSpPr>
          <a:spLocks noChangeArrowheads="1"/>
        </xdr:cNvSpPr>
      </xdr:nvSpPr>
      <xdr:spPr bwMode="auto">
        <a:xfrm>
          <a:off x="57150" y="1466850"/>
          <a:ext cx="7448550" cy="1028700"/>
        </a:xfrm>
        <a:prstGeom prst="roundRect">
          <a:avLst>
            <a:gd name="adj" fmla="val 7513"/>
          </a:avLst>
        </a:prstGeom>
        <a:solidFill>
          <a:srgbClr val="FFFFFF"/>
        </a:solidFill>
        <a:ln w="9525" cap="rnd">
          <a:solidFill>
            <a:srgbClr val="333399"/>
          </a:solidFill>
          <a:prstDash val="sysDot"/>
          <a:round/>
          <a:headEnd/>
          <a:tailEnd/>
        </a:ln>
      </xdr:spPr>
      <xdr:txBody>
        <a:bodyPr vertOverflow="clip" wrap="square" lIns="27432" tIns="18288" rIns="0" bIns="0" anchor="t" upright="1"/>
        <a:lstStyle/>
        <a:p>
          <a:pPr marL="0" marR="0" lvl="0" indent="0" algn="l" defTabSz="914400" rtl="0" eaLnBrk="1" fontAlgn="auto" latinLnBrk="0" hangingPunct="1">
            <a:lnSpc>
              <a:spcPts val="1100"/>
            </a:lnSpc>
            <a:spcBef>
              <a:spcPts val="0"/>
            </a:spcBef>
            <a:spcAft>
              <a:spcPts val="0"/>
            </a:spcAft>
            <a:buClrTx/>
            <a:buSzTx/>
            <a:buFontTx/>
            <a:buNone/>
            <a:tabLst/>
            <a:defRPr sz="1000"/>
          </a:pPr>
          <a:r>
            <a:rPr kumimoji="0" lang="ja-JP" altLang="en-US"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rPr>
            <a:t>○各項目を確認書類等により点検し，確認事項の内容を満たしているものには「適」，そうでないものは「不適」にチェックをしてください。</a:t>
          </a:r>
        </a:p>
        <a:p>
          <a:pPr marL="0" marR="0" lvl="0" indent="0" algn="l" defTabSz="914400" rtl="0" eaLnBrk="1" fontAlgn="auto" latinLnBrk="0" hangingPunct="1">
            <a:lnSpc>
              <a:spcPts val="1100"/>
            </a:lnSpc>
            <a:spcBef>
              <a:spcPts val="0"/>
            </a:spcBef>
            <a:spcAft>
              <a:spcPts val="0"/>
            </a:spcAft>
            <a:buClrTx/>
            <a:buSzTx/>
            <a:buFontTx/>
            <a:buNone/>
            <a:tabLst/>
            <a:defRPr sz="1000"/>
          </a:pPr>
          <a:r>
            <a:rPr kumimoji="0" lang="ja-JP" altLang="en-US"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rPr>
            <a:t>○該当しない項目については「非該当」にチェックをしてください。</a:t>
          </a:r>
          <a:endParaRPr kumimoji="0" lang="en-US" altLang="ja-JP"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endParaRPr>
        </a:p>
        <a:p>
          <a:pPr marL="0" marR="0" lvl="0" indent="0" defTabSz="914400" rtl="0" eaLnBrk="1" fontAlgn="auto" latinLnBrk="0" hangingPunct="1">
            <a:lnSpc>
              <a:spcPts val="1100"/>
            </a:lnSpc>
            <a:spcBef>
              <a:spcPts val="0"/>
            </a:spcBef>
            <a:spcAft>
              <a:spcPts val="0"/>
            </a:spcAft>
            <a:buClrTx/>
            <a:buSzTx/>
            <a:buFontTx/>
            <a:buNone/>
            <a:tabLst/>
            <a:defRPr/>
          </a:pPr>
          <a:r>
            <a:rPr kumimoji="0" lang="ja-JP"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根拠条文欄において</a:t>
          </a:r>
          <a:r>
            <a:rPr kumimoji="0" lang="ja-JP" altLang="ja-JP"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cs typeface="+mn-cs"/>
            </a:rPr>
            <a:t>、「</a:t>
          </a:r>
          <a:r>
            <a:rPr kumimoji="0" lang="ja-JP" altLang="en-US"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cs typeface="+mn-cs"/>
            </a:rPr>
            <a:t>地密型</a:t>
          </a:r>
          <a:r>
            <a:rPr kumimoji="0" lang="ja-JP" altLang="ja-JP"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cs typeface="+mn-cs"/>
            </a:rPr>
            <a:t>条例」</a:t>
          </a:r>
          <a:r>
            <a:rPr kumimoji="0" lang="ja-JP"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とあるのは</a:t>
          </a:r>
          <a:r>
            <a:rPr kumimoji="0" lang="ja-JP" altLang="en-US"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a:t>
          </a:r>
          <a:r>
            <a:rPr kumimoji="0" lang="ja-JP"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a:t>
          </a:r>
          <a:r>
            <a:rPr kumimoji="0" lang="ja-JP" altLang="en-US"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沖縄</a:t>
          </a:r>
          <a:r>
            <a:rPr kumimoji="0" lang="ja-JP"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市指定</a:t>
          </a:r>
          <a:r>
            <a:rPr kumimoji="0" lang="ja-JP" altLang="en-US"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地域密着型サービスの事業の人員、設備及び運営に関する基準を定める条例」</a:t>
          </a:r>
          <a:r>
            <a:rPr kumimoji="0" lang="ja-JP"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平成24年12月2</a:t>
          </a:r>
          <a:r>
            <a:rPr kumimoji="0" lang="en-US"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8</a:t>
          </a:r>
          <a:r>
            <a:rPr kumimoji="0" lang="ja-JP"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日</a:t>
          </a:r>
          <a:r>
            <a:rPr kumimoji="0" lang="ja-JP" altLang="en-US"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沖縄</a:t>
          </a:r>
          <a:r>
            <a:rPr kumimoji="0" lang="ja-JP"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市条例第</a:t>
          </a:r>
          <a:r>
            <a:rPr kumimoji="0" lang="en-US"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23</a:t>
          </a:r>
          <a:r>
            <a:rPr kumimoji="0" lang="ja-JP"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号）を指します。</a:t>
          </a:r>
          <a:endParaRPr kumimoji="0" lang="en-US"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endParaRPr>
        </a:p>
        <a:p>
          <a:pPr marL="0" marR="0" lvl="0" indent="0" defTabSz="914400" rtl="0" eaLnBrk="1" fontAlgn="auto" latinLnBrk="0" hangingPunct="1">
            <a:lnSpc>
              <a:spcPts val="1100"/>
            </a:lnSpc>
            <a:spcBef>
              <a:spcPts val="0"/>
            </a:spcBef>
            <a:spcAft>
              <a:spcPts val="0"/>
            </a:spcAft>
            <a:buClrTx/>
            <a:buSzTx/>
            <a:buFontTx/>
            <a:buNone/>
            <a:tabLst/>
            <a:defRPr/>
          </a:pPr>
          <a:r>
            <a:rPr kumimoji="0" lang="ja-JP" altLang="en-US"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a:t>
          </a:r>
          <a:r>
            <a:rPr lang="ja-JP" altLang="ja-JP" sz="1000" b="0" i="0" baseline="0">
              <a:effectLst/>
              <a:latin typeface="+mn-lt"/>
              <a:ea typeface="+mn-ea"/>
              <a:cs typeface="+mn-cs"/>
            </a:rPr>
            <a:t>黄色又は赤字部分：令和</a:t>
          </a:r>
          <a:r>
            <a:rPr lang="en-US" altLang="ja-JP" sz="1000" b="0" i="0" baseline="0">
              <a:effectLst/>
              <a:latin typeface="+mn-lt"/>
              <a:ea typeface="+mn-ea"/>
              <a:cs typeface="+mn-cs"/>
            </a:rPr>
            <a:t>3</a:t>
          </a:r>
          <a:r>
            <a:rPr lang="ja-JP" altLang="ja-JP" sz="1000" b="0" i="0" baseline="0">
              <a:effectLst/>
              <a:latin typeface="+mn-lt"/>
              <a:ea typeface="+mn-ea"/>
              <a:cs typeface="+mn-cs"/>
            </a:rPr>
            <a:t>年度制度改正による改正箇所</a:t>
          </a:r>
          <a:endParaRPr lang="ja-JP" altLang="ja-JP" sz="1000">
            <a:effectLst/>
          </a:endParaRPr>
        </a:p>
        <a:p>
          <a:pPr marL="0" marR="0" lvl="0" indent="0" defTabSz="914400" rtl="0" eaLnBrk="1" fontAlgn="auto" latinLnBrk="0" hangingPunct="1">
            <a:lnSpc>
              <a:spcPts val="1100"/>
            </a:lnSpc>
            <a:spcBef>
              <a:spcPts val="0"/>
            </a:spcBef>
            <a:spcAft>
              <a:spcPts val="0"/>
            </a:spcAft>
            <a:buClrTx/>
            <a:buSzTx/>
            <a:buFontTx/>
            <a:buNone/>
            <a:tabLst/>
            <a:defRPr/>
          </a:pPr>
          <a:endParaRPr kumimoji="0" lang="en-US"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endParaRPr>
        </a:p>
      </xdr:txBody>
    </xdr:sp>
    <xdr:clientData/>
  </xdr:twoCellAnchor>
  <mc:AlternateContent xmlns:mc="http://schemas.openxmlformats.org/markup-compatibility/2006">
    <mc:Choice xmlns:a14="http://schemas.microsoft.com/office/drawing/2010/main" Requires="a14">
      <xdr:twoCellAnchor editAs="oneCell">
        <xdr:from>
          <xdr:col>5</xdr:col>
          <xdr:colOff>85725</xdr:colOff>
          <xdr:row>8</xdr:row>
          <xdr:rowOff>476250</xdr:rowOff>
        </xdr:from>
        <xdr:to>
          <xdr:col>5</xdr:col>
          <xdr:colOff>304800</xdr:colOff>
          <xdr:row>8</xdr:row>
          <xdr:rowOff>695325</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8</xdr:row>
          <xdr:rowOff>476250</xdr:rowOff>
        </xdr:from>
        <xdr:to>
          <xdr:col>6</xdr:col>
          <xdr:colOff>314325</xdr:colOff>
          <xdr:row>8</xdr:row>
          <xdr:rowOff>695325</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0</xdr:row>
          <xdr:rowOff>790575</xdr:rowOff>
        </xdr:from>
        <xdr:to>
          <xdr:col>6</xdr:col>
          <xdr:colOff>295275</xdr:colOff>
          <xdr:row>10</xdr:row>
          <xdr:rowOff>100965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xdr:row>
          <xdr:rowOff>790575</xdr:rowOff>
        </xdr:from>
        <xdr:to>
          <xdr:col>5</xdr:col>
          <xdr:colOff>304800</xdr:colOff>
          <xdr:row>10</xdr:row>
          <xdr:rowOff>100965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2</xdr:row>
          <xdr:rowOff>504825</xdr:rowOff>
        </xdr:from>
        <xdr:to>
          <xdr:col>6</xdr:col>
          <xdr:colOff>314325</xdr:colOff>
          <xdr:row>12</xdr:row>
          <xdr:rowOff>72390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2</xdr:row>
          <xdr:rowOff>504825</xdr:rowOff>
        </xdr:from>
        <xdr:to>
          <xdr:col>5</xdr:col>
          <xdr:colOff>285750</xdr:colOff>
          <xdr:row>12</xdr:row>
          <xdr:rowOff>72390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14</xdr:row>
          <xdr:rowOff>266700</xdr:rowOff>
        </xdr:from>
        <xdr:to>
          <xdr:col>7</xdr:col>
          <xdr:colOff>314325</xdr:colOff>
          <xdr:row>14</xdr:row>
          <xdr:rowOff>485775</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4</xdr:row>
          <xdr:rowOff>266700</xdr:rowOff>
        </xdr:from>
        <xdr:to>
          <xdr:col>6</xdr:col>
          <xdr:colOff>304800</xdr:colOff>
          <xdr:row>14</xdr:row>
          <xdr:rowOff>485775</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4</xdr:row>
          <xdr:rowOff>266700</xdr:rowOff>
        </xdr:from>
        <xdr:to>
          <xdr:col>5</xdr:col>
          <xdr:colOff>314325</xdr:colOff>
          <xdr:row>14</xdr:row>
          <xdr:rowOff>485775</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5</xdr:row>
          <xdr:rowOff>390525</xdr:rowOff>
        </xdr:from>
        <xdr:to>
          <xdr:col>7</xdr:col>
          <xdr:colOff>304800</xdr:colOff>
          <xdr:row>15</xdr:row>
          <xdr:rowOff>6096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5</xdr:row>
          <xdr:rowOff>390525</xdr:rowOff>
        </xdr:from>
        <xdr:to>
          <xdr:col>6</xdr:col>
          <xdr:colOff>314325</xdr:colOff>
          <xdr:row>15</xdr:row>
          <xdr:rowOff>60960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5</xdr:row>
          <xdr:rowOff>390525</xdr:rowOff>
        </xdr:from>
        <xdr:to>
          <xdr:col>5</xdr:col>
          <xdr:colOff>285750</xdr:colOff>
          <xdr:row>15</xdr:row>
          <xdr:rowOff>609600</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8</xdr:row>
          <xdr:rowOff>285750</xdr:rowOff>
        </xdr:from>
        <xdr:to>
          <xdr:col>6</xdr:col>
          <xdr:colOff>295275</xdr:colOff>
          <xdr:row>18</xdr:row>
          <xdr:rowOff>504825</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19</xdr:row>
          <xdr:rowOff>238125</xdr:rowOff>
        </xdr:from>
        <xdr:to>
          <xdr:col>7</xdr:col>
          <xdr:colOff>295275</xdr:colOff>
          <xdr:row>19</xdr:row>
          <xdr:rowOff>457200</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3825</xdr:colOff>
          <xdr:row>20</xdr:row>
          <xdr:rowOff>228600</xdr:rowOff>
        </xdr:from>
        <xdr:to>
          <xdr:col>6</xdr:col>
          <xdr:colOff>342900</xdr:colOff>
          <xdr:row>20</xdr:row>
          <xdr:rowOff>447675</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1</xdr:row>
          <xdr:rowOff>285750</xdr:rowOff>
        </xdr:from>
        <xdr:to>
          <xdr:col>6</xdr:col>
          <xdr:colOff>323850</xdr:colOff>
          <xdr:row>21</xdr:row>
          <xdr:rowOff>504825</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8</xdr:row>
          <xdr:rowOff>285750</xdr:rowOff>
        </xdr:from>
        <xdr:to>
          <xdr:col>5</xdr:col>
          <xdr:colOff>304800</xdr:colOff>
          <xdr:row>18</xdr:row>
          <xdr:rowOff>504825</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9</xdr:row>
          <xdr:rowOff>238125</xdr:rowOff>
        </xdr:from>
        <xdr:to>
          <xdr:col>6</xdr:col>
          <xdr:colOff>295275</xdr:colOff>
          <xdr:row>19</xdr:row>
          <xdr:rowOff>457200</xdr:rowOff>
        </xdr:to>
        <xdr:sp macro="" textlink="">
          <xdr:nvSpPr>
            <xdr:cNvPr id="1044" name="Check Box 20" hidden="1">
              <a:extLst>
                <a:ext uri="{63B3BB69-23CF-44E3-9099-C40C66FF867C}">
                  <a14:compatExt spid="_x0000_s1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9</xdr:row>
          <xdr:rowOff>238125</xdr:rowOff>
        </xdr:from>
        <xdr:to>
          <xdr:col>5</xdr:col>
          <xdr:colOff>304800</xdr:colOff>
          <xdr:row>19</xdr:row>
          <xdr:rowOff>457200</xdr:rowOff>
        </xdr:to>
        <xdr:sp macro="" textlink="">
          <xdr:nvSpPr>
            <xdr:cNvPr id="1045" name="Check Box 21" hidden="1">
              <a:extLst>
                <a:ext uri="{63B3BB69-23CF-44E3-9099-C40C66FF867C}">
                  <a14:compatExt spid="_x0000_s1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4775</xdr:colOff>
          <xdr:row>20</xdr:row>
          <xdr:rowOff>228600</xdr:rowOff>
        </xdr:from>
        <xdr:to>
          <xdr:col>5</xdr:col>
          <xdr:colOff>323850</xdr:colOff>
          <xdr:row>20</xdr:row>
          <xdr:rowOff>447675</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57150</xdr:colOff>
          <xdr:row>21</xdr:row>
          <xdr:rowOff>285750</xdr:rowOff>
        </xdr:from>
        <xdr:to>
          <xdr:col>5</xdr:col>
          <xdr:colOff>276225</xdr:colOff>
          <xdr:row>21</xdr:row>
          <xdr:rowOff>504825</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2</xdr:row>
          <xdr:rowOff>161925</xdr:rowOff>
        </xdr:from>
        <xdr:to>
          <xdr:col>6</xdr:col>
          <xdr:colOff>323850</xdr:colOff>
          <xdr:row>22</xdr:row>
          <xdr:rowOff>381000</xdr:rowOff>
        </xdr:to>
        <xdr:sp macro="" textlink="">
          <xdr:nvSpPr>
            <xdr:cNvPr id="1049"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4775</xdr:colOff>
          <xdr:row>22</xdr:row>
          <xdr:rowOff>161925</xdr:rowOff>
        </xdr:from>
        <xdr:to>
          <xdr:col>5</xdr:col>
          <xdr:colOff>323850</xdr:colOff>
          <xdr:row>22</xdr:row>
          <xdr:rowOff>381000</xdr:rowOff>
        </xdr:to>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23</xdr:row>
          <xdr:rowOff>942975</xdr:rowOff>
        </xdr:from>
        <xdr:to>
          <xdr:col>6</xdr:col>
          <xdr:colOff>304800</xdr:colOff>
          <xdr:row>23</xdr:row>
          <xdr:rowOff>1162050</xdr:rowOff>
        </xdr:to>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3</xdr:row>
          <xdr:rowOff>942975</xdr:rowOff>
        </xdr:from>
        <xdr:to>
          <xdr:col>5</xdr:col>
          <xdr:colOff>304800</xdr:colOff>
          <xdr:row>23</xdr:row>
          <xdr:rowOff>1162050</xdr:rowOff>
        </xdr:to>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24</xdr:row>
          <xdr:rowOff>95250</xdr:rowOff>
        </xdr:from>
        <xdr:to>
          <xdr:col>6</xdr:col>
          <xdr:colOff>314325</xdr:colOff>
          <xdr:row>24</xdr:row>
          <xdr:rowOff>314325</xdr:rowOff>
        </xdr:to>
        <xdr:sp macro="" textlink="">
          <xdr:nvSpPr>
            <xdr:cNvPr id="1054" name="Check Box 30" hidden="1">
              <a:extLst>
                <a:ext uri="{63B3BB69-23CF-44E3-9099-C40C66FF867C}">
                  <a14:compatExt spid="_x0000_s1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25</xdr:row>
          <xdr:rowOff>85725</xdr:rowOff>
        </xdr:from>
        <xdr:to>
          <xdr:col>6</xdr:col>
          <xdr:colOff>314325</xdr:colOff>
          <xdr:row>25</xdr:row>
          <xdr:rowOff>304800</xdr:rowOff>
        </xdr:to>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4</xdr:row>
          <xdr:rowOff>95250</xdr:rowOff>
        </xdr:from>
        <xdr:to>
          <xdr:col>5</xdr:col>
          <xdr:colOff>314325</xdr:colOff>
          <xdr:row>24</xdr:row>
          <xdr:rowOff>314325</xdr:rowOff>
        </xdr:to>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5</xdr:row>
          <xdr:rowOff>85725</xdr:rowOff>
        </xdr:from>
        <xdr:to>
          <xdr:col>5</xdr:col>
          <xdr:colOff>304800</xdr:colOff>
          <xdr:row>25</xdr:row>
          <xdr:rowOff>304800</xdr:rowOff>
        </xdr:to>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31</xdr:row>
          <xdr:rowOff>333375</xdr:rowOff>
        </xdr:from>
        <xdr:to>
          <xdr:col>6</xdr:col>
          <xdr:colOff>314325</xdr:colOff>
          <xdr:row>31</xdr:row>
          <xdr:rowOff>552450</xdr:rowOff>
        </xdr:to>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1</xdr:row>
          <xdr:rowOff>333375</xdr:rowOff>
        </xdr:from>
        <xdr:to>
          <xdr:col>5</xdr:col>
          <xdr:colOff>304800</xdr:colOff>
          <xdr:row>31</xdr:row>
          <xdr:rowOff>552450</xdr:rowOff>
        </xdr:to>
        <xdr:sp macro="" textlink="">
          <xdr:nvSpPr>
            <xdr:cNvPr id="1061" name="Check Box 37" hidden="1">
              <a:extLst>
                <a:ext uri="{63B3BB69-23CF-44E3-9099-C40C66FF867C}">
                  <a14:compatExt spid="_x0000_s1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32</xdr:row>
          <xdr:rowOff>790575</xdr:rowOff>
        </xdr:from>
        <xdr:to>
          <xdr:col>6</xdr:col>
          <xdr:colOff>314325</xdr:colOff>
          <xdr:row>33</xdr:row>
          <xdr:rowOff>104775</xdr:rowOff>
        </xdr:to>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32</xdr:row>
          <xdr:rowOff>781050</xdr:rowOff>
        </xdr:from>
        <xdr:to>
          <xdr:col>5</xdr:col>
          <xdr:colOff>285750</xdr:colOff>
          <xdr:row>33</xdr:row>
          <xdr:rowOff>95250</xdr:rowOff>
        </xdr:to>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34</xdr:row>
          <xdr:rowOff>257175</xdr:rowOff>
        </xdr:from>
        <xdr:to>
          <xdr:col>6</xdr:col>
          <xdr:colOff>295275</xdr:colOff>
          <xdr:row>34</xdr:row>
          <xdr:rowOff>476250</xdr:rowOff>
        </xdr:to>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34</xdr:row>
          <xdr:rowOff>257175</xdr:rowOff>
        </xdr:from>
        <xdr:to>
          <xdr:col>5</xdr:col>
          <xdr:colOff>314325</xdr:colOff>
          <xdr:row>34</xdr:row>
          <xdr:rowOff>476250</xdr:rowOff>
        </xdr:to>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5</xdr:row>
          <xdr:rowOff>266700</xdr:rowOff>
        </xdr:from>
        <xdr:to>
          <xdr:col>6</xdr:col>
          <xdr:colOff>304800</xdr:colOff>
          <xdr:row>35</xdr:row>
          <xdr:rowOff>485775</xdr:rowOff>
        </xdr:to>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35</xdr:row>
          <xdr:rowOff>257175</xdr:rowOff>
        </xdr:from>
        <xdr:to>
          <xdr:col>5</xdr:col>
          <xdr:colOff>314325</xdr:colOff>
          <xdr:row>35</xdr:row>
          <xdr:rowOff>476250</xdr:rowOff>
        </xdr:to>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6</xdr:row>
          <xdr:rowOff>447675</xdr:rowOff>
        </xdr:from>
        <xdr:to>
          <xdr:col>6</xdr:col>
          <xdr:colOff>304800</xdr:colOff>
          <xdr:row>37</xdr:row>
          <xdr:rowOff>200025</xdr:rowOff>
        </xdr:to>
        <xdr:sp macro="" textlink="">
          <xdr:nvSpPr>
            <xdr:cNvPr id="1069" name="Check Box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36</xdr:row>
          <xdr:rowOff>438150</xdr:rowOff>
        </xdr:from>
        <xdr:to>
          <xdr:col>5</xdr:col>
          <xdr:colOff>295275</xdr:colOff>
          <xdr:row>37</xdr:row>
          <xdr:rowOff>190500</xdr:rowOff>
        </xdr:to>
        <xdr:sp macro="" textlink="">
          <xdr:nvSpPr>
            <xdr:cNvPr id="1070" name="Check Box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38</xdr:row>
          <xdr:rowOff>152400</xdr:rowOff>
        </xdr:from>
        <xdr:to>
          <xdr:col>6</xdr:col>
          <xdr:colOff>323850</xdr:colOff>
          <xdr:row>38</xdr:row>
          <xdr:rowOff>371475</xdr:rowOff>
        </xdr:to>
        <xdr:sp macro="" textlink="">
          <xdr:nvSpPr>
            <xdr:cNvPr id="1071" name="Check Box 47" hidden="1">
              <a:extLst>
                <a:ext uri="{63B3BB69-23CF-44E3-9099-C40C66FF867C}">
                  <a14:compatExt spid="_x0000_s1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38</xdr:row>
          <xdr:rowOff>142875</xdr:rowOff>
        </xdr:from>
        <xdr:to>
          <xdr:col>5</xdr:col>
          <xdr:colOff>285750</xdr:colOff>
          <xdr:row>38</xdr:row>
          <xdr:rowOff>361950</xdr:rowOff>
        </xdr:to>
        <xdr:sp macro="" textlink="">
          <xdr:nvSpPr>
            <xdr:cNvPr id="1072" name="Check Box 48" hidden="1">
              <a:extLst>
                <a:ext uri="{63B3BB69-23CF-44E3-9099-C40C66FF867C}">
                  <a14:compatExt spid="_x0000_s1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14300</xdr:colOff>
          <xdr:row>39</xdr:row>
          <xdr:rowOff>209550</xdr:rowOff>
        </xdr:from>
        <xdr:to>
          <xdr:col>6</xdr:col>
          <xdr:colOff>333375</xdr:colOff>
          <xdr:row>39</xdr:row>
          <xdr:rowOff>428625</xdr:rowOff>
        </xdr:to>
        <xdr:sp macro="" textlink="">
          <xdr:nvSpPr>
            <xdr:cNvPr id="1073" name="Check Box 49" hidden="1">
              <a:extLst>
                <a:ext uri="{63B3BB69-23CF-44E3-9099-C40C66FF867C}">
                  <a14:compatExt spid="_x0000_s1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39</xdr:row>
          <xdr:rowOff>209550</xdr:rowOff>
        </xdr:from>
        <xdr:to>
          <xdr:col>5</xdr:col>
          <xdr:colOff>295275</xdr:colOff>
          <xdr:row>39</xdr:row>
          <xdr:rowOff>428625</xdr:rowOff>
        </xdr:to>
        <xdr:sp macro="" textlink="">
          <xdr:nvSpPr>
            <xdr:cNvPr id="1074" name="Check Box 50" hidden="1">
              <a:extLst>
                <a:ext uri="{63B3BB69-23CF-44E3-9099-C40C66FF867C}">
                  <a14:compatExt spid="_x0000_s1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40</xdr:row>
          <xdr:rowOff>1352550</xdr:rowOff>
        </xdr:from>
        <xdr:to>
          <xdr:col>7</xdr:col>
          <xdr:colOff>295275</xdr:colOff>
          <xdr:row>40</xdr:row>
          <xdr:rowOff>1571625</xdr:rowOff>
        </xdr:to>
        <xdr:sp macro="" textlink="">
          <xdr:nvSpPr>
            <xdr:cNvPr id="1075" name="Check Box 51" hidden="1">
              <a:extLst>
                <a:ext uri="{63B3BB69-23CF-44E3-9099-C40C66FF867C}">
                  <a14:compatExt spid="_x0000_s1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40</xdr:row>
          <xdr:rowOff>1352550</xdr:rowOff>
        </xdr:from>
        <xdr:to>
          <xdr:col>6</xdr:col>
          <xdr:colOff>295275</xdr:colOff>
          <xdr:row>40</xdr:row>
          <xdr:rowOff>1571625</xdr:rowOff>
        </xdr:to>
        <xdr:sp macro="" textlink="">
          <xdr:nvSpPr>
            <xdr:cNvPr id="1076" name="Check Box 52" hidden="1">
              <a:extLst>
                <a:ext uri="{63B3BB69-23CF-44E3-9099-C40C66FF867C}">
                  <a14:compatExt spid="_x0000_s1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40</xdr:row>
          <xdr:rowOff>1343025</xdr:rowOff>
        </xdr:from>
        <xdr:to>
          <xdr:col>5</xdr:col>
          <xdr:colOff>314325</xdr:colOff>
          <xdr:row>40</xdr:row>
          <xdr:rowOff>1562100</xdr:rowOff>
        </xdr:to>
        <xdr:sp macro="" textlink="">
          <xdr:nvSpPr>
            <xdr:cNvPr id="1077" name="Check Box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41</xdr:row>
          <xdr:rowOff>228600</xdr:rowOff>
        </xdr:from>
        <xdr:to>
          <xdr:col>7</xdr:col>
          <xdr:colOff>314325</xdr:colOff>
          <xdr:row>41</xdr:row>
          <xdr:rowOff>447675</xdr:rowOff>
        </xdr:to>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41</xdr:row>
          <xdr:rowOff>228600</xdr:rowOff>
        </xdr:from>
        <xdr:to>
          <xdr:col>6</xdr:col>
          <xdr:colOff>295275</xdr:colOff>
          <xdr:row>41</xdr:row>
          <xdr:rowOff>447675</xdr:rowOff>
        </xdr:to>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1</xdr:row>
          <xdr:rowOff>219075</xdr:rowOff>
        </xdr:from>
        <xdr:to>
          <xdr:col>5</xdr:col>
          <xdr:colOff>304800</xdr:colOff>
          <xdr:row>41</xdr:row>
          <xdr:rowOff>438150</xdr:rowOff>
        </xdr:to>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42</xdr:row>
          <xdr:rowOff>161925</xdr:rowOff>
        </xdr:from>
        <xdr:to>
          <xdr:col>7</xdr:col>
          <xdr:colOff>295275</xdr:colOff>
          <xdr:row>42</xdr:row>
          <xdr:rowOff>381000</xdr:rowOff>
        </xdr:to>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2</xdr:row>
          <xdr:rowOff>161925</xdr:rowOff>
        </xdr:from>
        <xdr:to>
          <xdr:col>6</xdr:col>
          <xdr:colOff>304800</xdr:colOff>
          <xdr:row>42</xdr:row>
          <xdr:rowOff>381000</xdr:rowOff>
        </xdr:to>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2</xdr:row>
          <xdr:rowOff>152400</xdr:rowOff>
        </xdr:from>
        <xdr:to>
          <xdr:col>5</xdr:col>
          <xdr:colOff>304800</xdr:colOff>
          <xdr:row>42</xdr:row>
          <xdr:rowOff>371475</xdr:rowOff>
        </xdr:to>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4</xdr:row>
          <xdr:rowOff>876300</xdr:rowOff>
        </xdr:from>
        <xdr:to>
          <xdr:col>5</xdr:col>
          <xdr:colOff>304800</xdr:colOff>
          <xdr:row>45</xdr:row>
          <xdr:rowOff>85725</xdr:rowOff>
        </xdr:to>
        <xdr:sp macro="" textlink="">
          <xdr:nvSpPr>
            <xdr:cNvPr id="1086" name="Check Box 62" hidden="1">
              <a:extLst>
                <a:ext uri="{63B3BB69-23CF-44E3-9099-C40C66FF867C}">
                  <a14:compatExt spid="_x0000_s1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3825</xdr:colOff>
          <xdr:row>44</xdr:row>
          <xdr:rowOff>885825</xdr:rowOff>
        </xdr:from>
        <xdr:to>
          <xdr:col>6</xdr:col>
          <xdr:colOff>342900</xdr:colOff>
          <xdr:row>45</xdr:row>
          <xdr:rowOff>95250</xdr:rowOff>
        </xdr:to>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6</xdr:row>
          <xdr:rowOff>352425</xdr:rowOff>
        </xdr:from>
        <xdr:to>
          <xdr:col>6</xdr:col>
          <xdr:colOff>304800</xdr:colOff>
          <xdr:row>46</xdr:row>
          <xdr:rowOff>571500</xdr:rowOff>
        </xdr:to>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46</xdr:row>
          <xdr:rowOff>342900</xdr:rowOff>
        </xdr:from>
        <xdr:to>
          <xdr:col>5</xdr:col>
          <xdr:colOff>295275</xdr:colOff>
          <xdr:row>46</xdr:row>
          <xdr:rowOff>561975</xdr:rowOff>
        </xdr:to>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47</xdr:row>
          <xdr:rowOff>342900</xdr:rowOff>
        </xdr:from>
        <xdr:to>
          <xdr:col>6</xdr:col>
          <xdr:colOff>314325</xdr:colOff>
          <xdr:row>47</xdr:row>
          <xdr:rowOff>561975</xdr:rowOff>
        </xdr:to>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47</xdr:row>
          <xdr:rowOff>352425</xdr:rowOff>
        </xdr:from>
        <xdr:to>
          <xdr:col>5</xdr:col>
          <xdr:colOff>295275</xdr:colOff>
          <xdr:row>47</xdr:row>
          <xdr:rowOff>571500</xdr:rowOff>
        </xdr:to>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48</xdr:row>
          <xdr:rowOff>400050</xdr:rowOff>
        </xdr:from>
        <xdr:to>
          <xdr:col>7</xdr:col>
          <xdr:colOff>295275</xdr:colOff>
          <xdr:row>48</xdr:row>
          <xdr:rowOff>619125</xdr:rowOff>
        </xdr:to>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48</xdr:row>
          <xdr:rowOff>400050</xdr:rowOff>
        </xdr:from>
        <xdr:to>
          <xdr:col>6</xdr:col>
          <xdr:colOff>304800</xdr:colOff>
          <xdr:row>48</xdr:row>
          <xdr:rowOff>619125</xdr:rowOff>
        </xdr:to>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48</xdr:row>
          <xdr:rowOff>400050</xdr:rowOff>
        </xdr:from>
        <xdr:to>
          <xdr:col>5</xdr:col>
          <xdr:colOff>304800</xdr:colOff>
          <xdr:row>48</xdr:row>
          <xdr:rowOff>619125</xdr:rowOff>
        </xdr:to>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49</xdr:row>
          <xdr:rowOff>323850</xdr:rowOff>
        </xdr:from>
        <xdr:to>
          <xdr:col>6</xdr:col>
          <xdr:colOff>323850</xdr:colOff>
          <xdr:row>49</xdr:row>
          <xdr:rowOff>542925</xdr:rowOff>
        </xdr:to>
        <xdr:sp macro="" textlink="">
          <xdr:nvSpPr>
            <xdr:cNvPr id="1097" name="Check Box 73" hidden="1">
              <a:extLst>
                <a:ext uri="{63B3BB69-23CF-44E3-9099-C40C66FF867C}">
                  <a14:compatExt spid="_x0000_s1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49</xdr:row>
          <xdr:rowOff>323850</xdr:rowOff>
        </xdr:from>
        <xdr:to>
          <xdr:col>5</xdr:col>
          <xdr:colOff>314325</xdr:colOff>
          <xdr:row>49</xdr:row>
          <xdr:rowOff>542925</xdr:rowOff>
        </xdr:to>
        <xdr:sp macro="" textlink="">
          <xdr:nvSpPr>
            <xdr:cNvPr id="1098" name="Check Box 74" hidden="1">
              <a:extLst>
                <a:ext uri="{63B3BB69-23CF-44E3-9099-C40C66FF867C}">
                  <a14:compatExt spid="_x0000_s1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50</xdr:row>
          <xdr:rowOff>628650</xdr:rowOff>
        </xdr:from>
        <xdr:to>
          <xdr:col>6</xdr:col>
          <xdr:colOff>314325</xdr:colOff>
          <xdr:row>50</xdr:row>
          <xdr:rowOff>847725</xdr:rowOff>
        </xdr:to>
        <xdr:sp macro="" textlink="">
          <xdr:nvSpPr>
            <xdr:cNvPr id="1099" name="Check Box 75" hidden="1">
              <a:extLst>
                <a:ext uri="{63B3BB69-23CF-44E3-9099-C40C66FF867C}">
                  <a14:compatExt spid="_x0000_s1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50</xdr:row>
          <xdr:rowOff>619125</xdr:rowOff>
        </xdr:from>
        <xdr:to>
          <xdr:col>5</xdr:col>
          <xdr:colOff>285750</xdr:colOff>
          <xdr:row>50</xdr:row>
          <xdr:rowOff>838200</xdr:rowOff>
        </xdr:to>
        <xdr:sp macro="" textlink="">
          <xdr:nvSpPr>
            <xdr:cNvPr id="1100" name="Check Box 76" hidden="1">
              <a:extLst>
                <a:ext uri="{63B3BB69-23CF-44E3-9099-C40C66FF867C}">
                  <a14:compatExt spid="_x0000_s1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1</xdr:row>
          <xdr:rowOff>352425</xdr:rowOff>
        </xdr:from>
        <xdr:to>
          <xdr:col>6</xdr:col>
          <xdr:colOff>304800</xdr:colOff>
          <xdr:row>51</xdr:row>
          <xdr:rowOff>571500</xdr:rowOff>
        </xdr:to>
        <xdr:sp macro="" textlink="">
          <xdr:nvSpPr>
            <xdr:cNvPr id="1101" name="Check Box 77" hidden="1">
              <a:extLst>
                <a:ext uri="{63B3BB69-23CF-44E3-9099-C40C66FF867C}">
                  <a14:compatExt spid="_x0000_s1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51</xdr:row>
          <xdr:rowOff>352425</xdr:rowOff>
        </xdr:from>
        <xdr:to>
          <xdr:col>5</xdr:col>
          <xdr:colOff>314325</xdr:colOff>
          <xdr:row>51</xdr:row>
          <xdr:rowOff>571500</xdr:rowOff>
        </xdr:to>
        <xdr:sp macro="" textlink="">
          <xdr:nvSpPr>
            <xdr:cNvPr id="1102" name="Check Box 78" hidden="1">
              <a:extLst>
                <a:ext uri="{63B3BB69-23CF-44E3-9099-C40C66FF867C}">
                  <a14:compatExt spid="_x0000_s1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52</xdr:row>
          <xdr:rowOff>552450</xdr:rowOff>
        </xdr:from>
        <xdr:to>
          <xdr:col>5</xdr:col>
          <xdr:colOff>285750</xdr:colOff>
          <xdr:row>52</xdr:row>
          <xdr:rowOff>771525</xdr:rowOff>
        </xdr:to>
        <xdr:sp macro="" textlink="">
          <xdr:nvSpPr>
            <xdr:cNvPr id="1103" name="Check Box 79" hidden="1">
              <a:extLst>
                <a:ext uri="{63B3BB69-23CF-44E3-9099-C40C66FF867C}">
                  <a14:compatExt spid="_x0000_s1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52</xdr:row>
          <xdr:rowOff>542925</xdr:rowOff>
        </xdr:from>
        <xdr:to>
          <xdr:col>6</xdr:col>
          <xdr:colOff>314325</xdr:colOff>
          <xdr:row>52</xdr:row>
          <xdr:rowOff>762000</xdr:rowOff>
        </xdr:to>
        <xdr:sp macro="" textlink="">
          <xdr:nvSpPr>
            <xdr:cNvPr id="1104" name="Check Box 80" hidden="1">
              <a:extLst>
                <a:ext uri="{63B3BB69-23CF-44E3-9099-C40C66FF867C}">
                  <a14:compatExt spid="_x0000_s1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53</xdr:row>
          <xdr:rowOff>438150</xdr:rowOff>
        </xdr:from>
        <xdr:to>
          <xdr:col>5</xdr:col>
          <xdr:colOff>295275</xdr:colOff>
          <xdr:row>53</xdr:row>
          <xdr:rowOff>657225</xdr:rowOff>
        </xdr:to>
        <xdr:sp macro="" textlink="">
          <xdr:nvSpPr>
            <xdr:cNvPr id="1106" name="Check Box 82" hidden="1">
              <a:extLst>
                <a:ext uri="{63B3BB69-23CF-44E3-9099-C40C66FF867C}">
                  <a14:compatExt spid="_x0000_s1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3</xdr:row>
          <xdr:rowOff>438150</xdr:rowOff>
        </xdr:from>
        <xdr:to>
          <xdr:col>6</xdr:col>
          <xdr:colOff>304800</xdr:colOff>
          <xdr:row>53</xdr:row>
          <xdr:rowOff>657225</xdr:rowOff>
        </xdr:to>
        <xdr:sp macro="" textlink="">
          <xdr:nvSpPr>
            <xdr:cNvPr id="1108" name="Check Box 84" hidden="1">
              <a:extLst>
                <a:ext uri="{63B3BB69-23CF-44E3-9099-C40C66FF867C}">
                  <a14:compatExt spid="_x0000_s1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4</xdr:row>
          <xdr:rowOff>485775</xdr:rowOff>
        </xdr:from>
        <xdr:to>
          <xdr:col>5</xdr:col>
          <xdr:colOff>304800</xdr:colOff>
          <xdr:row>54</xdr:row>
          <xdr:rowOff>704850</xdr:rowOff>
        </xdr:to>
        <xdr:sp macro="" textlink="">
          <xdr:nvSpPr>
            <xdr:cNvPr id="1110" name="Check Box 86" hidden="1">
              <a:extLst>
                <a:ext uri="{63B3BB69-23CF-44E3-9099-C40C66FF867C}">
                  <a14:compatExt spid="_x0000_s1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54</xdr:row>
          <xdr:rowOff>485775</xdr:rowOff>
        </xdr:from>
        <xdr:to>
          <xdr:col>6</xdr:col>
          <xdr:colOff>314325</xdr:colOff>
          <xdr:row>54</xdr:row>
          <xdr:rowOff>704850</xdr:rowOff>
        </xdr:to>
        <xdr:sp macro="" textlink="">
          <xdr:nvSpPr>
            <xdr:cNvPr id="1111" name="Check Box 87" hidden="1">
              <a:extLst>
                <a:ext uri="{63B3BB69-23CF-44E3-9099-C40C66FF867C}">
                  <a14:compatExt spid="_x0000_s1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54</xdr:row>
          <xdr:rowOff>485775</xdr:rowOff>
        </xdr:from>
        <xdr:to>
          <xdr:col>7</xdr:col>
          <xdr:colOff>304800</xdr:colOff>
          <xdr:row>54</xdr:row>
          <xdr:rowOff>704850</xdr:rowOff>
        </xdr:to>
        <xdr:sp macro="" textlink="">
          <xdr:nvSpPr>
            <xdr:cNvPr id="1112" name="Check Box 88" hidden="1">
              <a:extLst>
                <a:ext uri="{63B3BB69-23CF-44E3-9099-C40C66FF867C}">
                  <a14:compatExt spid="_x0000_s1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56</xdr:row>
          <xdr:rowOff>266700</xdr:rowOff>
        </xdr:from>
        <xdr:to>
          <xdr:col>6</xdr:col>
          <xdr:colOff>314325</xdr:colOff>
          <xdr:row>56</xdr:row>
          <xdr:rowOff>485775</xdr:rowOff>
        </xdr:to>
        <xdr:sp macro="" textlink="">
          <xdr:nvSpPr>
            <xdr:cNvPr id="1113" name="Check Box 89" hidden="1">
              <a:extLst>
                <a:ext uri="{63B3BB69-23CF-44E3-9099-C40C66FF867C}">
                  <a14:compatExt spid="_x0000_s1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55</xdr:row>
          <xdr:rowOff>342900</xdr:rowOff>
        </xdr:from>
        <xdr:to>
          <xdr:col>6</xdr:col>
          <xdr:colOff>304800</xdr:colOff>
          <xdr:row>55</xdr:row>
          <xdr:rowOff>561975</xdr:rowOff>
        </xdr:to>
        <xdr:sp macro="" textlink="">
          <xdr:nvSpPr>
            <xdr:cNvPr id="1114" name="Check Box 90" hidden="1">
              <a:extLst>
                <a:ext uri="{63B3BB69-23CF-44E3-9099-C40C66FF867C}">
                  <a14:compatExt spid="_x0000_s1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56</xdr:row>
          <xdr:rowOff>276225</xdr:rowOff>
        </xdr:from>
        <xdr:to>
          <xdr:col>5</xdr:col>
          <xdr:colOff>314325</xdr:colOff>
          <xdr:row>56</xdr:row>
          <xdr:rowOff>495300</xdr:rowOff>
        </xdr:to>
        <xdr:sp macro="" textlink="">
          <xdr:nvSpPr>
            <xdr:cNvPr id="1116" name="Check Box 92" hidden="1">
              <a:extLst>
                <a:ext uri="{63B3BB69-23CF-44E3-9099-C40C66FF867C}">
                  <a14:compatExt spid="_x0000_s1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55</xdr:row>
          <xdr:rowOff>342900</xdr:rowOff>
        </xdr:from>
        <xdr:to>
          <xdr:col>5</xdr:col>
          <xdr:colOff>304800</xdr:colOff>
          <xdr:row>55</xdr:row>
          <xdr:rowOff>561975</xdr:rowOff>
        </xdr:to>
        <xdr:sp macro="" textlink="">
          <xdr:nvSpPr>
            <xdr:cNvPr id="1117" name="Check Box 93" hidden="1">
              <a:extLst>
                <a:ext uri="{63B3BB69-23CF-44E3-9099-C40C66FF867C}">
                  <a14:compatExt spid="_x0000_s1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57</xdr:row>
          <xdr:rowOff>276225</xdr:rowOff>
        </xdr:from>
        <xdr:to>
          <xdr:col>5</xdr:col>
          <xdr:colOff>314325</xdr:colOff>
          <xdr:row>57</xdr:row>
          <xdr:rowOff>495300</xdr:rowOff>
        </xdr:to>
        <xdr:sp macro="" textlink="">
          <xdr:nvSpPr>
            <xdr:cNvPr id="1119" name="Check Box 95" hidden="1">
              <a:extLst>
                <a:ext uri="{63B3BB69-23CF-44E3-9099-C40C66FF867C}">
                  <a14:compatExt spid="_x0000_s1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58</xdr:row>
          <xdr:rowOff>276225</xdr:rowOff>
        </xdr:from>
        <xdr:to>
          <xdr:col>5</xdr:col>
          <xdr:colOff>314325</xdr:colOff>
          <xdr:row>58</xdr:row>
          <xdr:rowOff>495300</xdr:rowOff>
        </xdr:to>
        <xdr:sp macro="" textlink="">
          <xdr:nvSpPr>
            <xdr:cNvPr id="1120" name="Check Box 96" hidden="1">
              <a:extLst>
                <a:ext uri="{63B3BB69-23CF-44E3-9099-C40C66FF867C}">
                  <a14:compatExt spid="_x0000_s1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59</xdr:row>
          <xdr:rowOff>276225</xdr:rowOff>
        </xdr:from>
        <xdr:to>
          <xdr:col>5</xdr:col>
          <xdr:colOff>314325</xdr:colOff>
          <xdr:row>59</xdr:row>
          <xdr:rowOff>495300</xdr:rowOff>
        </xdr:to>
        <xdr:sp macro="" textlink="">
          <xdr:nvSpPr>
            <xdr:cNvPr id="1122" name="Check Box 98" hidden="1">
              <a:extLst>
                <a:ext uri="{63B3BB69-23CF-44E3-9099-C40C66FF867C}">
                  <a14:compatExt spid="_x0000_s1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0</xdr:row>
          <xdr:rowOff>276225</xdr:rowOff>
        </xdr:from>
        <xdr:to>
          <xdr:col>5</xdr:col>
          <xdr:colOff>314325</xdr:colOff>
          <xdr:row>60</xdr:row>
          <xdr:rowOff>495300</xdr:rowOff>
        </xdr:to>
        <xdr:sp macro="" textlink="">
          <xdr:nvSpPr>
            <xdr:cNvPr id="1123" name="Check Box 99" hidden="1">
              <a:extLst>
                <a:ext uri="{63B3BB69-23CF-44E3-9099-C40C66FF867C}">
                  <a14:compatExt spid="_x0000_s1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2</xdr:row>
          <xdr:rowOff>276225</xdr:rowOff>
        </xdr:from>
        <xdr:to>
          <xdr:col>5</xdr:col>
          <xdr:colOff>314325</xdr:colOff>
          <xdr:row>62</xdr:row>
          <xdr:rowOff>495300</xdr:rowOff>
        </xdr:to>
        <xdr:sp macro="" textlink="">
          <xdr:nvSpPr>
            <xdr:cNvPr id="1124" name="Check Box 100" hidden="1">
              <a:extLst>
                <a:ext uri="{63B3BB69-23CF-44E3-9099-C40C66FF867C}">
                  <a14:compatExt spid="_x0000_s1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3</xdr:row>
          <xdr:rowOff>276225</xdr:rowOff>
        </xdr:from>
        <xdr:to>
          <xdr:col>5</xdr:col>
          <xdr:colOff>314325</xdr:colOff>
          <xdr:row>63</xdr:row>
          <xdr:rowOff>495300</xdr:rowOff>
        </xdr:to>
        <xdr:sp macro="" textlink="">
          <xdr:nvSpPr>
            <xdr:cNvPr id="1125" name="Check Box 101" hidden="1">
              <a:extLst>
                <a:ext uri="{63B3BB69-23CF-44E3-9099-C40C66FF867C}">
                  <a14:compatExt spid="_x0000_s1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1</xdr:row>
          <xdr:rowOff>276225</xdr:rowOff>
        </xdr:from>
        <xdr:to>
          <xdr:col>5</xdr:col>
          <xdr:colOff>314325</xdr:colOff>
          <xdr:row>61</xdr:row>
          <xdr:rowOff>495300</xdr:rowOff>
        </xdr:to>
        <xdr:sp macro="" textlink="">
          <xdr:nvSpPr>
            <xdr:cNvPr id="1126" name="Check Box 102" hidden="1">
              <a:extLst>
                <a:ext uri="{63B3BB69-23CF-44E3-9099-C40C66FF867C}">
                  <a14:compatExt spid="_x0000_s1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57</xdr:row>
          <xdr:rowOff>276225</xdr:rowOff>
        </xdr:from>
        <xdr:to>
          <xdr:col>6</xdr:col>
          <xdr:colOff>314325</xdr:colOff>
          <xdr:row>57</xdr:row>
          <xdr:rowOff>495300</xdr:rowOff>
        </xdr:to>
        <xdr:sp macro="" textlink="">
          <xdr:nvSpPr>
            <xdr:cNvPr id="1128" name="Check Box 104" hidden="1">
              <a:extLst>
                <a:ext uri="{63B3BB69-23CF-44E3-9099-C40C66FF867C}">
                  <a14:compatExt spid="_x0000_s1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58</xdr:row>
          <xdr:rowOff>276225</xdr:rowOff>
        </xdr:from>
        <xdr:to>
          <xdr:col>6</xdr:col>
          <xdr:colOff>314325</xdr:colOff>
          <xdr:row>58</xdr:row>
          <xdr:rowOff>495300</xdr:rowOff>
        </xdr:to>
        <xdr:sp macro="" textlink="">
          <xdr:nvSpPr>
            <xdr:cNvPr id="1129" name="Check Box 105" hidden="1">
              <a:extLst>
                <a:ext uri="{63B3BB69-23CF-44E3-9099-C40C66FF867C}">
                  <a14:compatExt spid="_x0000_s1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59</xdr:row>
          <xdr:rowOff>276225</xdr:rowOff>
        </xdr:from>
        <xdr:to>
          <xdr:col>6</xdr:col>
          <xdr:colOff>314325</xdr:colOff>
          <xdr:row>59</xdr:row>
          <xdr:rowOff>495300</xdr:rowOff>
        </xdr:to>
        <xdr:sp macro="" textlink="">
          <xdr:nvSpPr>
            <xdr:cNvPr id="1130" name="Check Box 106" hidden="1">
              <a:extLst>
                <a:ext uri="{63B3BB69-23CF-44E3-9099-C40C66FF867C}">
                  <a14:compatExt spid="_x0000_s1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0</xdr:row>
          <xdr:rowOff>276225</xdr:rowOff>
        </xdr:from>
        <xdr:to>
          <xdr:col>6</xdr:col>
          <xdr:colOff>314325</xdr:colOff>
          <xdr:row>60</xdr:row>
          <xdr:rowOff>495300</xdr:rowOff>
        </xdr:to>
        <xdr:sp macro="" textlink="">
          <xdr:nvSpPr>
            <xdr:cNvPr id="1132" name="Check Box 108" hidden="1">
              <a:extLst>
                <a:ext uri="{63B3BB69-23CF-44E3-9099-C40C66FF867C}">
                  <a14:compatExt spid="_x0000_s1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1</xdr:row>
          <xdr:rowOff>276225</xdr:rowOff>
        </xdr:from>
        <xdr:to>
          <xdr:col>6</xdr:col>
          <xdr:colOff>314325</xdr:colOff>
          <xdr:row>61</xdr:row>
          <xdr:rowOff>495300</xdr:rowOff>
        </xdr:to>
        <xdr:sp macro="" textlink="">
          <xdr:nvSpPr>
            <xdr:cNvPr id="1133" name="Check Box 109" hidden="1">
              <a:extLst>
                <a:ext uri="{63B3BB69-23CF-44E3-9099-C40C66FF867C}">
                  <a14:compatExt spid="_x0000_s1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2</xdr:row>
          <xdr:rowOff>276225</xdr:rowOff>
        </xdr:from>
        <xdr:to>
          <xdr:col>6</xdr:col>
          <xdr:colOff>314325</xdr:colOff>
          <xdr:row>62</xdr:row>
          <xdr:rowOff>495300</xdr:rowOff>
        </xdr:to>
        <xdr:sp macro="" textlink="">
          <xdr:nvSpPr>
            <xdr:cNvPr id="1134" name="Check Box 110" hidden="1">
              <a:extLst>
                <a:ext uri="{63B3BB69-23CF-44E3-9099-C40C66FF867C}">
                  <a14:compatExt spid="_x0000_s1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3</xdr:row>
          <xdr:rowOff>276225</xdr:rowOff>
        </xdr:from>
        <xdr:to>
          <xdr:col>6</xdr:col>
          <xdr:colOff>314325</xdr:colOff>
          <xdr:row>63</xdr:row>
          <xdr:rowOff>495300</xdr:rowOff>
        </xdr:to>
        <xdr:sp macro="" textlink="">
          <xdr:nvSpPr>
            <xdr:cNvPr id="1135" name="Check Box 111" hidden="1">
              <a:extLst>
                <a:ext uri="{63B3BB69-23CF-44E3-9099-C40C66FF867C}">
                  <a14:compatExt spid="_x0000_s1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61</xdr:row>
          <xdr:rowOff>276225</xdr:rowOff>
        </xdr:from>
        <xdr:to>
          <xdr:col>7</xdr:col>
          <xdr:colOff>314325</xdr:colOff>
          <xdr:row>61</xdr:row>
          <xdr:rowOff>495300</xdr:rowOff>
        </xdr:to>
        <xdr:sp macro="" textlink="">
          <xdr:nvSpPr>
            <xdr:cNvPr id="1136" name="Check Box 112" hidden="1">
              <a:extLst>
                <a:ext uri="{63B3BB69-23CF-44E3-9099-C40C66FF867C}">
                  <a14:compatExt spid="_x0000_s1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4</xdr:row>
          <xdr:rowOff>276225</xdr:rowOff>
        </xdr:from>
        <xdr:to>
          <xdr:col>5</xdr:col>
          <xdr:colOff>314325</xdr:colOff>
          <xdr:row>64</xdr:row>
          <xdr:rowOff>495300</xdr:rowOff>
        </xdr:to>
        <xdr:sp macro="" textlink="">
          <xdr:nvSpPr>
            <xdr:cNvPr id="1137" name="Check Box 113" hidden="1">
              <a:extLst>
                <a:ext uri="{63B3BB69-23CF-44E3-9099-C40C66FF867C}">
                  <a14:compatExt spid="_x0000_s1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5</xdr:row>
          <xdr:rowOff>276225</xdr:rowOff>
        </xdr:from>
        <xdr:to>
          <xdr:col>5</xdr:col>
          <xdr:colOff>314325</xdr:colOff>
          <xdr:row>65</xdr:row>
          <xdr:rowOff>495300</xdr:rowOff>
        </xdr:to>
        <xdr:sp macro="" textlink="">
          <xdr:nvSpPr>
            <xdr:cNvPr id="1138" name="Check Box 114" hidden="1">
              <a:extLst>
                <a:ext uri="{63B3BB69-23CF-44E3-9099-C40C66FF867C}">
                  <a14:compatExt spid="_x0000_s1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6</xdr:row>
          <xdr:rowOff>276225</xdr:rowOff>
        </xdr:from>
        <xdr:to>
          <xdr:col>5</xdr:col>
          <xdr:colOff>314325</xdr:colOff>
          <xdr:row>66</xdr:row>
          <xdr:rowOff>495300</xdr:rowOff>
        </xdr:to>
        <xdr:sp macro="" textlink="">
          <xdr:nvSpPr>
            <xdr:cNvPr id="1139" name="Check Box 115" hidden="1">
              <a:extLst>
                <a:ext uri="{63B3BB69-23CF-44E3-9099-C40C66FF867C}">
                  <a14:compatExt spid="_x0000_s1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7</xdr:row>
          <xdr:rowOff>276225</xdr:rowOff>
        </xdr:from>
        <xdr:to>
          <xdr:col>5</xdr:col>
          <xdr:colOff>314325</xdr:colOff>
          <xdr:row>67</xdr:row>
          <xdr:rowOff>495300</xdr:rowOff>
        </xdr:to>
        <xdr:sp macro="" textlink="">
          <xdr:nvSpPr>
            <xdr:cNvPr id="1140" name="Check Box 116" hidden="1">
              <a:extLst>
                <a:ext uri="{63B3BB69-23CF-44E3-9099-C40C66FF867C}">
                  <a14:compatExt spid="_x0000_s1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8</xdr:row>
          <xdr:rowOff>276225</xdr:rowOff>
        </xdr:from>
        <xdr:to>
          <xdr:col>5</xdr:col>
          <xdr:colOff>314325</xdr:colOff>
          <xdr:row>68</xdr:row>
          <xdr:rowOff>495300</xdr:rowOff>
        </xdr:to>
        <xdr:sp macro="" textlink="">
          <xdr:nvSpPr>
            <xdr:cNvPr id="1141" name="Check Box 117" hidden="1">
              <a:extLst>
                <a:ext uri="{63B3BB69-23CF-44E3-9099-C40C66FF867C}">
                  <a14:compatExt spid="_x0000_s1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69</xdr:row>
          <xdr:rowOff>276225</xdr:rowOff>
        </xdr:from>
        <xdr:to>
          <xdr:col>5</xdr:col>
          <xdr:colOff>314325</xdr:colOff>
          <xdr:row>69</xdr:row>
          <xdr:rowOff>495300</xdr:rowOff>
        </xdr:to>
        <xdr:sp macro="" textlink="">
          <xdr:nvSpPr>
            <xdr:cNvPr id="1142" name="Check Box 118" hidden="1">
              <a:extLst>
                <a:ext uri="{63B3BB69-23CF-44E3-9099-C40C66FF867C}">
                  <a14:compatExt spid="_x0000_s1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70</xdr:row>
          <xdr:rowOff>276225</xdr:rowOff>
        </xdr:from>
        <xdr:to>
          <xdr:col>5</xdr:col>
          <xdr:colOff>314325</xdr:colOff>
          <xdr:row>70</xdr:row>
          <xdr:rowOff>495300</xdr:rowOff>
        </xdr:to>
        <xdr:sp macro="" textlink="">
          <xdr:nvSpPr>
            <xdr:cNvPr id="1144" name="Check Box 120" hidden="1">
              <a:extLst>
                <a:ext uri="{63B3BB69-23CF-44E3-9099-C40C66FF867C}">
                  <a14:compatExt spid="_x0000_s1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71</xdr:row>
          <xdr:rowOff>276225</xdr:rowOff>
        </xdr:from>
        <xdr:to>
          <xdr:col>5</xdr:col>
          <xdr:colOff>314325</xdr:colOff>
          <xdr:row>71</xdr:row>
          <xdr:rowOff>495300</xdr:rowOff>
        </xdr:to>
        <xdr:sp macro="" textlink="">
          <xdr:nvSpPr>
            <xdr:cNvPr id="1145" name="Check Box 121" hidden="1">
              <a:extLst>
                <a:ext uri="{63B3BB69-23CF-44E3-9099-C40C66FF867C}">
                  <a14:compatExt spid="_x0000_s1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72</xdr:row>
          <xdr:rowOff>276225</xdr:rowOff>
        </xdr:from>
        <xdr:to>
          <xdr:col>5</xdr:col>
          <xdr:colOff>314325</xdr:colOff>
          <xdr:row>72</xdr:row>
          <xdr:rowOff>495300</xdr:rowOff>
        </xdr:to>
        <xdr:sp macro="" textlink="">
          <xdr:nvSpPr>
            <xdr:cNvPr id="1147" name="Check Box 123" hidden="1">
              <a:extLst>
                <a:ext uri="{63B3BB69-23CF-44E3-9099-C40C66FF867C}">
                  <a14:compatExt spid="_x0000_s1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73</xdr:row>
          <xdr:rowOff>276225</xdr:rowOff>
        </xdr:from>
        <xdr:to>
          <xdr:col>5</xdr:col>
          <xdr:colOff>314325</xdr:colOff>
          <xdr:row>73</xdr:row>
          <xdr:rowOff>495300</xdr:rowOff>
        </xdr:to>
        <xdr:sp macro="" textlink="">
          <xdr:nvSpPr>
            <xdr:cNvPr id="1148" name="Check Box 124" hidden="1">
              <a:extLst>
                <a:ext uri="{63B3BB69-23CF-44E3-9099-C40C66FF867C}">
                  <a14:compatExt spid="_x0000_s1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74</xdr:row>
          <xdr:rowOff>276225</xdr:rowOff>
        </xdr:from>
        <xdr:to>
          <xdr:col>5</xdr:col>
          <xdr:colOff>314325</xdr:colOff>
          <xdr:row>74</xdr:row>
          <xdr:rowOff>495300</xdr:rowOff>
        </xdr:to>
        <xdr:sp macro="" textlink="">
          <xdr:nvSpPr>
            <xdr:cNvPr id="1149" name="Check Box 125" hidden="1">
              <a:extLst>
                <a:ext uri="{63B3BB69-23CF-44E3-9099-C40C66FF867C}">
                  <a14:compatExt spid="_x0000_s1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4</xdr:row>
          <xdr:rowOff>276225</xdr:rowOff>
        </xdr:from>
        <xdr:to>
          <xdr:col>6</xdr:col>
          <xdr:colOff>314325</xdr:colOff>
          <xdr:row>64</xdr:row>
          <xdr:rowOff>495300</xdr:rowOff>
        </xdr:to>
        <xdr:sp macro="" textlink="">
          <xdr:nvSpPr>
            <xdr:cNvPr id="1150" name="Check Box 126" hidden="1">
              <a:extLst>
                <a:ext uri="{63B3BB69-23CF-44E3-9099-C40C66FF867C}">
                  <a14:compatExt spid="_x0000_s1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5</xdr:row>
          <xdr:rowOff>276225</xdr:rowOff>
        </xdr:from>
        <xdr:to>
          <xdr:col>6</xdr:col>
          <xdr:colOff>314325</xdr:colOff>
          <xdr:row>65</xdr:row>
          <xdr:rowOff>495300</xdr:rowOff>
        </xdr:to>
        <xdr:sp macro="" textlink="">
          <xdr:nvSpPr>
            <xdr:cNvPr id="1151" name="Check Box 127" hidden="1">
              <a:extLst>
                <a:ext uri="{63B3BB69-23CF-44E3-9099-C40C66FF867C}">
                  <a14:compatExt spid="_x0000_s1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6</xdr:row>
          <xdr:rowOff>276225</xdr:rowOff>
        </xdr:from>
        <xdr:to>
          <xdr:col>6</xdr:col>
          <xdr:colOff>314325</xdr:colOff>
          <xdr:row>66</xdr:row>
          <xdr:rowOff>495300</xdr:rowOff>
        </xdr:to>
        <xdr:sp macro="" textlink="">
          <xdr:nvSpPr>
            <xdr:cNvPr id="1152" name="Check Box 128" hidden="1">
              <a:extLst>
                <a:ext uri="{63B3BB69-23CF-44E3-9099-C40C66FF867C}">
                  <a14:compatExt spid="_x0000_s1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7</xdr:row>
          <xdr:rowOff>276225</xdr:rowOff>
        </xdr:from>
        <xdr:to>
          <xdr:col>6</xdr:col>
          <xdr:colOff>314325</xdr:colOff>
          <xdr:row>67</xdr:row>
          <xdr:rowOff>495300</xdr:rowOff>
        </xdr:to>
        <xdr:sp macro="" textlink="">
          <xdr:nvSpPr>
            <xdr:cNvPr id="1153" name="Check Box 129" hidden="1">
              <a:extLst>
                <a:ext uri="{63B3BB69-23CF-44E3-9099-C40C66FF867C}">
                  <a14:compatExt spid="_x0000_s1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8</xdr:row>
          <xdr:rowOff>276225</xdr:rowOff>
        </xdr:from>
        <xdr:to>
          <xdr:col>6</xdr:col>
          <xdr:colOff>314325</xdr:colOff>
          <xdr:row>68</xdr:row>
          <xdr:rowOff>495300</xdr:rowOff>
        </xdr:to>
        <xdr:sp macro="" textlink="">
          <xdr:nvSpPr>
            <xdr:cNvPr id="1154" name="Check Box 130" hidden="1">
              <a:extLst>
                <a:ext uri="{63B3BB69-23CF-44E3-9099-C40C66FF867C}">
                  <a14:compatExt spid="_x0000_s1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69</xdr:row>
          <xdr:rowOff>276225</xdr:rowOff>
        </xdr:from>
        <xdr:to>
          <xdr:col>6</xdr:col>
          <xdr:colOff>314325</xdr:colOff>
          <xdr:row>69</xdr:row>
          <xdr:rowOff>495300</xdr:rowOff>
        </xdr:to>
        <xdr:sp macro="" textlink="">
          <xdr:nvSpPr>
            <xdr:cNvPr id="1155" name="Check Box 131" hidden="1">
              <a:extLst>
                <a:ext uri="{63B3BB69-23CF-44E3-9099-C40C66FF867C}">
                  <a14:compatExt spid="_x0000_s1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0</xdr:row>
          <xdr:rowOff>276225</xdr:rowOff>
        </xdr:from>
        <xdr:to>
          <xdr:col>6</xdr:col>
          <xdr:colOff>314325</xdr:colOff>
          <xdr:row>70</xdr:row>
          <xdr:rowOff>495300</xdr:rowOff>
        </xdr:to>
        <xdr:sp macro="" textlink="">
          <xdr:nvSpPr>
            <xdr:cNvPr id="1157" name="Check Box 133" hidden="1">
              <a:extLst>
                <a:ext uri="{63B3BB69-23CF-44E3-9099-C40C66FF867C}">
                  <a14:compatExt spid="_x0000_s1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1</xdr:row>
          <xdr:rowOff>276225</xdr:rowOff>
        </xdr:from>
        <xdr:to>
          <xdr:col>6</xdr:col>
          <xdr:colOff>314325</xdr:colOff>
          <xdr:row>71</xdr:row>
          <xdr:rowOff>495300</xdr:rowOff>
        </xdr:to>
        <xdr:sp macro="" textlink="">
          <xdr:nvSpPr>
            <xdr:cNvPr id="1158" name="Check Box 134" hidden="1">
              <a:extLst>
                <a:ext uri="{63B3BB69-23CF-44E3-9099-C40C66FF867C}">
                  <a14:compatExt spid="_x0000_s1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2</xdr:row>
          <xdr:rowOff>276225</xdr:rowOff>
        </xdr:from>
        <xdr:to>
          <xdr:col>6</xdr:col>
          <xdr:colOff>314325</xdr:colOff>
          <xdr:row>72</xdr:row>
          <xdr:rowOff>495300</xdr:rowOff>
        </xdr:to>
        <xdr:sp macro="" textlink="">
          <xdr:nvSpPr>
            <xdr:cNvPr id="1159" name="Check Box 135" hidden="1">
              <a:extLst>
                <a:ext uri="{63B3BB69-23CF-44E3-9099-C40C66FF867C}">
                  <a14:compatExt spid="_x0000_s1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3</xdr:row>
          <xdr:rowOff>276225</xdr:rowOff>
        </xdr:from>
        <xdr:to>
          <xdr:col>6</xdr:col>
          <xdr:colOff>314325</xdr:colOff>
          <xdr:row>73</xdr:row>
          <xdr:rowOff>495300</xdr:rowOff>
        </xdr:to>
        <xdr:sp macro="" textlink="">
          <xdr:nvSpPr>
            <xdr:cNvPr id="1160" name="Check Box 136" hidden="1">
              <a:extLst>
                <a:ext uri="{63B3BB69-23CF-44E3-9099-C40C66FF867C}">
                  <a14:compatExt spid="_x0000_s1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4</xdr:row>
          <xdr:rowOff>276225</xdr:rowOff>
        </xdr:from>
        <xdr:to>
          <xdr:col>6</xdr:col>
          <xdr:colOff>314325</xdr:colOff>
          <xdr:row>74</xdr:row>
          <xdr:rowOff>495300</xdr:rowOff>
        </xdr:to>
        <xdr:sp macro="" textlink="">
          <xdr:nvSpPr>
            <xdr:cNvPr id="1162" name="Check Box 138" hidden="1">
              <a:extLst>
                <a:ext uri="{63B3BB69-23CF-44E3-9099-C40C66FF867C}">
                  <a14:compatExt spid="_x0000_s1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64</xdr:row>
          <xdr:rowOff>276225</xdr:rowOff>
        </xdr:from>
        <xdr:to>
          <xdr:col>7</xdr:col>
          <xdr:colOff>314325</xdr:colOff>
          <xdr:row>64</xdr:row>
          <xdr:rowOff>495300</xdr:rowOff>
        </xdr:to>
        <xdr:sp macro="" textlink="">
          <xdr:nvSpPr>
            <xdr:cNvPr id="1163" name="Check Box 139" hidden="1">
              <a:extLst>
                <a:ext uri="{63B3BB69-23CF-44E3-9099-C40C66FF867C}">
                  <a14:compatExt spid="_x0000_s1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75</xdr:row>
          <xdr:rowOff>276225</xdr:rowOff>
        </xdr:from>
        <xdr:to>
          <xdr:col>5</xdr:col>
          <xdr:colOff>314325</xdr:colOff>
          <xdr:row>75</xdr:row>
          <xdr:rowOff>495300</xdr:rowOff>
        </xdr:to>
        <xdr:sp macro="" textlink="">
          <xdr:nvSpPr>
            <xdr:cNvPr id="1164" name="Check Box 140" hidden="1">
              <a:extLst>
                <a:ext uri="{63B3BB69-23CF-44E3-9099-C40C66FF867C}">
                  <a14:compatExt spid="_x0000_s1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76</xdr:row>
          <xdr:rowOff>190500</xdr:rowOff>
        </xdr:from>
        <xdr:to>
          <xdr:col>5</xdr:col>
          <xdr:colOff>314325</xdr:colOff>
          <xdr:row>76</xdr:row>
          <xdr:rowOff>409575</xdr:rowOff>
        </xdr:to>
        <xdr:sp macro="" textlink="">
          <xdr:nvSpPr>
            <xdr:cNvPr id="1165" name="Check Box 141" hidden="1">
              <a:extLst>
                <a:ext uri="{63B3BB69-23CF-44E3-9099-C40C66FF867C}">
                  <a14:compatExt spid="_x0000_s1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77</xdr:row>
          <xdr:rowOff>161925</xdr:rowOff>
        </xdr:from>
        <xdr:to>
          <xdr:col>5</xdr:col>
          <xdr:colOff>314325</xdr:colOff>
          <xdr:row>77</xdr:row>
          <xdr:rowOff>381000</xdr:rowOff>
        </xdr:to>
        <xdr:sp macro="" textlink="">
          <xdr:nvSpPr>
            <xdr:cNvPr id="1166" name="Check Box 142" hidden="1">
              <a:extLst>
                <a:ext uri="{63B3BB69-23CF-44E3-9099-C40C66FF867C}">
                  <a14:compatExt spid="_x0000_s1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8</xdr:row>
          <xdr:rowOff>552450</xdr:rowOff>
        </xdr:from>
        <xdr:to>
          <xdr:col>5</xdr:col>
          <xdr:colOff>295275</xdr:colOff>
          <xdr:row>78</xdr:row>
          <xdr:rowOff>771525</xdr:rowOff>
        </xdr:to>
        <xdr:sp macro="" textlink="">
          <xdr:nvSpPr>
            <xdr:cNvPr id="1167" name="Check Box 143" hidden="1">
              <a:extLst>
                <a:ext uri="{63B3BB69-23CF-44E3-9099-C40C66FF867C}">
                  <a14:compatExt spid="_x0000_s1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79</xdr:row>
          <xdr:rowOff>0</xdr:rowOff>
        </xdr:from>
        <xdr:to>
          <xdr:col>5</xdr:col>
          <xdr:colOff>295275</xdr:colOff>
          <xdr:row>79</xdr:row>
          <xdr:rowOff>219075</xdr:rowOff>
        </xdr:to>
        <xdr:sp macro="" textlink="">
          <xdr:nvSpPr>
            <xdr:cNvPr id="1168" name="Check Box 144" hidden="1">
              <a:extLst>
                <a:ext uri="{63B3BB69-23CF-44E3-9099-C40C66FF867C}">
                  <a14:compatExt spid="_x0000_s1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79</xdr:row>
          <xdr:rowOff>0</xdr:rowOff>
        </xdr:from>
        <xdr:to>
          <xdr:col>5</xdr:col>
          <xdr:colOff>304800</xdr:colOff>
          <xdr:row>79</xdr:row>
          <xdr:rowOff>219075</xdr:rowOff>
        </xdr:to>
        <xdr:sp macro="" textlink="">
          <xdr:nvSpPr>
            <xdr:cNvPr id="1169" name="Check Box 145" hidden="1">
              <a:extLst>
                <a:ext uri="{63B3BB69-23CF-44E3-9099-C40C66FF867C}">
                  <a14:compatExt spid="_x0000_s1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79</xdr:row>
          <xdr:rowOff>0</xdr:rowOff>
        </xdr:from>
        <xdr:to>
          <xdr:col>5</xdr:col>
          <xdr:colOff>304800</xdr:colOff>
          <xdr:row>79</xdr:row>
          <xdr:rowOff>219075</xdr:rowOff>
        </xdr:to>
        <xdr:sp macro="" textlink="">
          <xdr:nvSpPr>
            <xdr:cNvPr id="1170" name="Check Box 146" hidden="1">
              <a:extLst>
                <a:ext uri="{63B3BB69-23CF-44E3-9099-C40C66FF867C}">
                  <a14:compatExt spid="_x0000_s1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79</xdr:row>
          <xdr:rowOff>276225</xdr:rowOff>
        </xdr:from>
        <xdr:to>
          <xdr:col>5</xdr:col>
          <xdr:colOff>314325</xdr:colOff>
          <xdr:row>79</xdr:row>
          <xdr:rowOff>495300</xdr:rowOff>
        </xdr:to>
        <xdr:sp macro="" textlink="">
          <xdr:nvSpPr>
            <xdr:cNvPr id="1171" name="Check Box 147" hidden="1">
              <a:extLst>
                <a:ext uri="{63B3BB69-23CF-44E3-9099-C40C66FF867C}">
                  <a14:compatExt spid="_x0000_s1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80</xdr:row>
          <xdr:rowOff>276225</xdr:rowOff>
        </xdr:from>
        <xdr:to>
          <xdr:col>5</xdr:col>
          <xdr:colOff>314325</xdr:colOff>
          <xdr:row>80</xdr:row>
          <xdr:rowOff>495300</xdr:rowOff>
        </xdr:to>
        <xdr:sp macro="" textlink="">
          <xdr:nvSpPr>
            <xdr:cNvPr id="1172" name="Check Box 148" hidden="1">
              <a:extLst>
                <a:ext uri="{63B3BB69-23CF-44E3-9099-C40C66FF867C}">
                  <a14:compatExt spid="_x0000_s1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81</xdr:row>
          <xdr:rowOff>161925</xdr:rowOff>
        </xdr:from>
        <xdr:to>
          <xdr:col>5</xdr:col>
          <xdr:colOff>314325</xdr:colOff>
          <xdr:row>81</xdr:row>
          <xdr:rowOff>381000</xdr:rowOff>
        </xdr:to>
        <xdr:sp macro="" textlink="">
          <xdr:nvSpPr>
            <xdr:cNvPr id="1173" name="Check Box 149" hidden="1">
              <a:extLst>
                <a:ext uri="{63B3BB69-23CF-44E3-9099-C40C66FF867C}">
                  <a14:compatExt spid="_x0000_s1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47625</xdr:colOff>
          <xdr:row>82</xdr:row>
          <xdr:rowOff>1114425</xdr:rowOff>
        </xdr:from>
        <xdr:to>
          <xdr:col>5</xdr:col>
          <xdr:colOff>266700</xdr:colOff>
          <xdr:row>82</xdr:row>
          <xdr:rowOff>1333500</xdr:rowOff>
        </xdr:to>
        <xdr:sp macro="" textlink="">
          <xdr:nvSpPr>
            <xdr:cNvPr id="1174" name="Check Box 150" hidden="1">
              <a:extLst>
                <a:ext uri="{63B3BB69-23CF-44E3-9099-C40C66FF867C}">
                  <a14:compatExt spid="_x0000_s1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5</xdr:row>
          <xdr:rowOff>276225</xdr:rowOff>
        </xdr:from>
        <xdr:to>
          <xdr:col>6</xdr:col>
          <xdr:colOff>314325</xdr:colOff>
          <xdr:row>75</xdr:row>
          <xdr:rowOff>495300</xdr:rowOff>
        </xdr:to>
        <xdr:sp macro="" textlink="">
          <xdr:nvSpPr>
            <xdr:cNvPr id="1175" name="Check Box 151" hidden="1">
              <a:extLst>
                <a:ext uri="{63B3BB69-23CF-44E3-9099-C40C66FF867C}">
                  <a14:compatExt spid="_x0000_s1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76</xdr:row>
          <xdr:rowOff>190500</xdr:rowOff>
        </xdr:from>
        <xdr:to>
          <xdr:col>6</xdr:col>
          <xdr:colOff>304800</xdr:colOff>
          <xdr:row>76</xdr:row>
          <xdr:rowOff>409575</xdr:rowOff>
        </xdr:to>
        <xdr:sp macro="" textlink="">
          <xdr:nvSpPr>
            <xdr:cNvPr id="1176" name="Check Box 152" hidden="1">
              <a:extLst>
                <a:ext uri="{63B3BB69-23CF-44E3-9099-C40C66FF867C}">
                  <a14:compatExt spid="_x0000_s1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7</xdr:row>
          <xdr:rowOff>152400</xdr:rowOff>
        </xdr:from>
        <xdr:to>
          <xdr:col>6</xdr:col>
          <xdr:colOff>314325</xdr:colOff>
          <xdr:row>77</xdr:row>
          <xdr:rowOff>371475</xdr:rowOff>
        </xdr:to>
        <xdr:sp macro="" textlink="">
          <xdr:nvSpPr>
            <xdr:cNvPr id="1178" name="Check Box 154" hidden="1">
              <a:extLst>
                <a:ext uri="{63B3BB69-23CF-44E3-9099-C40C66FF867C}">
                  <a14:compatExt spid="_x0000_s1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78</xdr:row>
          <xdr:rowOff>552450</xdr:rowOff>
        </xdr:from>
        <xdr:to>
          <xdr:col>6</xdr:col>
          <xdr:colOff>295275</xdr:colOff>
          <xdr:row>78</xdr:row>
          <xdr:rowOff>771525</xdr:rowOff>
        </xdr:to>
        <xdr:sp macro="" textlink="">
          <xdr:nvSpPr>
            <xdr:cNvPr id="1179" name="Check Box 155" hidden="1">
              <a:extLst>
                <a:ext uri="{63B3BB69-23CF-44E3-9099-C40C66FF867C}">
                  <a14:compatExt spid="_x0000_s1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79</xdr:row>
          <xdr:rowOff>0</xdr:rowOff>
        </xdr:from>
        <xdr:to>
          <xdr:col>6</xdr:col>
          <xdr:colOff>323850</xdr:colOff>
          <xdr:row>79</xdr:row>
          <xdr:rowOff>219075</xdr:rowOff>
        </xdr:to>
        <xdr:sp macro="" textlink="">
          <xdr:nvSpPr>
            <xdr:cNvPr id="1181" name="Check Box 157" hidden="1">
              <a:extLst>
                <a:ext uri="{63B3BB69-23CF-44E3-9099-C40C66FF867C}">
                  <a14:compatExt spid="_x0000_s1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79</xdr:row>
          <xdr:rowOff>0</xdr:rowOff>
        </xdr:from>
        <xdr:to>
          <xdr:col>6</xdr:col>
          <xdr:colOff>323850</xdr:colOff>
          <xdr:row>79</xdr:row>
          <xdr:rowOff>219075</xdr:rowOff>
        </xdr:to>
        <xdr:sp macro="" textlink="">
          <xdr:nvSpPr>
            <xdr:cNvPr id="1183" name="Check Box 159" hidden="1">
              <a:extLst>
                <a:ext uri="{63B3BB69-23CF-44E3-9099-C40C66FF867C}">
                  <a14:compatExt spid="_x0000_s1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9</xdr:row>
          <xdr:rowOff>0</xdr:rowOff>
        </xdr:from>
        <xdr:to>
          <xdr:col>6</xdr:col>
          <xdr:colOff>314325</xdr:colOff>
          <xdr:row>79</xdr:row>
          <xdr:rowOff>219075</xdr:rowOff>
        </xdr:to>
        <xdr:sp macro="" textlink="">
          <xdr:nvSpPr>
            <xdr:cNvPr id="1185" name="Check Box 161" hidden="1">
              <a:extLst>
                <a:ext uri="{63B3BB69-23CF-44E3-9099-C40C66FF867C}">
                  <a14:compatExt spid="_x0000_s1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79</xdr:row>
          <xdr:rowOff>276225</xdr:rowOff>
        </xdr:from>
        <xdr:to>
          <xdr:col>6</xdr:col>
          <xdr:colOff>314325</xdr:colOff>
          <xdr:row>79</xdr:row>
          <xdr:rowOff>495300</xdr:rowOff>
        </xdr:to>
        <xdr:sp macro="" textlink="">
          <xdr:nvSpPr>
            <xdr:cNvPr id="1186" name="Check Box 162" hidden="1">
              <a:extLst>
                <a:ext uri="{63B3BB69-23CF-44E3-9099-C40C66FF867C}">
                  <a14:compatExt spid="_x0000_s1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80</xdr:row>
          <xdr:rowOff>276225</xdr:rowOff>
        </xdr:from>
        <xdr:to>
          <xdr:col>6</xdr:col>
          <xdr:colOff>314325</xdr:colOff>
          <xdr:row>80</xdr:row>
          <xdr:rowOff>495300</xdr:rowOff>
        </xdr:to>
        <xdr:sp macro="" textlink="">
          <xdr:nvSpPr>
            <xdr:cNvPr id="1187" name="Check Box 163" hidden="1">
              <a:extLst>
                <a:ext uri="{63B3BB69-23CF-44E3-9099-C40C66FF867C}">
                  <a14:compatExt spid="_x0000_s1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81</xdr:row>
          <xdr:rowOff>171450</xdr:rowOff>
        </xdr:from>
        <xdr:to>
          <xdr:col>6</xdr:col>
          <xdr:colOff>323850</xdr:colOff>
          <xdr:row>81</xdr:row>
          <xdr:rowOff>390525</xdr:rowOff>
        </xdr:to>
        <xdr:sp macro="" textlink="">
          <xdr:nvSpPr>
            <xdr:cNvPr id="1188" name="Check Box 164" hidden="1">
              <a:extLst>
                <a:ext uri="{63B3BB69-23CF-44E3-9099-C40C66FF867C}">
                  <a14:compatExt spid="_x0000_s1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82</xdr:row>
          <xdr:rowOff>1104900</xdr:rowOff>
        </xdr:from>
        <xdr:to>
          <xdr:col>6</xdr:col>
          <xdr:colOff>304800</xdr:colOff>
          <xdr:row>82</xdr:row>
          <xdr:rowOff>1323975</xdr:rowOff>
        </xdr:to>
        <xdr:sp macro="" textlink="">
          <xdr:nvSpPr>
            <xdr:cNvPr id="1189" name="Check Box 165" hidden="1">
              <a:extLst>
                <a:ext uri="{63B3BB69-23CF-44E3-9099-C40C66FF867C}">
                  <a14:compatExt spid="_x0000_s1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4775</xdr:colOff>
          <xdr:row>78</xdr:row>
          <xdr:rowOff>552450</xdr:rowOff>
        </xdr:from>
        <xdr:to>
          <xdr:col>7</xdr:col>
          <xdr:colOff>323850</xdr:colOff>
          <xdr:row>78</xdr:row>
          <xdr:rowOff>771525</xdr:rowOff>
        </xdr:to>
        <xdr:sp macro="" textlink="">
          <xdr:nvSpPr>
            <xdr:cNvPr id="1190" name="Check Box 166" hidden="1">
              <a:extLst>
                <a:ext uri="{63B3BB69-23CF-44E3-9099-C40C66FF867C}">
                  <a14:compatExt spid="_x0000_s1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83</xdr:row>
          <xdr:rowOff>276225</xdr:rowOff>
        </xdr:from>
        <xdr:to>
          <xdr:col>5</xdr:col>
          <xdr:colOff>314325</xdr:colOff>
          <xdr:row>83</xdr:row>
          <xdr:rowOff>495300</xdr:rowOff>
        </xdr:to>
        <xdr:sp macro="" textlink="">
          <xdr:nvSpPr>
            <xdr:cNvPr id="1191" name="Check Box 167" hidden="1">
              <a:extLst>
                <a:ext uri="{63B3BB69-23CF-44E3-9099-C40C66FF867C}">
                  <a14:compatExt spid="_x0000_s1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84</xdr:row>
          <xdr:rowOff>276225</xdr:rowOff>
        </xdr:from>
        <xdr:to>
          <xdr:col>5</xdr:col>
          <xdr:colOff>314325</xdr:colOff>
          <xdr:row>84</xdr:row>
          <xdr:rowOff>495300</xdr:rowOff>
        </xdr:to>
        <xdr:sp macro="" textlink="">
          <xdr:nvSpPr>
            <xdr:cNvPr id="1192" name="Check Box 168" hidden="1">
              <a:extLst>
                <a:ext uri="{63B3BB69-23CF-44E3-9099-C40C66FF867C}">
                  <a14:compatExt spid="_x0000_s1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85</xdr:row>
          <xdr:rowOff>190500</xdr:rowOff>
        </xdr:from>
        <xdr:to>
          <xdr:col>5</xdr:col>
          <xdr:colOff>314325</xdr:colOff>
          <xdr:row>85</xdr:row>
          <xdr:rowOff>409575</xdr:rowOff>
        </xdr:to>
        <xdr:sp macro="" textlink="">
          <xdr:nvSpPr>
            <xdr:cNvPr id="1193" name="Check Box 169" hidden="1">
              <a:extLst>
                <a:ext uri="{63B3BB69-23CF-44E3-9099-C40C66FF867C}">
                  <a14:compatExt spid="_x0000_s1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86</xdr:row>
          <xdr:rowOff>1162050</xdr:rowOff>
        </xdr:from>
        <xdr:to>
          <xdr:col>5</xdr:col>
          <xdr:colOff>304800</xdr:colOff>
          <xdr:row>86</xdr:row>
          <xdr:rowOff>1381125</xdr:rowOff>
        </xdr:to>
        <xdr:sp macro="" textlink="">
          <xdr:nvSpPr>
            <xdr:cNvPr id="1194" name="Check Box 170" hidden="1">
              <a:extLst>
                <a:ext uri="{63B3BB69-23CF-44E3-9099-C40C66FF867C}">
                  <a14:compatExt spid="_x0000_s1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87</xdr:row>
          <xdr:rowOff>1038225</xdr:rowOff>
        </xdr:from>
        <xdr:to>
          <xdr:col>5</xdr:col>
          <xdr:colOff>304800</xdr:colOff>
          <xdr:row>87</xdr:row>
          <xdr:rowOff>1257300</xdr:rowOff>
        </xdr:to>
        <xdr:sp macro="" textlink="">
          <xdr:nvSpPr>
            <xdr:cNvPr id="1195" name="Check Box 171" hidden="1">
              <a:extLst>
                <a:ext uri="{63B3BB69-23CF-44E3-9099-C40C66FF867C}">
                  <a14:compatExt spid="_x0000_s1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90</xdr:row>
          <xdr:rowOff>419100</xdr:rowOff>
        </xdr:from>
        <xdr:to>
          <xdr:col>5</xdr:col>
          <xdr:colOff>304800</xdr:colOff>
          <xdr:row>90</xdr:row>
          <xdr:rowOff>638175</xdr:rowOff>
        </xdr:to>
        <xdr:sp macro="" textlink="">
          <xdr:nvSpPr>
            <xdr:cNvPr id="1196" name="Check Box 172" hidden="1">
              <a:extLst>
                <a:ext uri="{63B3BB69-23CF-44E3-9099-C40C66FF867C}">
                  <a14:compatExt spid="_x0000_s1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4775</xdr:colOff>
          <xdr:row>91</xdr:row>
          <xdr:rowOff>542925</xdr:rowOff>
        </xdr:from>
        <xdr:to>
          <xdr:col>5</xdr:col>
          <xdr:colOff>323850</xdr:colOff>
          <xdr:row>91</xdr:row>
          <xdr:rowOff>762000</xdr:rowOff>
        </xdr:to>
        <xdr:sp macro="" textlink="">
          <xdr:nvSpPr>
            <xdr:cNvPr id="1197" name="Check Box 173" hidden="1">
              <a:extLst>
                <a:ext uri="{63B3BB69-23CF-44E3-9099-C40C66FF867C}">
                  <a14:compatExt spid="_x0000_s1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92</xdr:row>
          <xdr:rowOff>276225</xdr:rowOff>
        </xdr:from>
        <xdr:to>
          <xdr:col>5</xdr:col>
          <xdr:colOff>314325</xdr:colOff>
          <xdr:row>92</xdr:row>
          <xdr:rowOff>495300</xdr:rowOff>
        </xdr:to>
        <xdr:sp macro="" textlink="">
          <xdr:nvSpPr>
            <xdr:cNvPr id="1198" name="Check Box 174" hidden="1">
              <a:extLst>
                <a:ext uri="{63B3BB69-23CF-44E3-9099-C40C66FF867C}">
                  <a14:compatExt spid="_x0000_s1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83</xdr:row>
          <xdr:rowOff>276225</xdr:rowOff>
        </xdr:from>
        <xdr:to>
          <xdr:col>6</xdr:col>
          <xdr:colOff>314325</xdr:colOff>
          <xdr:row>83</xdr:row>
          <xdr:rowOff>495300</xdr:rowOff>
        </xdr:to>
        <xdr:sp macro="" textlink="">
          <xdr:nvSpPr>
            <xdr:cNvPr id="1199" name="Check Box 175" hidden="1">
              <a:extLst>
                <a:ext uri="{63B3BB69-23CF-44E3-9099-C40C66FF867C}">
                  <a14:compatExt spid="_x0000_s1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84</xdr:row>
          <xdr:rowOff>276225</xdr:rowOff>
        </xdr:from>
        <xdr:to>
          <xdr:col>6</xdr:col>
          <xdr:colOff>314325</xdr:colOff>
          <xdr:row>84</xdr:row>
          <xdr:rowOff>495300</xdr:rowOff>
        </xdr:to>
        <xdr:sp macro="" textlink="">
          <xdr:nvSpPr>
            <xdr:cNvPr id="1200" name="Check Box 176" hidden="1">
              <a:extLst>
                <a:ext uri="{63B3BB69-23CF-44E3-9099-C40C66FF867C}">
                  <a14:compatExt spid="_x0000_s1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85</xdr:row>
          <xdr:rowOff>190500</xdr:rowOff>
        </xdr:from>
        <xdr:to>
          <xdr:col>6</xdr:col>
          <xdr:colOff>314325</xdr:colOff>
          <xdr:row>85</xdr:row>
          <xdr:rowOff>409575</xdr:rowOff>
        </xdr:to>
        <xdr:sp macro="" textlink="">
          <xdr:nvSpPr>
            <xdr:cNvPr id="1201" name="Check Box 177" hidden="1">
              <a:extLst>
                <a:ext uri="{63B3BB69-23CF-44E3-9099-C40C66FF867C}">
                  <a14:compatExt spid="_x0000_s1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86</xdr:row>
          <xdr:rowOff>1162050</xdr:rowOff>
        </xdr:from>
        <xdr:to>
          <xdr:col>6</xdr:col>
          <xdr:colOff>323850</xdr:colOff>
          <xdr:row>86</xdr:row>
          <xdr:rowOff>1381125</xdr:rowOff>
        </xdr:to>
        <xdr:sp macro="" textlink="">
          <xdr:nvSpPr>
            <xdr:cNvPr id="1202" name="Check Box 178" hidden="1">
              <a:extLst>
                <a:ext uri="{63B3BB69-23CF-44E3-9099-C40C66FF867C}">
                  <a14:compatExt spid="_x0000_s1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87</xdr:row>
          <xdr:rowOff>1028700</xdr:rowOff>
        </xdr:from>
        <xdr:to>
          <xdr:col>6</xdr:col>
          <xdr:colOff>314325</xdr:colOff>
          <xdr:row>87</xdr:row>
          <xdr:rowOff>1247775</xdr:rowOff>
        </xdr:to>
        <xdr:sp macro="" textlink="">
          <xdr:nvSpPr>
            <xdr:cNvPr id="1203" name="Check Box 179" hidden="1">
              <a:extLst>
                <a:ext uri="{63B3BB69-23CF-44E3-9099-C40C66FF867C}">
                  <a14:compatExt spid="_x0000_s1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90</xdr:row>
          <xdr:rowOff>419100</xdr:rowOff>
        </xdr:from>
        <xdr:to>
          <xdr:col>6</xdr:col>
          <xdr:colOff>314325</xdr:colOff>
          <xdr:row>90</xdr:row>
          <xdr:rowOff>638175</xdr:rowOff>
        </xdr:to>
        <xdr:sp macro="" textlink="">
          <xdr:nvSpPr>
            <xdr:cNvPr id="1204" name="Check Box 180" hidden="1">
              <a:extLst>
                <a:ext uri="{63B3BB69-23CF-44E3-9099-C40C66FF867C}">
                  <a14:compatExt spid="_x0000_s1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91</xdr:row>
          <xdr:rowOff>533400</xdr:rowOff>
        </xdr:from>
        <xdr:to>
          <xdr:col>6</xdr:col>
          <xdr:colOff>323850</xdr:colOff>
          <xdr:row>91</xdr:row>
          <xdr:rowOff>752475</xdr:rowOff>
        </xdr:to>
        <xdr:sp macro="" textlink="">
          <xdr:nvSpPr>
            <xdr:cNvPr id="1205" name="Check Box 181" hidden="1">
              <a:extLst>
                <a:ext uri="{63B3BB69-23CF-44E3-9099-C40C66FF867C}">
                  <a14:compatExt spid="_x0000_s1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92</xdr:row>
          <xdr:rowOff>276225</xdr:rowOff>
        </xdr:from>
        <xdr:to>
          <xdr:col>6</xdr:col>
          <xdr:colOff>314325</xdr:colOff>
          <xdr:row>92</xdr:row>
          <xdr:rowOff>495300</xdr:rowOff>
        </xdr:to>
        <xdr:sp macro="" textlink="">
          <xdr:nvSpPr>
            <xdr:cNvPr id="1206" name="Check Box 182" hidden="1">
              <a:extLst>
                <a:ext uri="{63B3BB69-23CF-44E3-9099-C40C66FF867C}">
                  <a14:compatExt spid="_x0000_s1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93</xdr:row>
          <xdr:rowOff>276225</xdr:rowOff>
        </xdr:from>
        <xdr:to>
          <xdr:col>5</xdr:col>
          <xdr:colOff>314325</xdr:colOff>
          <xdr:row>93</xdr:row>
          <xdr:rowOff>495300</xdr:rowOff>
        </xdr:to>
        <xdr:sp macro="" textlink="">
          <xdr:nvSpPr>
            <xdr:cNvPr id="1207" name="Check Box 183" hidden="1">
              <a:extLst>
                <a:ext uri="{63B3BB69-23CF-44E3-9099-C40C66FF867C}">
                  <a14:compatExt spid="_x0000_s1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4775</xdr:colOff>
          <xdr:row>94</xdr:row>
          <xdr:rowOff>409575</xdr:rowOff>
        </xdr:from>
        <xdr:to>
          <xdr:col>5</xdr:col>
          <xdr:colOff>323850</xdr:colOff>
          <xdr:row>94</xdr:row>
          <xdr:rowOff>628650</xdr:rowOff>
        </xdr:to>
        <xdr:sp macro="" textlink="">
          <xdr:nvSpPr>
            <xdr:cNvPr id="1208" name="Check Box 184" hidden="1">
              <a:extLst>
                <a:ext uri="{63B3BB69-23CF-44E3-9099-C40C66FF867C}">
                  <a14:compatExt spid="_x0000_s1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95</xdr:row>
          <xdr:rowOff>276225</xdr:rowOff>
        </xdr:from>
        <xdr:to>
          <xdr:col>5</xdr:col>
          <xdr:colOff>314325</xdr:colOff>
          <xdr:row>95</xdr:row>
          <xdr:rowOff>495300</xdr:rowOff>
        </xdr:to>
        <xdr:sp macro="" textlink="">
          <xdr:nvSpPr>
            <xdr:cNvPr id="1210" name="Check Box 186" hidden="1">
              <a:extLst>
                <a:ext uri="{63B3BB69-23CF-44E3-9099-C40C66FF867C}">
                  <a14:compatExt spid="_x0000_s1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96</xdr:row>
          <xdr:rowOff>276225</xdr:rowOff>
        </xdr:from>
        <xdr:to>
          <xdr:col>5</xdr:col>
          <xdr:colOff>314325</xdr:colOff>
          <xdr:row>96</xdr:row>
          <xdr:rowOff>495300</xdr:rowOff>
        </xdr:to>
        <xdr:sp macro="" textlink="">
          <xdr:nvSpPr>
            <xdr:cNvPr id="1212" name="Check Box 188" hidden="1">
              <a:extLst>
                <a:ext uri="{63B3BB69-23CF-44E3-9099-C40C66FF867C}">
                  <a14:compatExt spid="_x0000_s1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97</xdr:row>
          <xdr:rowOff>276225</xdr:rowOff>
        </xdr:from>
        <xdr:to>
          <xdr:col>5</xdr:col>
          <xdr:colOff>314325</xdr:colOff>
          <xdr:row>97</xdr:row>
          <xdr:rowOff>495300</xdr:rowOff>
        </xdr:to>
        <xdr:sp macro="" textlink="">
          <xdr:nvSpPr>
            <xdr:cNvPr id="1214" name="Check Box 190" hidden="1">
              <a:extLst>
                <a:ext uri="{63B3BB69-23CF-44E3-9099-C40C66FF867C}">
                  <a14:compatExt spid="_x0000_s1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99</xdr:row>
          <xdr:rowOff>190500</xdr:rowOff>
        </xdr:from>
        <xdr:to>
          <xdr:col>5</xdr:col>
          <xdr:colOff>285750</xdr:colOff>
          <xdr:row>99</xdr:row>
          <xdr:rowOff>409575</xdr:rowOff>
        </xdr:to>
        <xdr:sp macro="" textlink="">
          <xdr:nvSpPr>
            <xdr:cNvPr id="1215" name="Check Box 191" hidden="1">
              <a:extLst>
                <a:ext uri="{63B3BB69-23CF-44E3-9099-C40C66FF867C}">
                  <a14:compatExt spid="_x0000_s1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0</xdr:row>
          <xdr:rowOff>276225</xdr:rowOff>
        </xdr:from>
        <xdr:to>
          <xdr:col>5</xdr:col>
          <xdr:colOff>314325</xdr:colOff>
          <xdr:row>100</xdr:row>
          <xdr:rowOff>495300</xdr:rowOff>
        </xdr:to>
        <xdr:sp macro="" textlink="">
          <xdr:nvSpPr>
            <xdr:cNvPr id="1216" name="Check Box 192" hidden="1">
              <a:extLst>
                <a:ext uri="{63B3BB69-23CF-44E3-9099-C40C66FF867C}">
                  <a14:compatExt spid="_x0000_s1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01</xdr:row>
          <xdr:rowOff>361950</xdr:rowOff>
        </xdr:from>
        <xdr:to>
          <xdr:col>5</xdr:col>
          <xdr:colOff>295275</xdr:colOff>
          <xdr:row>101</xdr:row>
          <xdr:rowOff>581025</xdr:rowOff>
        </xdr:to>
        <xdr:sp macro="" textlink="">
          <xdr:nvSpPr>
            <xdr:cNvPr id="1217" name="Check Box 193" hidden="1">
              <a:extLst>
                <a:ext uri="{63B3BB69-23CF-44E3-9099-C40C66FF867C}">
                  <a14:compatExt spid="_x0000_s1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97</xdr:row>
          <xdr:rowOff>276225</xdr:rowOff>
        </xdr:from>
        <xdr:to>
          <xdr:col>6</xdr:col>
          <xdr:colOff>314325</xdr:colOff>
          <xdr:row>97</xdr:row>
          <xdr:rowOff>495300</xdr:rowOff>
        </xdr:to>
        <xdr:sp macro="" textlink="">
          <xdr:nvSpPr>
            <xdr:cNvPr id="1219" name="Check Box 195" hidden="1">
              <a:extLst>
                <a:ext uri="{63B3BB69-23CF-44E3-9099-C40C66FF867C}">
                  <a14:compatExt spid="_x0000_s1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99</xdr:row>
          <xdr:rowOff>180975</xdr:rowOff>
        </xdr:from>
        <xdr:to>
          <xdr:col>6</xdr:col>
          <xdr:colOff>304800</xdr:colOff>
          <xdr:row>99</xdr:row>
          <xdr:rowOff>400050</xdr:rowOff>
        </xdr:to>
        <xdr:sp macro="" textlink="">
          <xdr:nvSpPr>
            <xdr:cNvPr id="1220" name="Check Box 196" hidden="1">
              <a:extLst>
                <a:ext uri="{63B3BB69-23CF-44E3-9099-C40C66FF867C}">
                  <a14:compatExt spid="_x0000_s1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96</xdr:row>
          <xdr:rowOff>276225</xdr:rowOff>
        </xdr:from>
        <xdr:to>
          <xdr:col>6</xdr:col>
          <xdr:colOff>314325</xdr:colOff>
          <xdr:row>96</xdr:row>
          <xdr:rowOff>495300</xdr:rowOff>
        </xdr:to>
        <xdr:sp macro="" textlink="">
          <xdr:nvSpPr>
            <xdr:cNvPr id="1221" name="Check Box 197" hidden="1">
              <a:extLst>
                <a:ext uri="{63B3BB69-23CF-44E3-9099-C40C66FF867C}">
                  <a14:compatExt spid="_x0000_s1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00</xdr:row>
          <xdr:rowOff>276225</xdr:rowOff>
        </xdr:from>
        <xdr:to>
          <xdr:col>6</xdr:col>
          <xdr:colOff>314325</xdr:colOff>
          <xdr:row>100</xdr:row>
          <xdr:rowOff>495300</xdr:rowOff>
        </xdr:to>
        <xdr:sp macro="" textlink="">
          <xdr:nvSpPr>
            <xdr:cNvPr id="1222" name="Check Box 198" hidden="1">
              <a:extLst>
                <a:ext uri="{63B3BB69-23CF-44E3-9099-C40C66FF867C}">
                  <a14:compatExt spid="_x0000_s1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01</xdr:row>
          <xdr:rowOff>352425</xdr:rowOff>
        </xdr:from>
        <xdr:to>
          <xdr:col>6</xdr:col>
          <xdr:colOff>314325</xdr:colOff>
          <xdr:row>101</xdr:row>
          <xdr:rowOff>571500</xdr:rowOff>
        </xdr:to>
        <xdr:sp macro="" textlink="">
          <xdr:nvSpPr>
            <xdr:cNvPr id="1223" name="Check Box 199" hidden="1">
              <a:extLst>
                <a:ext uri="{63B3BB69-23CF-44E3-9099-C40C66FF867C}">
                  <a14:compatExt spid="_x0000_s1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02</xdr:row>
          <xdr:rowOff>276225</xdr:rowOff>
        </xdr:from>
        <xdr:to>
          <xdr:col>6</xdr:col>
          <xdr:colOff>314325</xdr:colOff>
          <xdr:row>102</xdr:row>
          <xdr:rowOff>495300</xdr:rowOff>
        </xdr:to>
        <xdr:sp macro="" textlink="">
          <xdr:nvSpPr>
            <xdr:cNvPr id="1225" name="Check Box 201" hidden="1">
              <a:extLst>
                <a:ext uri="{63B3BB69-23CF-44E3-9099-C40C66FF867C}">
                  <a14:compatExt spid="_x0000_s1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03</xdr:row>
          <xdr:rowOff>276225</xdr:rowOff>
        </xdr:from>
        <xdr:to>
          <xdr:col>6</xdr:col>
          <xdr:colOff>314325</xdr:colOff>
          <xdr:row>103</xdr:row>
          <xdr:rowOff>495300</xdr:rowOff>
        </xdr:to>
        <xdr:sp macro="" textlink="">
          <xdr:nvSpPr>
            <xdr:cNvPr id="1226" name="Check Box 202" hidden="1">
              <a:extLst>
                <a:ext uri="{63B3BB69-23CF-44E3-9099-C40C66FF867C}">
                  <a14:compatExt spid="_x0000_s1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3</xdr:row>
          <xdr:rowOff>276225</xdr:rowOff>
        </xdr:from>
        <xdr:to>
          <xdr:col>5</xdr:col>
          <xdr:colOff>314325</xdr:colOff>
          <xdr:row>103</xdr:row>
          <xdr:rowOff>495300</xdr:rowOff>
        </xdr:to>
        <xdr:sp macro="" textlink="">
          <xdr:nvSpPr>
            <xdr:cNvPr id="1227" name="Check Box 203" hidden="1">
              <a:extLst>
                <a:ext uri="{63B3BB69-23CF-44E3-9099-C40C66FF867C}">
                  <a14:compatExt spid="_x0000_s1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2</xdr:row>
          <xdr:rowOff>276225</xdr:rowOff>
        </xdr:from>
        <xdr:to>
          <xdr:col>5</xdr:col>
          <xdr:colOff>314325</xdr:colOff>
          <xdr:row>102</xdr:row>
          <xdr:rowOff>495300</xdr:rowOff>
        </xdr:to>
        <xdr:sp macro="" textlink="">
          <xdr:nvSpPr>
            <xdr:cNvPr id="1228" name="Check Box 204" hidden="1">
              <a:extLst>
                <a:ext uri="{63B3BB69-23CF-44E3-9099-C40C66FF867C}">
                  <a14:compatExt spid="_x0000_s1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94</xdr:row>
          <xdr:rowOff>400050</xdr:rowOff>
        </xdr:from>
        <xdr:to>
          <xdr:col>6</xdr:col>
          <xdr:colOff>323850</xdr:colOff>
          <xdr:row>94</xdr:row>
          <xdr:rowOff>619125</xdr:rowOff>
        </xdr:to>
        <xdr:sp macro="" textlink="">
          <xdr:nvSpPr>
            <xdr:cNvPr id="1230" name="Check Box 206" hidden="1">
              <a:extLst>
                <a:ext uri="{63B3BB69-23CF-44E3-9099-C40C66FF867C}">
                  <a14:compatExt spid="_x0000_s1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95</xdr:row>
          <xdr:rowOff>276225</xdr:rowOff>
        </xdr:from>
        <xdr:to>
          <xdr:col>6</xdr:col>
          <xdr:colOff>314325</xdr:colOff>
          <xdr:row>95</xdr:row>
          <xdr:rowOff>495300</xdr:rowOff>
        </xdr:to>
        <xdr:sp macro="" textlink="">
          <xdr:nvSpPr>
            <xdr:cNvPr id="1231" name="Check Box 207" hidden="1">
              <a:extLst>
                <a:ext uri="{63B3BB69-23CF-44E3-9099-C40C66FF867C}">
                  <a14:compatExt spid="_x0000_s1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93</xdr:row>
          <xdr:rowOff>276225</xdr:rowOff>
        </xdr:from>
        <xdr:to>
          <xdr:col>6</xdr:col>
          <xdr:colOff>314325</xdr:colOff>
          <xdr:row>93</xdr:row>
          <xdr:rowOff>495300</xdr:rowOff>
        </xdr:to>
        <xdr:sp macro="" textlink="">
          <xdr:nvSpPr>
            <xdr:cNvPr id="1233" name="Check Box 209" hidden="1">
              <a:extLst>
                <a:ext uri="{63B3BB69-23CF-44E3-9099-C40C66FF867C}">
                  <a14:compatExt spid="_x0000_s1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97</xdr:row>
          <xdr:rowOff>276225</xdr:rowOff>
        </xdr:from>
        <xdr:to>
          <xdr:col>7</xdr:col>
          <xdr:colOff>314325</xdr:colOff>
          <xdr:row>97</xdr:row>
          <xdr:rowOff>495300</xdr:rowOff>
        </xdr:to>
        <xdr:sp macro="" textlink="">
          <xdr:nvSpPr>
            <xdr:cNvPr id="1234" name="Check Box 210" hidden="1">
              <a:extLst>
                <a:ext uri="{63B3BB69-23CF-44E3-9099-C40C66FF867C}">
                  <a14:compatExt spid="_x0000_s1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4</xdr:row>
          <xdr:rowOff>390525</xdr:rowOff>
        </xdr:from>
        <xdr:to>
          <xdr:col>5</xdr:col>
          <xdr:colOff>314325</xdr:colOff>
          <xdr:row>104</xdr:row>
          <xdr:rowOff>609600</xdr:rowOff>
        </xdr:to>
        <xdr:sp macro="" textlink="">
          <xdr:nvSpPr>
            <xdr:cNvPr id="1235" name="Check Box 211" hidden="1">
              <a:extLst>
                <a:ext uri="{63B3BB69-23CF-44E3-9099-C40C66FF867C}">
                  <a14:compatExt spid="_x0000_s1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5</xdr:row>
          <xdr:rowOff>276225</xdr:rowOff>
        </xdr:from>
        <xdr:to>
          <xdr:col>5</xdr:col>
          <xdr:colOff>314325</xdr:colOff>
          <xdr:row>105</xdr:row>
          <xdr:rowOff>495300</xdr:rowOff>
        </xdr:to>
        <xdr:sp macro="" textlink="">
          <xdr:nvSpPr>
            <xdr:cNvPr id="1236" name="Check Box 212" hidden="1">
              <a:extLst>
                <a:ext uri="{63B3BB69-23CF-44E3-9099-C40C66FF867C}">
                  <a14:compatExt spid="_x0000_s1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06</xdr:row>
          <xdr:rowOff>762000</xdr:rowOff>
        </xdr:from>
        <xdr:to>
          <xdr:col>5</xdr:col>
          <xdr:colOff>304800</xdr:colOff>
          <xdr:row>107</xdr:row>
          <xdr:rowOff>123825</xdr:rowOff>
        </xdr:to>
        <xdr:sp macro="" textlink="">
          <xdr:nvSpPr>
            <xdr:cNvPr id="1237" name="Check Box 213" hidden="1">
              <a:extLst>
                <a:ext uri="{63B3BB69-23CF-44E3-9099-C40C66FF867C}">
                  <a14:compatExt spid="_x0000_s1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8</xdr:row>
          <xdr:rowOff>276225</xdr:rowOff>
        </xdr:from>
        <xdr:to>
          <xdr:col>5</xdr:col>
          <xdr:colOff>314325</xdr:colOff>
          <xdr:row>108</xdr:row>
          <xdr:rowOff>495300</xdr:rowOff>
        </xdr:to>
        <xdr:sp macro="" textlink="">
          <xdr:nvSpPr>
            <xdr:cNvPr id="1238" name="Check Box 214" hidden="1">
              <a:extLst>
                <a:ext uri="{63B3BB69-23CF-44E3-9099-C40C66FF867C}">
                  <a14:compatExt spid="_x0000_s1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9</xdr:row>
          <xdr:rowOff>276225</xdr:rowOff>
        </xdr:from>
        <xdr:to>
          <xdr:col>5</xdr:col>
          <xdr:colOff>314325</xdr:colOff>
          <xdr:row>109</xdr:row>
          <xdr:rowOff>495300</xdr:rowOff>
        </xdr:to>
        <xdr:sp macro="" textlink="">
          <xdr:nvSpPr>
            <xdr:cNvPr id="1239" name="Check Box 215" hidden="1">
              <a:extLst>
                <a:ext uri="{63B3BB69-23CF-44E3-9099-C40C66FF867C}">
                  <a14:compatExt spid="_x0000_s1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10</xdr:row>
          <xdr:rowOff>361950</xdr:rowOff>
        </xdr:from>
        <xdr:to>
          <xdr:col>5</xdr:col>
          <xdr:colOff>314325</xdr:colOff>
          <xdr:row>110</xdr:row>
          <xdr:rowOff>581025</xdr:rowOff>
        </xdr:to>
        <xdr:sp macro="" textlink="">
          <xdr:nvSpPr>
            <xdr:cNvPr id="1240" name="Check Box 216" hidden="1">
              <a:extLst>
                <a:ext uri="{63B3BB69-23CF-44E3-9099-C40C66FF867C}">
                  <a14:compatExt spid="_x0000_s1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1</xdr:row>
          <xdr:rowOff>381000</xdr:rowOff>
        </xdr:from>
        <xdr:to>
          <xdr:col>5</xdr:col>
          <xdr:colOff>304800</xdr:colOff>
          <xdr:row>111</xdr:row>
          <xdr:rowOff>600075</xdr:rowOff>
        </xdr:to>
        <xdr:sp macro="" textlink="">
          <xdr:nvSpPr>
            <xdr:cNvPr id="1242" name="Check Box 218" hidden="1">
              <a:extLst>
                <a:ext uri="{63B3BB69-23CF-44E3-9099-C40C66FF867C}">
                  <a14:compatExt spid="_x0000_s1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4775</xdr:colOff>
          <xdr:row>112</xdr:row>
          <xdr:rowOff>390525</xdr:rowOff>
        </xdr:from>
        <xdr:to>
          <xdr:col>5</xdr:col>
          <xdr:colOff>323850</xdr:colOff>
          <xdr:row>112</xdr:row>
          <xdr:rowOff>609600</xdr:rowOff>
        </xdr:to>
        <xdr:sp macro="" textlink="">
          <xdr:nvSpPr>
            <xdr:cNvPr id="1243" name="Check Box 219" hidden="1">
              <a:extLst>
                <a:ext uri="{63B3BB69-23CF-44E3-9099-C40C66FF867C}">
                  <a14:compatExt spid="_x0000_s1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13</xdr:row>
          <xdr:rowOff>228600</xdr:rowOff>
        </xdr:from>
        <xdr:to>
          <xdr:col>5</xdr:col>
          <xdr:colOff>314325</xdr:colOff>
          <xdr:row>113</xdr:row>
          <xdr:rowOff>447675</xdr:rowOff>
        </xdr:to>
        <xdr:sp macro="" textlink="">
          <xdr:nvSpPr>
            <xdr:cNvPr id="1244" name="Check Box 220" hidden="1">
              <a:extLst>
                <a:ext uri="{63B3BB69-23CF-44E3-9099-C40C66FF867C}">
                  <a14:compatExt spid="_x0000_s1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14</xdr:row>
          <xdr:rowOff>276225</xdr:rowOff>
        </xdr:from>
        <xdr:to>
          <xdr:col>5</xdr:col>
          <xdr:colOff>314325</xdr:colOff>
          <xdr:row>114</xdr:row>
          <xdr:rowOff>495300</xdr:rowOff>
        </xdr:to>
        <xdr:sp macro="" textlink="">
          <xdr:nvSpPr>
            <xdr:cNvPr id="1245" name="Check Box 221" hidden="1">
              <a:extLst>
                <a:ext uri="{63B3BB69-23CF-44E3-9099-C40C66FF867C}">
                  <a14:compatExt spid="_x0000_s1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23825</xdr:colOff>
          <xdr:row>104</xdr:row>
          <xdr:rowOff>390525</xdr:rowOff>
        </xdr:from>
        <xdr:to>
          <xdr:col>6</xdr:col>
          <xdr:colOff>342900</xdr:colOff>
          <xdr:row>104</xdr:row>
          <xdr:rowOff>609600</xdr:rowOff>
        </xdr:to>
        <xdr:sp macro="" textlink="">
          <xdr:nvSpPr>
            <xdr:cNvPr id="1246" name="Check Box 222" hidden="1">
              <a:extLst>
                <a:ext uri="{63B3BB69-23CF-44E3-9099-C40C66FF867C}">
                  <a14:compatExt spid="_x0000_s1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05</xdr:row>
          <xdr:rowOff>276225</xdr:rowOff>
        </xdr:from>
        <xdr:to>
          <xdr:col>6</xdr:col>
          <xdr:colOff>314325</xdr:colOff>
          <xdr:row>105</xdr:row>
          <xdr:rowOff>495300</xdr:rowOff>
        </xdr:to>
        <xdr:sp macro="" textlink="">
          <xdr:nvSpPr>
            <xdr:cNvPr id="1247" name="Check Box 223" hidden="1">
              <a:extLst>
                <a:ext uri="{63B3BB69-23CF-44E3-9099-C40C66FF867C}">
                  <a14:compatExt spid="_x0000_s1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06</xdr:row>
          <xdr:rowOff>762000</xdr:rowOff>
        </xdr:from>
        <xdr:to>
          <xdr:col>6</xdr:col>
          <xdr:colOff>314325</xdr:colOff>
          <xdr:row>107</xdr:row>
          <xdr:rowOff>123825</xdr:rowOff>
        </xdr:to>
        <xdr:sp macro="" textlink="">
          <xdr:nvSpPr>
            <xdr:cNvPr id="1248" name="Check Box 224" hidden="1">
              <a:extLst>
                <a:ext uri="{63B3BB69-23CF-44E3-9099-C40C66FF867C}">
                  <a14:compatExt spid="_x0000_s1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08</xdr:row>
          <xdr:rowOff>276225</xdr:rowOff>
        </xdr:from>
        <xdr:to>
          <xdr:col>6</xdr:col>
          <xdr:colOff>314325</xdr:colOff>
          <xdr:row>108</xdr:row>
          <xdr:rowOff>495300</xdr:rowOff>
        </xdr:to>
        <xdr:sp macro="" textlink="">
          <xdr:nvSpPr>
            <xdr:cNvPr id="1249" name="Check Box 225" hidden="1">
              <a:extLst>
                <a:ext uri="{63B3BB69-23CF-44E3-9099-C40C66FF867C}">
                  <a14:compatExt spid="_x0000_s1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09</xdr:row>
          <xdr:rowOff>276225</xdr:rowOff>
        </xdr:from>
        <xdr:to>
          <xdr:col>6</xdr:col>
          <xdr:colOff>314325</xdr:colOff>
          <xdr:row>109</xdr:row>
          <xdr:rowOff>495300</xdr:rowOff>
        </xdr:to>
        <xdr:sp macro="" textlink="">
          <xdr:nvSpPr>
            <xdr:cNvPr id="1250" name="Check Box 226" hidden="1">
              <a:extLst>
                <a:ext uri="{63B3BB69-23CF-44E3-9099-C40C66FF867C}">
                  <a14:compatExt spid="_x0000_s1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10</xdr:row>
          <xdr:rowOff>352425</xdr:rowOff>
        </xdr:from>
        <xdr:to>
          <xdr:col>6</xdr:col>
          <xdr:colOff>323850</xdr:colOff>
          <xdr:row>110</xdr:row>
          <xdr:rowOff>571500</xdr:rowOff>
        </xdr:to>
        <xdr:sp macro="" textlink="">
          <xdr:nvSpPr>
            <xdr:cNvPr id="1251" name="Check Box 227" hidden="1">
              <a:extLst>
                <a:ext uri="{63B3BB69-23CF-44E3-9099-C40C66FF867C}">
                  <a14:compatExt spid="_x0000_s1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1</xdr:row>
          <xdr:rowOff>361950</xdr:rowOff>
        </xdr:from>
        <xdr:to>
          <xdr:col>6</xdr:col>
          <xdr:colOff>314325</xdr:colOff>
          <xdr:row>111</xdr:row>
          <xdr:rowOff>581025</xdr:rowOff>
        </xdr:to>
        <xdr:sp macro="" textlink="">
          <xdr:nvSpPr>
            <xdr:cNvPr id="1253" name="Check Box 229" hidden="1">
              <a:extLst>
                <a:ext uri="{63B3BB69-23CF-44E3-9099-C40C66FF867C}">
                  <a14:compatExt spid="_x0000_s1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2</xdr:row>
          <xdr:rowOff>381000</xdr:rowOff>
        </xdr:from>
        <xdr:to>
          <xdr:col>6</xdr:col>
          <xdr:colOff>314325</xdr:colOff>
          <xdr:row>112</xdr:row>
          <xdr:rowOff>600075</xdr:rowOff>
        </xdr:to>
        <xdr:sp macro="" textlink="">
          <xdr:nvSpPr>
            <xdr:cNvPr id="1254" name="Check Box 230" hidden="1">
              <a:extLst>
                <a:ext uri="{63B3BB69-23CF-44E3-9099-C40C66FF867C}">
                  <a14:compatExt spid="_x0000_s1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3</xdr:row>
          <xdr:rowOff>209550</xdr:rowOff>
        </xdr:from>
        <xdr:to>
          <xdr:col>6</xdr:col>
          <xdr:colOff>314325</xdr:colOff>
          <xdr:row>113</xdr:row>
          <xdr:rowOff>428625</xdr:rowOff>
        </xdr:to>
        <xdr:sp macro="" textlink="">
          <xdr:nvSpPr>
            <xdr:cNvPr id="1255" name="Check Box 231" hidden="1">
              <a:extLst>
                <a:ext uri="{63B3BB69-23CF-44E3-9099-C40C66FF867C}">
                  <a14:compatExt spid="_x0000_s1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4</xdr:row>
          <xdr:rowOff>276225</xdr:rowOff>
        </xdr:from>
        <xdr:to>
          <xdr:col>6</xdr:col>
          <xdr:colOff>314325</xdr:colOff>
          <xdr:row>114</xdr:row>
          <xdr:rowOff>495300</xdr:rowOff>
        </xdr:to>
        <xdr:sp macro="" textlink="">
          <xdr:nvSpPr>
            <xdr:cNvPr id="1256" name="Check Box 232" hidden="1">
              <a:extLst>
                <a:ext uri="{63B3BB69-23CF-44E3-9099-C40C66FF867C}">
                  <a14:compatExt spid="_x0000_s1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110</xdr:row>
          <xdr:rowOff>352425</xdr:rowOff>
        </xdr:from>
        <xdr:to>
          <xdr:col>7</xdr:col>
          <xdr:colOff>314325</xdr:colOff>
          <xdr:row>110</xdr:row>
          <xdr:rowOff>571500</xdr:rowOff>
        </xdr:to>
        <xdr:sp macro="" textlink="">
          <xdr:nvSpPr>
            <xdr:cNvPr id="1257" name="Check Box 233" hidden="1">
              <a:extLst>
                <a:ext uri="{63B3BB69-23CF-44E3-9099-C40C66FF867C}">
                  <a14:compatExt spid="_x0000_s12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111</xdr:row>
          <xdr:rowOff>371475</xdr:rowOff>
        </xdr:from>
        <xdr:to>
          <xdr:col>7</xdr:col>
          <xdr:colOff>314325</xdr:colOff>
          <xdr:row>111</xdr:row>
          <xdr:rowOff>590550</xdr:rowOff>
        </xdr:to>
        <xdr:sp macro="" textlink="">
          <xdr:nvSpPr>
            <xdr:cNvPr id="1258" name="Check Box 234" hidden="1">
              <a:extLst>
                <a:ext uri="{63B3BB69-23CF-44E3-9099-C40C66FF867C}">
                  <a14:compatExt spid="_x0000_s1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4775</xdr:colOff>
          <xdr:row>104</xdr:row>
          <xdr:rowOff>381000</xdr:rowOff>
        </xdr:from>
        <xdr:to>
          <xdr:col>7</xdr:col>
          <xdr:colOff>323850</xdr:colOff>
          <xdr:row>104</xdr:row>
          <xdr:rowOff>600075</xdr:rowOff>
        </xdr:to>
        <xdr:sp macro="" textlink="">
          <xdr:nvSpPr>
            <xdr:cNvPr id="1259" name="Check Box 235" hidden="1">
              <a:extLst>
                <a:ext uri="{63B3BB69-23CF-44E3-9099-C40C66FF867C}">
                  <a14:compatExt spid="_x0000_s1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76200</xdr:colOff>
          <xdr:row>113</xdr:row>
          <xdr:rowOff>219075</xdr:rowOff>
        </xdr:from>
        <xdr:to>
          <xdr:col>7</xdr:col>
          <xdr:colOff>295275</xdr:colOff>
          <xdr:row>113</xdr:row>
          <xdr:rowOff>438150</xdr:rowOff>
        </xdr:to>
        <xdr:sp macro="" textlink="">
          <xdr:nvSpPr>
            <xdr:cNvPr id="1260" name="Check Box 236" hidden="1">
              <a:extLst>
                <a:ext uri="{63B3BB69-23CF-44E3-9099-C40C66FF867C}">
                  <a14:compatExt spid="_x0000_s12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15</xdr:row>
          <xdr:rowOff>276225</xdr:rowOff>
        </xdr:from>
        <xdr:to>
          <xdr:col>5</xdr:col>
          <xdr:colOff>314325</xdr:colOff>
          <xdr:row>115</xdr:row>
          <xdr:rowOff>495300</xdr:rowOff>
        </xdr:to>
        <xdr:sp macro="" textlink="">
          <xdr:nvSpPr>
            <xdr:cNvPr id="1262" name="Check Box 238" hidden="1">
              <a:extLst>
                <a:ext uri="{63B3BB69-23CF-44E3-9099-C40C66FF867C}">
                  <a14:compatExt spid="_x0000_s1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16</xdr:row>
          <xdr:rowOff>276225</xdr:rowOff>
        </xdr:from>
        <xdr:to>
          <xdr:col>5</xdr:col>
          <xdr:colOff>314325</xdr:colOff>
          <xdr:row>116</xdr:row>
          <xdr:rowOff>495300</xdr:rowOff>
        </xdr:to>
        <xdr:sp macro="" textlink="">
          <xdr:nvSpPr>
            <xdr:cNvPr id="1263" name="Check Box 239" hidden="1">
              <a:extLst>
                <a:ext uri="{63B3BB69-23CF-44E3-9099-C40C66FF867C}">
                  <a14:compatExt spid="_x0000_s12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17</xdr:row>
          <xdr:rowOff>276225</xdr:rowOff>
        </xdr:from>
        <xdr:to>
          <xdr:col>5</xdr:col>
          <xdr:colOff>314325</xdr:colOff>
          <xdr:row>117</xdr:row>
          <xdr:rowOff>495300</xdr:rowOff>
        </xdr:to>
        <xdr:sp macro="" textlink="">
          <xdr:nvSpPr>
            <xdr:cNvPr id="1264" name="Check Box 240" hidden="1">
              <a:extLst>
                <a:ext uri="{63B3BB69-23CF-44E3-9099-C40C66FF867C}">
                  <a14:compatExt spid="_x0000_s1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18</xdr:row>
          <xdr:rowOff>276225</xdr:rowOff>
        </xdr:from>
        <xdr:to>
          <xdr:col>5</xdr:col>
          <xdr:colOff>314325</xdr:colOff>
          <xdr:row>118</xdr:row>
          <xdr:rowOff>495300</xdr:rowOff>
        </xdr:to>
        <xdr:sp macro="" textlink="">
          <xdr:nvSpPr>
            <xdr:cNvPr id="1265" name="Check Box 241" hidden="1">
              <a:extLst>
                <a:ext uri="{63B3BB69-23CF-44E3-9099-C40C66FF867C}">
                  <a14:compatExt spid="_x0000_s1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5</xdr:row>
          <xdr:rowOff>276225</xdr:rowOff>
        </xdr:from>
        <xdr:to>
          <xdr:col>6</xdr:col>
          <xdr:colOff>314325</xdr:colOff>
          <xdr:row>115</xdr:row>
          <xdr:rowOff>495300</xdr:rowOff>
        </xdr:to>
        <xdr:sp macro="" textlink="">
          <xdr:nvSpPr>
            <xdr:cNvPr id="1266" name="Check Box 242" hidden="1">
              <a:extLst>
                <a:ext uri="{63B3BB69-23CF-44E3-9099-C40C66FF867C}">
                  <a14:compatExt spid="_x0000_s12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6</xdr:row>
          <xdr:rowOff>276225</xdr:rowOff>
        </xdr:from>
        <xdr:to>
          <xdr:col>6</xdr:col>
          <xdr:colOff>314325</xdr:colOff>
          <xdr:row>116</xdr:row>
          <xdr:rowOff>495300</xdr:rowOff>
        </xdr:to>
        <xdr:sp macro="" textlink="">
          <xdr:nvSpPr>
            <xdr:cNvPr id="1268" name="Check Box 244" hidden="1">
              <a:extLst>
                <a:ext uri="{63B3BB69-23CF-44E3-9099-C40C66FF867C}">
                  <a14:compatExt spid="_x0000_s1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7</xdr:row>
          <xdr:rowOff>276225</xdr:rowOff>
        </xdr:from>
        <xdr:to>
          <xdr:col>6</xdr:col>
          <xdr:colOff>314325</xdr:colOff>
          <xdr:row>117</xdr:row>
          <xdr:rowOff>495300</xdr:rowOff>
        </xdr:to>
        <xdr:sp macro="" textlink="">
          <xdr:nvSpPr>
            <xdr:cNvPr id="1269" name="Check Box 245" hidden="1">
              <a:extLst>
                <a:ext uri="{63B3BB69-23CF-44E3-9099-C40C66FF867C}">
                  <a14:compatExt spid="_x0000_s12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8</xdr:row>
          <xdr:rowOff>276225</xdr:rowOff>
        </xdr:from>
        <xdr:to>
          <xdr:col>6</xdr:col>
          <xdr:colOff>314325</xdr:colOff>
          <xdr:row>118</xdr:row>
          <xdr:rowOff>495300</xdr:rowOff>
        </xdr:to>
        <xdr:sp macro="" textlink="">
          <xdr:nvSpPr>
            <xdr:cNvPr id="1270" name="Check Box 246" hidden="1">
              <a:extLst>
                <a:ext uri="{63B3BB69-23CF-44E3-9099-C40C66FF867C}">
                  <a14:compatExt spid="_x0000_s1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19</xdr:row>
          <xdr:rowOff>609600</xdr:rowOff>
        </xdr:from>
        <xdr:to>
          <xdr:col>5</xdr:col>
          <xdr:colOff>295275</xdr:colOff>
          <xdr:row>119</xdr:row>
          <xdr:rowOff>828675</xdr:rowOff>
        </xdr:to>
        <xdr:sp macro="" textlink="">
          <xdr:nvSpPr>
            <xdr:cNvPr id="1271" name="Check Box 247" hidden="1">
              <a:extLst>
                <a:ext uri="{63B3BB69-23CF-44E3-9099-C40C66FF867C}">
                  <a14:compatExt spid="_x0000_s1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20</xdr:row>
          <xdr:rowOff>276225</xdr:rowOff>
        </xdr:from>
        <xdr:to>
          <xdr:col>5</xdr:col>
          <xdr:colOff>314325</xdr:colOff>
          <xdr:row>120</xdr:row>
          <xdr:rowOff>495300</xdr:rowOff>
        </xdr:to>
        <xdr:sp macro="" textlink="">
          <xdr:nvSpPr>
            <xdr:cNvPr id="1272" name="Check Box 248" hidden="1">
              <a:extLst>
                <a:ext uri="{63B3BB69-23CF-44E3-9099-C40C66FF867C}">
                  <a14:compatExt spid="_x0000_s12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21</xdr:row>
          <xdr:rowOff>276225</xdr:rowOff>
        </xdr:from>
        <xdr:to>
          <xdr:col>5</xdr:col>
          <xdr:colOff>314325</xdr:colOff>
          <xdr:row>121</xdr:row>
          <xdr:rowOff>495300</xdr:rowOff>
        </xdr:to>
        <xdr:sp macro="" textlink="">
          <xdr:nvSpPr>
            <xdr:cNvPr id="1273" name="Check Box 249" hidden="1">
              <a:extLst>
                <a:ext uri="{63B3BB69-23CF-44E3-9099-C40C66FF867C}">
                  <a14:compatExt spid="_x0000_s1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19</xdr:row>
          <xdr:rowOff>609600</xdr:rowOff>
        </xdr:from>
        <xdr:to>
          <xdr:col>6</xdr:col>
          <xdr:colOff>323850</xdr:colOff>
          <xdr:row>119</xdr:row>
          <xdr:rowOff>828675</xdr:rowOff>
        </xdr:to>
        <xdr:sp macro="" textlink="">
          <xdr:nvSpPr>
            <xdr:cNvPr id="1276" name="Check Box 252" hidden="1">
              <a:extLst>
                <a:ext uri="{63B3BB69-23CF-44E3-9099-C40C66FF867C}">
                  <a14:compatExt spid="_x0000_s1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20</xdr:row>
          <xdr:rowOff>276225</xdr:rowOff>
        </xdr:from>
        <xdr:to>
          <xdr:col>6</xdr:col>
          <xdr:colOff>314325</xdr:colOff>
          <xdr:row>120</xdr:row>
          <xdr:rowOff>495300</xdr:rowOff>
        </xdr:to>
        <xdr:sp macro="" textlink="">
          <xdr:nvSpPr>
            <xdr:cNvPr id="1277" name="Check Box 253" hidden="1">
              <a:extLst>
                <a:ext uri="{63B3BB69-23CF-44E3-9099-C40C66FF867C}">
                  <a14:compatExt spid="_x0000_s1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21</xdr:row>
          <xdr:rowOff>276225</xdr:rowOff>
        </xdr:from>
        <xdr:to>
          <xdr:col>6</xdr:col>
          <xdr:colOff>314325</xdr:colOff>
          <xdr:row>121</xdr:row>
          <xdr:rowOff>495300</xdr:rowOff>
        </xdr:to>
        <xdr:sp macro="" textlink="">
          <xdr:nvSpPr>
            <xdr:cNvPr id="1278" name="Check Box 254" hidden="1">
              <a:extLst>
                <a:ext uri="{63B3BB69-23CF-44E3-9099-C40C66FF867C}">
                  <a14:compatExt spid="_x0000_s1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24</xdr:row>
          <xdr:rowOff>276225</xdr:rowOff>
        </xdr:from>
        <xdr:to>
          <xdr:col>5</xdr:col>
          <xdr:colOff>314325</xdr:colOff>
          <xdr:row>124</xdr:row>
          <xdr:rowOff>495300</xdr:rowOff>
        </xdr:to>
        <xdr:sp macro="" textlink="">
          <xdr:nvSpPr>
            <xdr:cNvPr id="1280" name="Check Box 256" hidden="1">
              <a:extLst>
                <a:ext uri="{63B3BB69-23CF-44E3-9099-C40C66FF867C}">
                  <a14:compatExt spid="_x0000_s1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4</xdr:row>
          <xdr:rowOff>266700</xdr:rowOff>
        </xdr:from>
        <xdr:to>
          <xdr:col>6</xdr:col>
          <xdr:colOff>304800</xdr:colOff>
          <xdr:row>124</xdr:row>
          <xdr:rowOff>485775</xdr:rowOff>
        </xdr:to>
        <xdr:sp macro="" textlink="">
          <xdr:nvSpPr>
            <xdr:cNvPr id="1281" name="Check Box 257" hidden="1">
              <a:extLst>
                <a:ext uri="{63B3BB69-23CF-44E3-9099-C40C66FF867C}">
                  <a14:compatExt spid="_x0000_s1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6</xdr:row>
          <xdr:rowOff>723900</xdr:rowOff>
        </xdr:from>
        <xdr:to>
          <xdr:col>5</xdr:col>
          <xdr:colOff>304800</xdr:colOff>
          <xdr:row>126</xdr:row>
          <xdr:rowOff>942975</xdr:rowOff>
        </xdr:to>
        <xdr:sp macro="" textlink="">
          <xdr:nvSpPr>
            <xdr:cNvPr id="1283" name="Check Box 259" hidden="1">
              <a:extLst>
                <a:ext uri="{63B3BB69-23CF-44E3-9099-C40C66FF867C}">
                  <a14:compatExt spid="_x0000_s1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26</xdr:row>
          <xdr:rowOff>723900</xdr:rowOff>
        </xdr:from>
        <xdr:to>
          <xdr:col>6</xdr:col>
          <xdr:colOff>314325</xdr:colOff>
          <xdr:row>126</xdr:row>
          <xdr:rowOff>942975</xdr:rowOff>
        </xdr:to>
        <xdr:sp macro="" textlink="">
          <xdr:nvSpPr>
            <xdr:cNvPr id="1284" name="Check Box 260" hidden="1">
              <a:extLst>
                <a:ext uri="{63B3BB69-23CF-44E3-9099-C40C66FF867C}">
                  <a14:compatExt spid="_x0000_s1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28</xdr:row>
          <xdr:rowOff>180975</xdr:rowOff>
        </xdr:from>
        <xdr:to>
          <xdr:col>5</xdr:col>
          <xdr:colOff>314325</xdr:colOff>
          <xdr:row>128</xdr:row>
          <xdr:rowOff>400050</xdr:rowOff>
        </xdr:to>
        <xdr:sp macro="" textlink="">
          <xdr:nvSpPr>
            <xdr:cNvPr id="1286" name="Check Box 262" hidden="1">
              <a:extLst>
                <a:ext uri="{63B3BB69-23CF-44E3-9099-C40C66FF867C}">
                  <a14:compatExt spid="_x0000_s1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27</xdr:row>
          <xdr:rowOff>123825</xdr:rowOff>
        </xdr:from>
        <xdr:to>
          <xdr:col>5</xdr:col>
          <xdr:colOff>304800</xdr:colOff>
          <xdr:row>127</xdr:row>
          <xdr:rowOff>342900</xdr:rowOff>
        </xdr:to>
        <xdr:sp macro="" textlink="">
          <xdr:nvSpPr>
            <xdr:cNvPr id="1287" name="Check Box 263" hidden="1">
              <a:extLst>
                <a:ext uri="{63B3BB69-23CF-44E3-9099-C40C66FF867C}">
                  <a14:compatExt spid="_x0000_s12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7</xdr:row>
          <xdr:rowOff>114300</xdr:rowOff>
        </xdr:from>
        <xdr:to>
          <xdr:col>6</xdr:col>
          <xdr:colOff>304800</xdr:colOff>
          <xdr:row>127</xdr:row>
          <xdr:rowOff>333375</xdr:rowOff>
        </xdr:to>
        <xdr:sp macro="" textlink="">
          <xdr:nvSpPr>
            <xdr:cNvPr id="1288" name="Check Box 264" hidden="1">
              <a:extLst>
                <a:ext uri="{63B3BB69-23CF-44E3-9099-C40C66FF867C}">
                  <a14:compatExt spid="_x0000_s1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8</xdr:row>
          <xdr:rowOff>171450</xdr:rowOff>
        </xdr:from>
        <xdr:to>
          <xdr:col>6</xdr:col>
          <xdr:colOff>304800</xdr:colOff>
          <xdr:row>128</xdr:row>
          <xdr:rowOff>390525</xdr:rowOff>
        </xdr:to>
        <xdr:sp macro="" textlink="">
          <xdr:nvSpPr>
            <xdr:cNvPr id="1289" name="Check Box 265" hidden="1">
              <a:extLst>
                <a:ext uri="{63B3BB69-23CF-44E3-9099-C40C66FF867C}">
                  <a14:compatExt spid="_x0000_s1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29</xdr:row>
          <xdr:rowOff>276225</xdr:rowOff>
        </xdr:from>
        <xdr:to>
          <xdr:col>5</xdr:col>
          <xdr:colOff>314325</xdr:colOff>
          <xdr:row>129</xdr:row>
          <xdr:rowOff>495300</xdr:rowOff>
        </xdr:to>
        <xdr:sp macro="" textlink="">
          <xdr:nvSpPr>
            <xdr:cNvPr id="1290" name="Check Box 266" hidden="1">
              <a:extLst>
                <a:ext uri="{63B3BB69-23CF-44E3-9099-C40C66FF867C}">
                  <a14:compatExt spid="_x0000_s1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29</xdr:row>
          <xdr:rowOff>276225</xdr:rowOff>
        </xdr:from>
        <xdr:to>
          <xdr:col>6</xdr:col>
          <xdr:colOff>314325</xdr:colOff>
          <xdr:row>129</xdr:row>
          <xdr:rowOff>495300</xdr:rowOff>
        </xdr:to>
        <xdr:sp macro="" textlink="">
          <xdr:nvSpPr>
            <xdr:cNvPr id="1291" name="Check Box 267" hidden="1">
              <a:extLst>
                <a:ext uri="{63B3BB69-23CF-44E3-9099-C40C66FF867C}">
                  <a14:compatExt spid="_x0000_s1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30</xdr:row>
          <xdr:rowOff>276225</xdr:rowOff>
        </xdr:from>
        <xdr:to>
          <xdr:col>5</xdr:col>
          <xdr:colOff>314325</xdr:colOff>
          <xdr:row>130</xdr:row>
          <xdr:rowOff>495300</xdr:rowOff>
        </xdr:to>
        <xdr:sp macro="" textlink="">
          <xdr:nvSpPr>
            <xdr:cNvPr id="1293" name="Check Box 269" hidden="1">
              <a:extLst>
                <a:ext uri="{63B3BB69-23CF-44E3-9099-C40C66FF867C}">
                  <a14:compatExt spid="_x0000_s12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30</xdr:row>
          <xdr:rowOff>276225</xdr:rowOff>
        </xdr:from>
        <xdr:to>
          <xdr:col>6</xdr:col>
          <xdr:colOff>314325</xdr:colOff>
          <xdr:row>130</xdr:row>
          <xdr:rowOff>495300</xdr:rowOff>
        </xdr:to>
        <xdr:sp macro="" textlink="">
          <xdr:nvSpPr>
            <xdr:cNvPr id="1294" name="Check Box 270" hidden="1">
              <a:extLst>
                <a:ext uri="{63B3BB69-23CF-44E3-9099-C40C66FF867C}">
                  <a14:compatExt spid="_x0000_s1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31</xdr:row>
          <xdr:rowOff>752475</xdr:rowOff>
        </xdr:from>
        <xdr:to>
          <xdr:col>5</xdr:col>
          <xdr:colOff>295275</xdr:colOff>
          <xdr:row>131</xdr:row>
          <xdr:rowOff>971550</xdr:rowOff>
        </xdr:to>
        <xdr:sp macro="" textlink="">
          <xdr:nvSpPr>
            <xdr:cNvPr id="1295" name="Check Box 271" hidden="1">
              <a:extLst>
                <a:ext uri="{63B3BB69-23CF-44E3-9099-C40C66FF867C}">
                  <a14:compatExt spid="_x0000_s1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31</xdr:row>
          <xdr:rowOff>752475</xdr:rowOff>
        </xdr:from>
        <xdr:to>
          <xdr:col>6</xdr:col>
          <xdr:colOff>323850</xdr:colOff>
          <xdr:row>131</xdr:row>
          <xdr:rowOff>971550</xdr:rowOff>
        </xdr:to>
        <xdr:sp macro="" textlink="">
          <xdr:nvSpPr>
            <xdr:cNvPr id="1296" name="Check Box 272" hidden="1">
              <a:extLst>
                <a:ext uri="{63B3BB69-23CF-44E3-9099-C40C66FF867C}">
                  <a14:compatExt spid="_x0000_s12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33</xdr:row>
          <xdr:rowOff>276225</xdr:rowOff>
        </xdr:from>
        <xdr:to>
          <xdr:col>5</xdr:col>
          <xdr:colOff>314325</xdr:colOff>
          <xdr:row>133</xdr:row>
          <xdr:rowOff>495300</xdr:rowOff>
        </xdr:to>
        <xdr:sp macro="" textlink="">
          <xdr:nvSpPr>
            <xdr:cNvPr id="1297" name="Check Box 273" hidden="1">
              <a:extLst>
                <a:ext uri="{63B3BB69-23CF-44E3-9099-C40C66FF867C}">
                  <a14:compatExt spid="_x0000_s1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33</xdr:row>
          <xdr:rowOff>276225</xdr:rowOff>
        </xdr:from>
        <xdr:to>
          <xdr:col>6</xdr:col>
          <xdr:colOff>314325</xdr:colOff>
          <xdr:row>133</xdr:row>
          <xdr:rowOff>495300</xdr:rowOff>
        </xdr:to>
        <xdr:sp macro="" textlink="">
          <xdr:nvSpPr>
            <xdr:cNvPr id="1298" name="Check Box 274" hidden="1">
              <a:extLst>
                <a:ext uri="{63B3BB69-23CF-44E3-9099-C40C66FF867C}">
                  <a14:compatExt spid="_x0000_s1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133</xdr:row>
          <xdr:rowOff>276225</xdr:rowOff>
        </xdr:from>
        <xdr:to>
          <xdr:col>7</xdr:col>
          <xdr:colOff>314325</xdr:colOff>
          <xdr:row>133</xdr:row>
          <xdr:rowOff>495300</xdr:rowOff>
        </xdr:to>
        <xdr:sp macro="" textlink="">
          <xdr:nvSpPr>
            <xdr:cNvPr id="1300" name="Check Box 276" hidden="1">
              <a:extLst>
                <a:ext uri="{63B3BB69-23CF-44E3-9099-C40C66FF867C}">
                  <a14:compatExt spid="_x0000_s1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4775</xdr:colOff>
          <xdr:row>99</xdr:row>
          <xdr:rowOff>1114425</xdr:rowOff>
        </xdr:from>
        <xdr:to>
          <xdr:col>2</xdr:col>
          <xdr:colOff>323850</xdr:colOff>
          <xdr:row>99</xdr:row>
          <xdr:rowOff>1333500</xdr:rowOff>
        </xdr:to>
        <xdr:sp macro="" textlink="">
          <xdr:nvSpPr>
            <xdr:cNvPr id="1301" name="Check Box 277" hidden="1">
              <a:extLst>
                <a:ext uri="{63B3BB69-23CF-44E3-9099-C40C66FF867C}">
                  <a14:compatExt spid="_x0000_s1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4775</xdr:colOff>
          <xdr:row>99</xdr:row>
          <xdr:rowOff>838200</xdr:rowOff>
        </xdr:from>
        <xdr:to>
          <xdr:col>2</xdr:col>
          <xdr:colOff>323850</xdr:colOff>
          <xdr:row>99</xdr:row>
          <xdr:rowOff>1057275</xdr:rowOff>
        </xdr:to>
        <xdr:sp macro="" textlink="">
          <xdr:nvSpPr>
            <xdr:cNvPr id="1303" name="Check Box 279" hidden="1">
              <a:extLst>
                <a:ext uri="{63B3BB69-23CF-44E3-9099-C40C66FF867C}">
                  <a14:compatExt spid="_x0000_s1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4775</xdr:colOff>
          <xdr:row>99</xdr:row>
          <xdr:rowOff>552450</xdr:rowOff>
        </xdr:from>
        <xdr:to>
          <xdr:col>2</xdr:col>
          <xdr:colOff>323850</xdr:colOff>
          <xdr:row>99</xdr:row>
          <xdr:rowOff>771525</xdr:rowOff>
        </xdr:to>
        <xdr:sp macro="" textlink="">
          <xdr:nvSpPr>
            <xdr:cNvPr id="1305" name="Check Box 281" hidden="1">
              <a:extLst>
                <a:ext uri="{63B3BB69-23CF-44E3-9099-C40C66FF867C}">
                  <a14:compatExt spid="_x0000_s1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4300</xdr:colOff>
          <xdr:row>99</xdr:row>
          <xdr:rowOff>114300</xdr:rowOff>
        </xdr:from>
        <xdr:to>
          <xdr:col>2</xdr:col>
          <xdr:colOff>333375</xdr:colOff>
          <xdr:row>99</xdr:row>
          <xdr:rowOff>333375</xdr:rowOff>
        </xdr:to>
        <xdr:sp macro="" textlink="">
          <xdr:nvSpPr>
            <xdr:cNvPr id="1307" name="Check Box 283" hidden="1">
              <a:extLst>
                <a:ext uri="{63B3BB69-23CF-44E3-9099-C40C66FF867C}">
                  <a14:compatExt spid="_x0000_s13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95250</xdr:colOff>
          <xdr:row>118</xdr:row>
          <xdr:rowOff>276225</xdr:rowOff>
        </xdr:from>
        <xdr:to>
          <xdr:col>7</xdr:col>
          <xdr:colOff>314325</xdr:colOff>
          <xdr:row>118</xdr:row>
          <xdr:rowOff>495300</xdr:rowOff>
        </xdr:to>
        <xdr:sp macro="" textlink="">
          <xdr:nvSpPr>
            <xdr:cNvPr id="1308" name="Check Box 284" hidden="1">
              <a:extLst>
                <a:ext uri="{63B3BB69-23CF-44E3-9099-C40C66FF867C}">
                  <a14:compatExt spid="_x0000_s13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4775</xdr:colOff>
          <xdr:row>49</xdr:row>
          <xdr:rowOff>323850</xdr:rowOff>
        </xdr:from>
        <xdr:to>
          <xdr:col>7</xdr:col>
          <xdr:colOff>323850</xdr:colOff>
          <xdr:row>49</xdr:row>
          <xdr:rowOff>542925</xdr:rowOff>
        </xdr:to>
        <xdr:sp macro="" textlink="">
          <xdr:nvSpPr>
            <xdr:cNvPr id="1309" name="Check Box 285" hidden="1">
              <a:extLst>
                <a:ext uri="{63B3BB69-23CF-44E3-9099-C40C66FF867C}">
                  <a14:compatExt spid="_x0000_s1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oneCell">
    <xdr:from>
      <xdr:col>75</xdr:col>
      <xdr:colOff>228600</xdr:colOff>
      <xdr:row>26</xdr:row>
      <xdr:rowOff>0</xdr:rowOff>
    </xdr:from>
    <xdr:to>
      <xdr:col>85</xdr:col>
      <xdr:colOff>57150</xdr:colOff>
      <xdr:row>59</xdr:row>
      <xdr:rowOff>85725</xdr:rowOff>
    </xdr:to>
    <xdr:pic>
      <xdr:nvPicPr>
        <xdr:cNvPr id="2" name="Picture 12">
          <a:extLst>
            <a:ext uri="{FF2B5EF4-FFF2-40B4-BE49-F238E27FC236}">
              <a16:creationId xmlns="" xmlns:a16="http://schemas.microsoft.com/office/drawing/2014/main" id="{ACEE5740-6770-48A7-BCB3-25706D23E3F6}"/>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4406800" y="140979525"/>
          <a:ext cx="6686550"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28576</xdr:colOff>
      <xdr:row>4</xdr:row>
      <xdr:rowOff>95249</xdr:rowOff>
    </xdr:from>
    <xdr:to>
      <xdr:col>6</xdr:col>
      <xdr:colOff>323850</xdr:colOff>
      <xdr:row>4</xdr:row>
      <xdr:rowOff>1285875</xdr:rowOff>
    </xdr:to>
    <xdr:sp macro="" textlink="">
      <xdr:nvSpPr>
        <xdr:cNvPr id="3" name="AutoShape 2">
          <a:extLst>
            <a:ext uri="{FF2B5EF4-FFF2-40B4-BE49-F238E27FC236}">
              <a16:creationId xmlns="" xmlns:a16="http://schemas.microsoft.com/office/drawing/2014/main" id="{3D931DAC-3A44-469C-9800-93CCA5472248}"/>
            </a:ext>
          </a:extLst>
        </xdr:cNvPr>
        <xdr:cNvSpPr>
          <a:spLocks noChangeArrowheads="1"/>
        </xdr:cNvSpPr>
      </xdr:nvSpPr>
      <xdr:spPr bwMode="auto">
        <a:xfrm>
          <a:off x="28576" y="1466849"/>
          <a:ext cx="7077074" cy="1190626"/>
        </a:xfrm>
        <a:prstGeom prst="roundRect">
          <a:avLst>
            <a:gd name="adj" fmla="val 7513"/>
          </a:avLst>
        </a:prstGeom>
        <a:solidFill>
          <a:srgbClr val="FFFFFF"/>
        </a:solidFill>
        <a:ln w="9525" cap="rnd">
          <a:solidFill>
            <a:srgbClr val="333399"/>
          </a:solidFill>
          <a:prstDash val="sysDot"/>
          <a:round/>
          <a:headEnd/>
          <a:tailEnd/>
        </a:ln>
      </xdr:spPr>
      <xdr:txBody>
        <a:bodyPr vertOverflow="clip" wrap="square" lIns="27432" tIns="18288" rIns="0" bIns="0" anchor="t" upright="1"/>
        <a:lstStyle/>
        <a:p>
          <a:pPr marL="0" marR="0" lvl="0" indent="0" algn="l" defTabSz="914400" rtl="0" eaLnBrk="1" fontAlgn="auto" latinLnBrk="0" hangingPunct="1">
            <a:lnSpc>
              <a:spcPts val="1100"/>
            </a:lnSpc>
            <a:spcBef>
              <a:spcPts val="0"/>
            </a:spcBef>
            <a:spcAft>
              <a:spcPts val="0"/>
            </a:spcAft>
            <a:buClrTx/>
            <a:buSzTx/>
            <a:buFontTx/>
            <a:buNone/>
            <a:tabLst/>
            <a:defRPr sz="1000"/>
          </a:pPr>
          <a:r>
            <a:rPr kumimoji="0" lang="ja-JP" altLang="en-US"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rPr>
            <a:t>○各項目を確認書類等により点検し，確認事項の内容を満たしているものには「適」，そうでないものは「不適」にチェックをしてください。</a:t>
          </a:r>
          <a:endParaRPr kumimoji="0" lang="en-US" altLang="ja-JP"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endParaRPr>
        </a:p>
        <a:p>
          <a:pPr marL="0" marR="0" lvl="0" indent="0" defTabSz="914400" rtl="0" eaLnBrk="1" fontAlgn="auto" latinLnBrk="0" hangingPunct="1">
            <a:lnSpc>
              <a:spcPts val="1100"/>
            </a:lnSpc>
            <a:spcBef>
              <a:spcPts val="0"/>
            </a:spcBef>
            <a:spcAft>
              <a:spcPts val="0"/>
            </a:spcAft>
            <a:buClrTx/>
            <a:buSzTx/>
            <a:buFontTx/>
            <a:buNone/>
            <a:tabLst/>
            <a:defRPr/>
          </a:pPr>
          <a:r>
            <a:rPr kumimoji="0" lang="ja-JP"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rPr>
            <a:t>○根拠条文欄において、</a:t>
          </a:r>
          <a:r>
            <a:rPr kumimoji="0" lang="ja-JP" altLang="en-US"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基準」とあるのは、「沖縄市介護予防・日常生活自立支援総合事業第</a:t>
          </a:r>
          <a:r>
            <a:rPr kumimoji="0" lang="en-US" altLang="ja-JP"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1</a:t>
          </a:r>
          <a:r>
            <a:rPr kumimoji="0" lang="ja-JP" altLang="en-US"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号事業訪問介護相当サービス、通所介護相当サービスの人員及び介護予防ケアマネジメントの人員、設備及び運営に関する基準を定める要綱」（平成</a:t>
          </a:r>
          <a:r>
            <a:rPr kumimoji="0" lang="en-US" altLang="ja-JP"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28</a:t>
          </a:r>
          <a:r>
            <a:rPr kumimoji="0" lang="ja-JP" altLang="en-US"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年</a:t>
          </a:r>
          <a:r>
            <a:rPr kumimoji="0" lang="en-US" altLang="ja-JP"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1</a:t>
          </a:r>
          <a:r>
            <a:rPr kumimoji="0" lang="ja-JP" altLang="en-US"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月</a:t>
          </a:r>
          <a:r>
            <a:rPr kumimoji="0" lang="en-US" altLang="ja-JP"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4</a:t>
          </a:r>
          <a:r>
            <a:rPr kumimoji="0" lang="ja-JP" altLang="en-US"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日決裁）に基づき、「指定介護予防サービス等の事業の人員、設備及び運営並びに指定介護予防サービス等に係る介護予防のための効果的な支援の方法に関する基準」（平成</a:t>
          </a:r>
          <a:r>
            <a:rPr kumimoji="0" lang="en-US" altLang="ja-JP"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18</a:t>
          </a:r>
          <a:r>
            <a:rPr kumimoji="0" lang="ja-JP" altLang="en-US"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年厚生労働省令第</a:t>
          </a:r>
          <a:r>
            <a:rPr kumimoji="0" lang="en-US" altLang="ja-JP"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35</a:t>
          </a:r>
          <a:r>
            <a:rPr kumimoji="0" lang="ja-JP" altLang="en-US"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rPr>
            <a:t>号）（旧介護予防通所介護相当サービス）を指します。</a:t>
          </a:r>
          <a:endParaRPr kumimoji="0" lang="ja-JP" altLang="ja-JP" sz="1000" b="0" i="0" u="none" strike="noStrike" kern="0" cap="none" spc="0" normalizeH="0" baseline="0" noProof="0">
            <a:ln>
              <a:noFill/>
            </a:ln>
            <a:solidFill>
              <a:schemeClr val="tx1"/>
            </a:solidFill>
            <a:effectLst/>
            <a:uLnTx/>
            <a:uFillTx/>
            <a:latin typeface="ＭＳ Ｐ明朝" panose="02020600040205080304" pitchFamily="18" charset="-128"/>
            <a:ea typeface="ＭＳ Ｐ明朝" panose="02020600040205080304" pitchFamily="18" charset="-128"/>
          </a:endParaRPr>
        </a:p>
        <a:p>
          <a:pPr marL="0" marR="0" lvl="0" indent="0" defTabSz="914400" rtl="0" eaLnBrk="1" fontAlgn="auto" latinLnBrk="0" hangingPunct="1">
            <a:lnSpc>
              <a:spcPct val="100000"/>
            </a:lnSpc>
            <a:spcBef>
              <a:spcPts val="0"/>
            </a:spcBef>
            <a:spcAft>
              <a:spcPts val="0"/>
            </a:spcAft>
            <a:buClrTx/>
            <a:buSzTx/>
            <a:buFontTx/>
            <a:buNone/>
            <a:tabLst/>
            <a:defRPr/>
          </a:pPr>
          <a:endParaRPr kumimoji="0" lang="ja-JP" altLang="en-US" sz="9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endParaRPr>
        </a:p>
      </xdr:txBody>
    </xdr:sp>
    <xdr:clientData/>
  </xdr:twoCellAnchor>
  <mc:AlternateContent xmlns:mc="http://schemas.openxmlformats.org/markup-compatibility/2006">
    <mc:Choice xmlns:a14="http://schemas.microsoft.com/office/drawing/2010/main" Requires="a14">
      <xdr:twoCellAnchor editAs="oneCell">
        <xdr:from>
          <xdr:col>5</xdr:col>
          <xdr:colOff>85725</xdr:colOff>
          <xdr:row>8</xdr:row>
          <xdr:rowOff>390525</xdr:rowOff>
        </xdr:from>
        <xdr:to>
          <xdr:col>5</xdr:col>
          <xdr:colOff>304800</xdr:colOff>
          <xdr:row>8</xdr:row>
          <xdr:rowOff>609600</xdr:rowOff>
        </xdr:to>
        <xdr:sp macro="" textlink="">
          <xdr:nvSpPr>
            <xdr:cNvPr id="2049" name="Check Box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8</xdr:row>
          <xdr:rowOff>381000</xdr:rowOff>
        </xdr:from>
        <xdr:to>
          <xdr:col>6</xdr:col>
          <xdr:colOff>295275</xdr:colOff>
          <xdr:row>8</xdr:row>
          <xdr:rowOff>600075</xdr:rowOff>
        </xdr:to>
        <xdr:sp macro="" textlink="">
          <xdr:nvSpPr>
            <xdr:cNvPr id="2050"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0</xdr:row>
          <xdr:rowOff>276225</xdr:rowOff>
        </xdr:from>
        <xdr:to>
          <xdr:col>5</xdr:col>
          <xdr:colOff>314325</xdr:colOff>
          <xdr:row>10</xdr:row>
          <xdr:rowOff>495300</xdr:rowOff>
        </xdr:to>
        <xdr:sp macro="" textlink="">
          <xdr:nvSpPr>
            <xdr:cNvPr id="2051" name="Check Box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1</xdr:row>
          <xdr:rowOff>276225</xdr:rowOff>
        </xdr:from>
        <xdr:to>
          <xdr:col>5</xdr:col>
          <xdr:colOff>304800</xdr:colOff>
          <xdr:row>11</xdr:row>
          <xdr:rowOff>495300</xdr:rowOff>
        </xdr:to>
        <xdr:sp macro="" textlink="">
          <xdr:nvSpPr>
            <xdr:cNvPr id="2052"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2</xdr:row>
          <xdr:rowOff>428625</xdr:rowOff>
        </xdr:from>
        <xdr:to>
          <xdr:col>5</xdr:col>
          <xdr:colOff>314325</xdr:colOff>
          <xdr:row>12</xdr:row>
          <xdr:rowOff>647700</xdr:rowOff>
        </xdr:to>
        <xdr:sp macro="" textlink="">
          <xdr:nvSpPr>
            <xdr:cNvPr id="2053"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3</xdr:row>
          <xdr:rowOff>209550</xdr:rowOff>
        </xdr:from>
        <xdr:to>
          <xdr:col>5</xdr:col>
          <xdr:colOff>304800</xdr:colOff>
          <xdr:row>13</xdr:row>
          <xdr:rowOff>428625</xdr:rowOff>
        </xdr:to>
        <xdr:sp macro="" textlink="">
          <xdr:nvSpPr>
            <xdr:cNvPr id="2055" name="Check Box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4</xdr:row>
          <xdr:rowOff>266700</xdr:rowOff>
        </xdr:from>
        <xdr:to>
          <xdr:col>5</xdr:col>
          <xdr:colOff>314325</xdr:colOff>
          <xdr:row>14</xdr:row>
          <xdr:rowOff>485775</xdr:rowOff>
        </xdr:to>
        <xdr:sp macro="" textlink="">
          <xdr:nvSpPr>
            <xdr:cNvPr id="2056" name="Check Box 8"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0</xdr:row>
          <xdr:rowOff>276225</xdr:rowOff>
        </xdr:from>
        <xdr:to>
          <xdr:col>6</xdr:col>
          <xdr:colOff>304800</xdr:colOff>
          <xdr:row>10</xdr:row>
          <xdr:rowOff>495300</xdr:rowOff>
        </xdr:to>
        <xdr:sp macro="" textlink="">
          <xdr:nvSpPr>
            <xdr:cNvPr id="2057" name="Check Box 9"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1</xdr:row>
          <xdr:rowOff>266700</xdr:rowOff>
        </xdr:from>
        <xdr:to>
          <xdr:col>6</xdr:col>
          <xdr:colOff>314325</xdr:colOff>
          <xdr:row>11</xdr:row>
          <xdr:rowOff>485775</xdr:rowOff>
        </xdr:to>
        <xdr:sp macro="" textlink="">
          <xdr:nvSpPr>
            <xdr:cNvPr id="2058" name="Check Box 10"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2</xdr:row>
          <xdr:rowOff>428625</xdr:rowOff>
        </xdr:from>
        <xdr:to>
          <xdr:col>6</xdr:col>
          <xdr:colOff>304800</xdr:colOff>
          <xdr:row>12</xdr:row>
          <xdr:rowOff>647700</xdr:rowOff>
        </xdr:to>
        <xdr:sp macro="" textlink="">
          <xdr:nvSpPr>
            <xdr:cNvPr id="2059" name="Check Box 11" hidden="1">
              <a:extLst>
                <a:ext uri="{63B3BB69-23CF-44E3-9099-C40C66FF867C}">
                  <a14:compatExt spid="_x0000_s2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3</xdr:row>
          <xdr:rowOff>200025</xdr:rowOff>
        </xdr:from>
        <xdr:to>
          <xdr:col>6</xdr:col>
          <xdr:colOff>304800</xdr:colOff>
          <xdr:row>13</xdr:row>
          <xdr:rowOff>419100</xdr:rowOff>
        </xdr:to>
        <xdr:sp macro="" textlink="">
          <xdr:nvSpPr>
            <xdr:cNvPr id="2060" name="Check Box 12" hidden="1">
              <a:extLst>
                <a:ext uri="{63B3BB69-23CF-44E3-9099-C40C66FF867C}">
                  <a14:compatExt spid="_x0000_s2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4</xdr:row>
          <xdr:rowOff>257175</xdr:rowOff>
        </xdr:from>
        <xdr:to>
          <xdr:col>6</xdr:col>
          <xdr:colOff>314325</xdr:colOff>
          <xdr:row>14</xdr:row>
          <xdr:rowOff>476250</xdr:rowOff>
        </xdr:to>
        <xdr:sp macro="" textlink="">
          <xdr:nvSpPr>
            <xdr:cNvPr id="2061" name="Check Box 13" hidden="1">
              <a:extLst>
                <a:ext uri="{63B3BB69-23CF-44E3-9099-C40C66FF867C}">
                  <a14:compatExt spid="_x0000_s2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15</xdr:row>
          <xdr:rowOff>371475</xdr:rowOff>
        </xdr:from>
        <xdr:to>
          <xdr:col>5</xdr:col>
          <xdr:colOff>295275</xdr:colOff>
          <xdr:row>15</xdr:row>
          <xdr:rowOff>590550</xdr:rowOff>
        </xdr:to>
        <xdr:sp macro="" textlink="">
          <xdr:nvSpPr>
            <xdr:cNvPr id="2063" name="Check Box 15" hidden="1">
              <a:extLst>
                <a:ext uri="{63B3BB69-23CF-44E3-9099-C40C66FF867C}">
                  <a14:compatExt spid="_x0000_s2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6</xdr:row>
          <xdr:rowOff>457200</xdr:rowOff>
        </xdr:from>
        <xdr:to>
          <xdr:col>5</xdr:col>
          <xdr:colOff>285750</xdr:colOff>
          <xdr:row>16</xdr:row>
          <xdr:rowOff>676275</xdr:rowOff>
        </xdr:to>
        <xdr:sp macro="" textlink="">
          <xdr:nvSpPr>
            <xdr:cNvPr id="2064" name="Check Box 16" hidden="1">
              <a:extLst>
                <a:ext uri="{63B3BB69-23CF-44E3-9099-C40C66FF867C}">
                  <a14:compatExt spid="_x0000_s2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7</xdr:row>
          <xdr:rowOff>247650</xdr:rowOff>
        </xdr:from>
        <xdr:to>
          <xdr:col>5</xdr:col>
          <xdr:colOff>314325</xdr:colOff>
          <xdr:row>17</xdr:row>
          <xdr:rowOff>466725</xdr:rowOff>
        </xdr:to>
        <xdr:sp macro="" textlink="">
          <xdr:nvSpPr>
            <xdr:cNvPr id="2065" name="Check Box 17" hidden="1">
              <a:extLst>
                <a:ext uri="{63B3BB69-23CF-44E3-9099-C40C66FF867C}">
                  <a14:compatExt spid="_x0000_s2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8</xdr:row>
          <xdr:rowOff>228600</xdr:rowOff>
        </xdr:from>
        <xdr:to>
          <xdr:col>5</xdr:col>
          <xdr:colOff>314325</xdr:colOff>
          <xdr:row>18</xdr:row>
          <xdr:rowOff>447675</xdr:rowOff>
        </xdr:to>
        <xdr:sp macro="" textlink="">
          <xdr:nvSpPr>
            <xdr:cNvPr id="2066" name="Check Box 18" hidden="1">
              <a:extLst>
                <a:ext uri="{63B3BB69-23CF-44E3-9099-C40C66FF867C}">
                  <a14:compatExt spid="_x0000_s2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9</xdr:row>
          <xdr:rowOff>257175</xdr:rowOff>
        </xdr:from>
        <xdr:to>
          <xdr:col>5</xdr:col>
          <xdr:colOff>314325</xdr:colOff>
          <xdr:row>19</xdr:row>
          <xdr:rowOff>476250</xdr:rowOff>
        </xdr:to>
        <xdr:sp macro="" textlink="">
          <xdr:nvSpPr>
            <xdr:cNvPr id="2067" name="Check Box 19" hidden="1">
              <a:extLst>
                <a:ext uri="{63B3BB69-23CF-44E3-9099-C40C66FF867C}">
                  <a14:compatExt spid="_x0000_s2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0</xdr:row>
          <xdr:rowOff>247650</xdr:rowOff>
        </xdr:from>
        <xdr:to>
          <xdr:col>5</xdr:col>
          <xdr:colOff>314325</xdr:colOff>
          <xdr:row>20</xdr:row>
          <xdr:rowOff>466725</xdr:rowOff>
        </xdr:to>
        <xdr:sp macro="" textlink="">
          <xdr:nvSpPr>
            <xdr:cNvPr id="2068" name="Check Box 20" hidden="1">
              <a:extLst>
                <a:ext uri="{63B3BB69-23CF-44E3-9099-C40C66FF867C}">
                  <a14:compatExt spid="_x0000_s2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6</xdr:row>
          <xdr:rowOff>438150</xdr:rowOff>
        </xdr:from>
        <xdr:to>
          <xdr:col>6</xdr:col>
          <xdr:colOff>304800</xdr:colOff>
          <xdr:row>16</xdr:row>
          <xdr:rowOff>657225</xdr:rowOff>
        </xdr:to>
        <xdr:sp macro="" textlink="">
          <xdr:nvSpPr>
            <xdr:cNvPr id="2069" name="Check Box 21" hidden="1">
              <a:extLst>
                <a:ext uri="{63B3BB69-23CF-44E3-9099-C40C66FF867C}">
                  <a14:compatExt spid="_x0000_s2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7</xdr:row>
          <xdr:rowOff>247650</xdr:rowOff>
        </xdr:from>
        <xdr:to>
          <xdr:col>6</xdr:col>
          <xdr:colOff>323850</xdr:colOff>
          <xdr:row>17</xdr:row>
          <xdr:rowOff>466725</xdr:rowOff>
        </xdr:to>
        <xdr:sp macro="" textlink="">
          <xdr:nvSpPr>
            <xdr:cNvPr id="2070" name="Check Box 22" hidden="1">
              <a:extLst>
                <a:ext uri="{63B3BB69-23CF-44E3-9099-C40C66FF867C}">
                  <a14:compatExt spid="_x0000_s2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8</xdr:row>
          <xdr:rowOff>228600</xdr:rowOff>
        </xdr:from>
        <xdr:to>
          <xdr:col>6</xdr:col>
          <xdr:colOff>314325</xdr:colOff>
          <xdr:row>18</xdr:row>
          <xdr:rowOff>447675</xdr:rowOff>
        </xdr:to>
        <xdr:sp macro="" textlink="">
          <xdr:nvSpPr>
            <xdr:cNvPr id="2071" name="Check Box 23" hidden="1">
              <a:extLst>
                <a:ext uri="{63B3BB69-23CF-44E3-9099-C40C66FF867C}">
                  <a14:compatExt spid="_x0000_s2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19</xdr:row>
          <xdr:rowOff>238125</xdr:rowOff>
        </xdr:from>
        <xdr:to>
          <xdr:col>6</xdr:col>
          <xdr:colOff>314325</xdr:colOff>
          <xdr:row>19</xdr:row>
          <xdr:rowOff>457200</xdr:rowOff>
        </xdr:to>
        <xdr:sp macro="" textlink="">
          <xdr:nvSpPr>
            <xdr:cNvPr id="2072" name="Check Box 24" hidden="1">
              <a:extLst>
                <a:ext uri="{63B3BB69-23CF-44E3-9099-C40C66FF867C}">
                  <a14:compatExt spid="_x0000_s2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20</xdr:row>
          <xdr:rowOff>247650</xdr:rowOff>
        </xdr:from>
        <xdr:to>
          <xdr:col>6</xdr:col>
          <xdr:colOff>304800</xdr:colOff>
          <xdr:row>20</xdr:row>
          <xdr:rowOff>466725</xdr:rowOff>
        </xdr:to>
        <xdr:sp macro="" textlink="">
          <xdr:nvSpPr>
            <xdr:cNvPr id="2074" name="Check Box 26" hidden="1">
              <a:extLst>
                <a:ext uri="{63B3BB69-23CF-44E3-9099-C40C66FF867C}">
                  <a14:compatExt spid="_x0000_s2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1</xdr:row>
          <xdr:rowOff>257175</xdr:rowOff>
        </xdr:from>
        <xdr:to>
          <xdr:col>5</xdr:col>
          <xdr:colOff>314325</xdr:colOff>
          <xdr:row>21</xdr:row>
          <xdr:rowOff>476250</xdr:rowOff>
        </xdr:to>
        <xdr:sp macro="" textlink="">
          <xdr:nvSpPr>
            <xdr:cNvPr id="2075" name="Check Box 27" hidden="1">
              <a:extLst>
                <a:ext uri="{63B3BB69-23CF-44E3-9099-C40C66FF867C}">
                  <a14:compatExt spid="_x0000_s2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21</xdr:row>
          <xdr:rowOff>257175</xdr:rowOff>
        </xdr:from>
        <xdr:to>
          <xdr:col>6</xdr:col>
          <xdr:colOff>304800</xdr:colOff>
          <xdr:row>21</xdr:row>
          <xdr:rowOff>476250</xdr:rowOff>
        </xdr:to>
        <xdr:sp macro="" textlink="">
          <xdr:nvSpPr>
            <xdr:cNvPr id="2076" name="Check Box 28" hidden="1">
              <a:extLst>
                <a:ext uri="{63B3BB69-23CF-44E3-9099-C40C66FF867C}">
                  <a14:compatExt spid="_x0000_s2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22</xdr:row>
          <xdr:rowOff>295275</xdr:rowOff>
        </xdr:from>
        <xdr:to>
          <xdr:col>5</xdr:col>
          <xdr:colOff>295275</xdr:colOff>
          <xdr:row>22</xdr:row>
          <xdr:rowOff>514350</xdr:rowOff>
        </xdr:to>
        <xdr:sp macro="" textlink="">
          <xdr:nvSpPr>
            <xdr:cNvPr id="2077" name="Check Box 29" hidden="1">
              <a:extLst>
                <a:ext uri="{63B3BB69-23CF-44E3-9099-C40C66FF867C}">
                  <a14:compatExt spid="_x0000_s2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22</xdr:row>
          <xdr:rowOff>295275</xdr:rowOff>
        </xdr:from>
        <xdr:to>
          <xdr:col>6</xdr:col>
          <xdr:colOff>314325</xdr:colOff>
          <xdr:row>22</xdr:row>
          <xdr:rowOff>514350</xdr:rowOff>
        </xdr:to>
        <xdr:sp macro="" textlink="">
          <xdr:nvSpPr>
            <xdr:cNvPr id="2078" name="Check Box 30" hidden="1">
              <a:extLst>
                <a:ext uri="{63B3BB69-23CF-44E3-9099-C40C66FF867C}">
                  <a14:compatExt spid="_x0000_s2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3</xdr:row>
          <xdr:rowOff>333375</xdr:rowOff>
        </xdr:from>
        <xdr:to>
          <xdr:col>5</xdr:col>
          <xdr:colOff>304800</xdr:colOff>
          <xdr:row>23</xdr:row>
          <xdr:rowOff>552450</xdr:rowOff>
        </xdr:to>
        <xdr:sp macro="" textlink="">
          <xdr:nvSpPr>
            <xdr:cNvPr id="2080" name="Check Box 32" hidden="1">
              <a:extLst>
                <a:ext uri="{63B3BB69-23CF-44E3-9099-C40C66FF867C}">
                  <a14:compatExt spid="_x0000_s2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3</xdr:row>
          <xdr:rowOff>333375</xdr:rowOff>
        </xdr:from>
        <xdr:to>
          <xdr:col>6</xdr:col>
          <xdr:colOff>323850</xdr:colOff>
          <xdr:row>23</xdr:row>
          <xdr:rowOff>552450</xdr:rowOff>
        </xdr:to>
        <xdr:sp macro="" textlink="">
          <xdr:nvSpPr>
            <xdr:cNvPr id="2081" name="Check Box 33" hidden="1">
              <a:extLst>
                <a:ext uri="{63B3BB69-23CF-44E3-9099-C40C66FF867C}">
                  <a14:compatExt spid="_x0000_s2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5</xdr:row>
          <xdr:rowOff>371475</xdr:rowOff>
        </xdr:from>
        <xdr:to>
          <xdr:col>6</xdr:col>
          <xdr:colOff>304800</xdr:colOff>
          <xdr:row>15</xdr:row>
          <xdr:rowOff>590550</xdr:rowOff>
        </xdr:to>
        <xdr:sp macro="" textlink="">
          <xdr:nvSpPr>
            <xdr:cNvPr id="2082" name="Check Box 34" hidden="1">
              <a:extLst>
                <a:ext uri="{63B3BB69-23CF-44E3-9099-C40C66FF867C}">
                  <a14:compatExt spid="_x0000_s2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4</xdr:row>
          <xdr:rowOff>323850</xdr:rowOff>
        </xdr:from>
        <xdr:to>
          <xdr:col>5</xdr:col>
          <xdr:colOff>304800</xdr:colOff>
          <xdr:row>24</xdr:row>
          <xdr:rowOff>542925</xdr:rowOff>
        </xdr:to>
        <xdr:sp macro="" textlink="">
          <xdr:nvSpPr>
            <xdr:cNvPr id="2083" name="Check Box 35" hidden="1">
              <a:extLst>
                <a:ext uri="{63B3BB69-23CF-44E3-9099-C40C66FF867C}">
                  <a14:compatExt spid="_x0000_s2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24</xdr:row>
          <xdr:rowOff>323850</xdr:rowOff>
        </xdr:from>
        <xdr:to>
          <xdr:col>6</xdr:col>
          <xdr:colOff>295275</xdr:colOff>
          <xdr:row>24</xdr:row>
          <xdr:rowOff>542925</xdr:rowOff>
        </xdr:to>
        <xdr:sp macro="" textlink="">
          <xdr:nvSpPr>
            <xdr:cNvPr id="2084" name="Check Box 36" hidden="1">
              <a:extLst>
                <a:ext uri="{63B3BB69-23CF-44E3-9099-C40C66FF867C}">
                  <a14:compatExt spid="_x0000_s2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5</xdr:row>
          <xdr:rowOff>447675</xdr:rowOff>
        </xdr:from>
        <xdr:to>
          <xdr:col>5</xdr:col>
          <xdr:colOff>304800</xdr:colOff>
          <xdr:row>25</xdr:row>
          <xdr:rowOff>666750</xdr:rowOff>
        </xdr:to>
        <xdr:sp macro="" textlink="">
          <xdr:nvSpPr>
            <xdr:cNvPr id="2085" name="Check Box 37" hidden="1">
              <a:extLst>
                <a:ext uri="{63B3BB69-23CF-44E3-9099-C40C66FF867C}">
                  <a14:compatExt spid="_x0000_s2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25</xdr:row>
          <xdr:rowOff>438150</xdr:rowOff>
        </xdr:from>
        <xdr:to>
          <xdr:col>6</xdr:col>
          <xdr:colOff>314325</xdr:colOff>
          <xdr:row>25</xdr:row>
          <xdr:rowOff>657225</xdr:rowOff>
        </xdr:to>
        <xdr:sp macro="" textlink="">
          <xdr:nvSpPr>
            <xdr:cNvPr id="2086" name="Check Box 38" hidden="1">
              <a:extLst>
                <a:ext uri="{63B3BB69-23CF-44E3-9099-C40C66FF867C}">
                  <a14:compatExt spid="_x0000_s2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38100</xdr:colOff>
          <xdr:row>6</xdr:row>
          <xdr:rowOff>276225</xdr:rowOff>
        </xdr:from>
        <xdr:to>
          <xdr:col>4</xdr:col>
          <xdr:colOff>238125</xdr:colOff>
          <xdr:row>6</xdr:row>
          <xdr:rowOff>514350</xdr:rowOff>
        </xdr:to>
        <xdr:sp macro="" textlink="">
          <xdr:nvSpPr>
            <xdr:cNvPr id="3073" name="Check Box 1" hidden="1">
              <a:extLst>
                <a:ext uri="{63B3BB69-23CF-44E3-9099-C40C66FF867C}">
                  <a14:compatExt spid="_x0000_s3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xdr:row>
          <xdr:rowOff>276225</xdr:rowOff>
        </xdr:from>
        <xdr:to>
          <xdr:col>4</xdr:col>
          <xdr:colOff>238125</xdr:colOff>
          <xdr:row>7</xdr:row>
          <xdr:rowOff>514350</xdr:rowOff>
        </xdr:to>
        <xdr:sp macro="" textlink="">
          <xdr:nvSpPr>
            <xdr:cNvPr id="3074" name="Check Box 2" hidden="1">
              <a:extLst>
                <a:ext uri="{63B3BB69-23CF-44E3-9099-C40C66FF867C}">
                  <a14:compatExt spid="_x0000_s3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xdr:row>
          <xdr:rowOff>276225</xdr:rowOff>
        </xdr:from>
        <xdr:to>
          <xdr:col>4</xdr:col>
          <xdr:colOff>238125</xdr:colOff>
          <xdr:row>8</xdr:row>
          <xdr:rowOff>514350</xdr:rowOff>
        </xdr:to>
        <xdr:sp macro="" textlink="">
          <xdr:nvSpPr>
            <xdr:cNvPr id="3075" name="Check Box 3" hidden="1">
              <a:extLst>
                <a:ext uri="{63B3BB69-23CF-44E3-9099-C40C66FF867C}">
                  <a14:compatExt spid="_x0000_s3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9</xdr:row>
          <xdr:rowOff>276225</xdr:rowOff>
        </xdr:from>
        <xdr:to>
          <xdr:col>4</xdr:col>
          <xdr:colOff>238125</xdr:colOff>
          <xdr:row>9</xdr:row>
          <xdr:rowOff>514350</xdr:rowOff>
        </xdr:to>
        <xdr:sp macro="" textlink="">
          <xdr:nvSpPr>
            <xdr:cNvPr id="3076" name="Check Box 4" hidden="1">
              <a:extLst>
                <a:ext uri="{63B3BB69-23CF-44E3-9099-C40C66FF867C}">
                  <a14:compatExt spid="_x0000_s3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xdr:row>
          <xdr:rowOff>276225</xdr:rowOff>
        </xdr:from>
        <xdr:to>
          <xdr:col>4</xdr:col>
          <xdr:colOff>238125</xdr:colOff>
          <xdr:row>10</xdr:row>
          <xdr:rowOff>514350</xdr:rowOff>
        </xdr:to>
        <xdr:sp macro="" textlink="">
          <xdr:nvSpPr>
            <xdr:cNvPr id="3077" name="Check Box 5" hidden="1">
              <a:extLst>
                <a:ext uri="{63B3BB69-23CF-44E3-9099-C40C66FF867C}">
                  <a14:compatExt spid="_x0000_s3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xdr:row>
          <xdr:rowOff>276225</xdr:rowOff>
        </xdr:from>
        <xdr:to>
          <xdr:col>4</xdr:col>
          <xdr:colOff>238125</xdr:colOff>
          <xdr:row>11</xdr:row>
          <xdr:rowOff>514350</xdr:rowOff>
        </xdr:to>
        <xdr:sp macro="" textlink="">
          <xdr:nvSpPr>
            <xdr:cNvPr id="3078" name="Check Box 6" hidden="1">
              <a:extLst>
                <a:ext uri="{63B3BB69-23CF-44E3-9099-C40C66FF867C}">
                  <a14:compatExt spid="_x0000_s3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xdr:row>
          <xdr:rowOff>276225</xdr:rowOff>
        </xdr:from>
        <xdr:to>
          <xdr:col>4</xdr:col>
          <xdr:colOff>238125</xdr:colOff>
          <xdr:row>12</xdr:row>
          <xdr:rowOff>514350</xdr:rowOff>
        </xdr:to>
        <xdr:sp macro="" textlink="">
          <xdr:nvSpPr>
            <xdr:cNvPr id="3079" name="Check Box 7" hidden="1">
              <a:extLst>
                <a:ext uri="{63B3BB69-23CF-44E3-9099-C40C66FF867C}">
                  <a14:compatExt spid="_x0000_s3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3</xdr:row>
          <xdr:rowOff>276225</xdr:rowOff>
        </xdr:from>
        <xdr:to>
          <xdr:col>4</xdr:col>
          <xdr:colOff>238125</xdr:colOff>
          <xdr:row>13</xdr:row>
          <xdr:rowOff>514350</xdr:rowOff>
        </xdr:to>
        <xdr:sp macro="" textlink="">
          <xdr:nvSpPr>
            <xdr:cNvPr id="3080" name="Check Box 8" hidden="1">
              <a:extLst>
                <a:ext uri="{63B3BB69-23CF-44E3-9099-C40C66FF867C}">
                  <a14:compatExt spid="_x0000_s3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5</xdr:row>
          <xdr:rowOff>0</xdr:rowOff>
        </xdr:from>
        <xdr:to>
          <xdr:col>4</xdr:col>
          <xdr:colOff>238125</xdr:colOff>
          <xdr:row>15</xdr:row>
          <xdr:rowOff>238125</xdr:rowOff>
        </xdr:to>
        <xdr:sp macro="" textlink="">
          <xdr:nvSpPr>
            <xdr:cNvPr id="3081" name="Check Box 9" hidden="1">
              <a:extLst>
                <a:ext uri="{63B3BB69-23CF-44E3-9099-C40C66FF867C}">
                  <a14:compatExt spid="_x0000_s3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5</xdr:row>
          <xdr:rowOff>0</xdr:rowOff>
        </xdr:from>
        <xdr:to>
          <xdr:col>4</xdr:col>
          <xdr:colOff>238125</xdr:colOff>
          <xdr:row>15</xdr:row>
          <xdr:rowOff>238125</xdr:rowOff>
        </xdr:to>
        <xdr:sp macro="" textlink="">
          <xdr:nvSpPr>
            <xdr:cNvPr id="3082" name="Check Box 10" hidden="1">
              <a:extLst>
                <a:ext uri="{63B3BB69-23CF-44E3-9099-C40C66FF867C}">
                  <a14:compatExt spid="_x0000_s3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7</xdr:row>
          <xdr:rowOff>0</xdr:rowOff>
        </xdr:from>
        <xdr:to>
          <xdr:col>4</xdr:col>
          <xdr:colOff>238125</xdr:colOff>
          <xdr:row>17</xdr:row>
          <xdr:rowOff>238125</xdr:rowOff>
        </xdr:to>
        <xdr:sp macro="" textlink="">
          <xdr:nvSpPr>
            <xdr:cNvPr id="3083" name="Check Box 11" hidden="1">
              <a:extLst>
                <a:ext uri="{63B3BB69-23CF-44E3-9099-C40C66FF867C}">
                  <a14:compatExt spid="_x0000_s3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9</xdr:row>
          <xdr:rowOff>0</xdr:rowOff>
        </xdr:from>
        <xdr:to>
          <xdr:col>4</xdr:col>
          <xdr:colOff>238125</xdr:colOff>
          <xdr:row>19</xdr:row>
          <xdr:rowOff>238125</xdr:rowOff>
        </xdr:to>
        <xdr:sp macro="" textlink="">
          <xdr:nvSpPr>
            <xdr:cNvPr id="3084" name="Check Box 12" hidden="1">
              <a:extLst>
                <a:ext uri="{63B3BB69-23CF-44E3-9099-C40C66FF867C}">
                  <a14:compatExt spid="_x0000_s3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8</xdr:row>
          <xdr:rowOff>9525</xdr:rowOff>
        </xdr:from>
        <xdr:to>
          <xdr:col>4</xdr:col>
          <xdr:colOff>257175</xdr:colOff>
          <xdr:row>18</xdr:row>
          <xdr:rowOff>247650</xdr:rowOff>
        </xdr:to>
        <xdr:sp macro="" textlink="">
          <xdr:nvSpPr>
            <xdr:cNvPr id="3085" name="Check Box 13" hidden="1">
              <a:extLst>
                <a:ext uri="{63B3BB69-23CF-44E3-9099-C40C66FF867C}">
                  <a14:compatExt spid="_x0000_s3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6</xdr:row>
          <xdr:rowOff>28575</xdr:rowOff>
        </xdr:from>
        <xdr:to>
          <xdr:col>4</xdr:col>
          <xdr:colOff>257175</xdr:colOff>
          <xdr:row>16</xdr:row>
          <xdr:rowOff>266700</xdr:rowOff>
        </xdr:to>
        <xdr:sp macro="" textlink="">
          <xdr:nvSpPr>
            <xdr:cNvPr id="3086" name="Check Box 14" hidden="1">
              <a:extLst>
                <a:ext uri="{63B3BB69-23CF-44E3-9099-C40C66FF867C}">
                  <a14:compatExt spid="_x0000_s3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4</xdr:row>
          <xdr:rowOff>0</xdr:rowOff>
        </xdr:from>
        <xdr:to>
          <xdr:col>4</xdr:col>
          <xdr:colOff>238125</xdr:colOff>
          <xdr:row>14</xdr:row>
          <xdr:rowOff>238125</xdr:rowOff>
        </xdr:to>
        <xdr:sp macro="" textlink="">
          <xdr:nvSpPr>
            <xdr:cNvPr id="3087" name="Check Box 15" hidden="1">
              <a:extLst>
                <a:ext uri="{63B3BB69-23CF-44E3-9099-C40C66FF867C}">
                  <a14:compatExt spid="_x0000_s3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20</xdr:row>
          <xdr:rowOff>200025</xdr:rowOff>
        </xdr:from>
        <xdr:to>
          <xdr:col>4</xdr:col>
          <xdr:colOff>257175</xdr:colOff>
          <xdr:row>20</xdr:row>
          <xdr:rowOff>438150</xdr:rowOff>
        </xdr:to>
        <xdr:sp macro="" textlink="">
          <xdr:nvSpPr>
            <xdr:cNvPr id="3088" name="Check Box 16" hidden="1">
              <a:extLst>
                <a:ext uri="{63B3BB69-23CF-44E3-9099-C40C66FF867C}">
                  <a14:compatExt spid="_x0000_s3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1</xdr:row>
          <xdr:rowOff>314325</xdr:rowOff>
        </xdr:from>
        <xdr:to>
          <xdr:col>4</xdr:col>
          <xdr:colOff>247650</xdr:colOff>
          <xdr:row>21</xdr:row>
          <xdr:rowOff>552450</xdr:rowOff>
        </xdr:to>
        <xdr:sp macro="" textlink="">
          <xdr:nvSpPr>
            <xdr:cNvPr id="3089" name="Check Box 17" hidden="1">
              <a:extLst>
                <a:ext uri="{63B3BB69-23CF-44E3-9099-C40C66FF867C}">
                  <a14:compatExt spid="_x0000_s3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22</xdr:row>
          <xdr:rowOff>200025</xdr:rowOff>
        </xdr:from>
        <xdr:to>
          <xdr:col>4</xdr:col>
          <xdr:colOff>257175</xdr:colOff>
          <xdr:row>22</xdr:row>
          <xdr:rowOff>438150</xdr:rowOff>
        </xdr:to>
        <xdr:sp macro="" textlink="">
          <xdr:nvSpPr>
            <xdr:cNvPr id="3090" name="Check Box 18" hidden="1">
              <a:extLst>
                <a:ext uri="{63B3BB69-23CF-44E3-9099-C40C66FF867C}">
                  <a14:compatExt spid="_x0000_s3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3</xdr:row>
          <xdr:rowOff>190500</xdr:rowOff>
        </xdr:from>
        <xdr:to>
          <xdr:col>4</xdr:col>
          <xdr:colOff>238125</xdr:colOff>
          <xdr:row>23</xdr:row>
          <xdr:rowOff>428625</xdr:rowOff>
        </xdr:to>
        <xdr:sp macro="" textlink="">
          <xdr:nvSpPr>
            <xdr:cNvPr id="3091" name="Check Box 19" hidden="1">
              <a:extLst>
                <a:ext uri="{63B3BB69-23CF-44E3-9099-C40C66FF867C}">
                  <a14:compatExt spid="_x0000_s3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3</xdr:row>
          <xdr:rowOff>609600</xdr:rowOff>
        </xdr:from>
        <xdr:to>
          <xdr:col>4</xdr:col>
          <xdr:colOff>247650</xdr:colOff>
          <xdr:row>25</xdr:row>
          <xdr:rowOff>28575</xdr:rowOff>
        </xdr:to>
        <xdr:sp macro="" textlink="">
          <xdr:nvSpPr>
            <xdr:cNvPr id="3092" name="Check Box 20" hidden="1">
              <a:extLst>
                <a:ext uri="{63B3BB69-23CF-44E3-9099-C40C66FF867C}">
                  <a14:compatExt spid="_x0000_s3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25</xdr:row>
          <xdr:rowOff>209550</xdr:rowOff>
        </xdr:from>
        <xdr:to>
          <xdr:col>4</xdr:col>
          <xdr:colOff>257175</xdr:colOff>
          <xdr:row>25</xdr:row>
          <xdr:rowOff>447675</xdr:rowOff>
        </xdr:to>
        <xdr:sp macro="" textlink="">
          <xdr:nvSpPr>
            <xdr:cNvPr id="3093" name="Check Box 21" hidden="1">
              <a:extLst>
                <a:ext uri="{63B3BB69-23CF-44E3-9099-C40C66FF867C}">
                  <a14:compatExt spid="_x0000_s3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6</xdr:row>
          <xdr:rowOff>0</xdr:rowOff>
        </xdr:from>
        <xdr:to>
          <xdr:col>4</xdr:col>
          <xdr:colOff>238125</xdr:colOff>
          <xdr:row>26</xdr:row>
          <xdr:rowOff>238125</xdr:rowOff>
        </xdr:to>
        <xdr:sp macro="" textlink="">
          <xdr:nvSpPr>
            <xdr:cNvPr id="3094" name="Check Box 22" hidden="1">
              <a:extLst>
                <a:ext uri="{63B3BB69-23CF-44E3-9099-C40C66FF867C}">
                  <a14:compatExt spid="_x0000_s3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7</xdr:row>
          <xdr:rowOff>323850</xdr:rowOff>
        </xdr:from>
        <xdr:to>
          <xdr:col>4</xdr:col>
          <xdr:colOff>238125</xdr:colOff>
          <xdr:row>27</xdr:row>
          <xdr:rowOff>561975</xdr:rowOff>
        </xdr:to>
        <xdr:sp macro="" textlink="">
          <xdr:nvSpPr>
            <xdr:cNvPr id="3095" name="Check Box 23" hidden="1">
              <a:extLst>
                <a:ext uri="{63B3BB69-23CF-44E3-9099-C40C66FF867C}">
                  <a14:compatExt spid="_x0000_s3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28</xdr:row>
          <xdr:rowOff>104775</xdr:rowOff>
        </xdr:from>
        <xdr:to>
          <xdr:col>4</xdr:col>
          <xdr:colOff>257175</xdr:colOff>
          <xdr:row>28</xdr:row>
          <xdr:rowOff>342900</xdr:rowOff>
        </xdr:to>
        <xdr:sp macro="" textlink="">
          <xdr:nvSpPr>
            <xdr:cNvPr id="3096" name="Check Box 24" hidden="1">
              <a:extLst>
                <a:ext uri="{63B3BB69-23CF-44E3-9099-C40C66FF867C}">
                  <a14:compatExt spid="_x0000_s30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9</xdr:row>
          <xdr:rowOff>0</xdr:rowOff>
        </xdr:from>
        <xdr:to>
          <xdr:col>4</xdr:col>
          <xdr:colOff>238125</xdr:colOff>
          <xdr:row>29</xdr:row>
          <xdr:rowOff>238125</xdr:rowOff>
        </xdr:to>
        <xdr:sp macro="" textlink="">
          <xdr:nvSpPr>
            <xdr:cNvPr id="3097" name="Check Box 25" hidden="1">
              <a:extLst>
                <a:ext uri="{63B3BB69-23CF-44E3-9099-C40C66FF867C}">
                  <a14:compatExt spid="_x0000_s3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30</xdr:row>
          <xdr:rowOff>114300</xdr:rowOff>
        </xdr:from>
        <xdr:to>
          <xdr:col>4</xdr:col>
          <xdr:colOff>257175</xdr:colOff>
          <xdr:row>30</xdr:row>
          <xdr:rowOff>352425</xdr:rowOff>
        </xdr:to>
        <xdr:sp macro="" textlink="">
          <xdr:nvSpPr>
            <xdr:cNvPr id="3098" name="Check Box 26" hidden="1">
              <a:extLst>
                <a:ext uri="{63B3BB69-23CF-44E3-9099-C40C66FF867C}">
                  <a14:compatExt spid="_x0000_s3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31</xdr:row>
          <xdr:rowOff>390525</xdr:rowOff>
        </xdr:from>
        <xdr:to>
          <xdr:col>4</xdr:col>
          <xdr:colOff>257175</xdr:colOff>
          <xdr:row>31</xdr:row>
          <xdr:rowOff>628650</xdr:rowOff>
        </xdr:to>
        <xdr:sp macro="" textlink="">
          <xdr:nvSpPr>
            <xdr:cNvPr id="3099" name="Check Box 27" hidden="1">
              <a:extLst>
                <a:ext uri="{63B3BB69-23CF-44E3-9099-C40C66FF867C}">
                  <a14:compatExt spid="_x0000_s3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32</xdr:row>
          <xdr:rowOff>628650</xdr:rowOff>
        </xdr:from>
        <xdr:to>
          <xdr:col>4</xdr:col>
          <xdr:colOff>247650</xdr:colOff>
          <xdr:row>32</xdr:row>
          <xdr:rowOff>866775</xdr:rowOff>
        </xdr:to>
        <xdr:sp macro="" textlink="">
          <xdr:nvSpPr>
            <xdr:cNvPr id="3100" name="Check Box 28" hidden="1">
              <a:extLst>
                <a:ext uri="{63B3BB69-23CF-44E3-9099-C40C66FF867C}">
                  <a14:compatExt spid="_x0000_s3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33</xdr:row>
          <xdr:rowOff>742950</xdr:rowOff>
        </xdr:from>
        <xdr:to>
          <xdr:col>4</xdr:col>
          <xdr:colOff>266700</xdr:colOff>
          <xdr:row>33</xdr:row>
          <xdr:rowOff>981075</xdr:rowOff>
        </xdr:to>
        <xdr:sp macro="" textlink="">
          <xdr:nvSpPr>
            <xdr:cNvPr id="3101" name="Check Box 29" hidden="1">
              <a:extLst>
                <a:ext uri="{63B3BB69-23CF-44E3-9099-C40C66FF867C}">
                  <a14:compatExt spid="_x0000_s3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4</xdr:row>
          <xdr:rowOff>0</xdr:rowOff>
        </xdr:from>
        <xdr:to>
          <xdr:col>4</xdr:col>
          <xdr:colOff>238125</xdr:colOff>
          <xdr:row>34</xdr:row>
          <xdr:rowOff>238125</xdr:rowOff>
        </xdr:to>
        <xdr:sp macro="" textlink="">
          <xdr:nvSpPr>
            <xdr:cNvPr id="3102" name="Check Box 30" hidden="1">
              <a:extLst>
                <a:ext uri="{63B3BB69-23CF-44E3-9099-C40C66FF867C}">
                  <a14:compatExt spid="_x0000_s3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5</xdr:row>
          <xdr:rowOff>142875</xdr:rowOff>
        </xdr:from>
        <xdr:to>
          <xdr:col>4</xdr:col>
          <xdr:colOff>238125</xdr:colOff>
          <xdr:row>35</xdr:row>
          <xdr:rowOff>381000</xdr:rowOff>
        </xdr:to>
        <xdr:sp macro="" textlink="">
          <xdr:nvSpPr>
            <xdr:cNvPr id="3103" name="Check Box 31" hidden="1">
              <a:extLst>
                <a:ext uri="{63B3BB69-23CF-44E3-9099-C40C66FF867C}">
                  <a14:compatExt spid="_x0000_s3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6</xdr:row>
          <xdr:rowOff>314325</xdr:rowOff>
        </xdr:from>
        <xdr:to>
          <xdr:col>4</xdr:col>
          <xdr:colOff>238125</xdr:colOff>
          <xdr:row>36</xdr:row>
          <xdr:rowOff>552450</xdr:rowOff>
        </xdr:to>
        <xdr:sp macro="" textlink="">
          <xdr:nvSpPr>
            <xdr:cNvPr id="3104" name="Check Box 32" hidden="1">
              <a:extLst>
                <a:ext uri="{63B3BB69-23CF-44E3-9099-C40C66FF867C}">
                  <a14:compatExt spid="_x0000_s3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7</xdr:row>
          <xdr:rowOff>209550</xdr:rowOff>
        </xdr:from>
        <xdr:to>
          <xdr:col>4</xdr:col>
          <xdr:colOff>238125</xdr:colOff>
          <xdr:row>37</xdr:row>
          <xdr:rowOff>447675</xdr:rowOff>
        </xdr:to>
        <xdr:sp macro="" textlink="">
          <xdr:nvSpPr>
            <xdr:cNvPr id="3105" name="Check Box 33" hidden="1">
              <a:extLst>
                <a:ext uri="{63B3BB69-23CF-44E3-9099-C40C66FF867C}">
                  <a14:compatExt spid="_x0000_s3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38</xdr:row>
          <xdr:rowOff>276225</xdr:rowOff>
        </xdr:from>
        <xdr:to>
          <xdr:col>4</xdr:col>
          <xdr:colOff>257175</xdr:colOff>
          <xdr:row>38</xdr:row>
          <xdr:rowOff>514350</xdr:rowOff>
        </xdr:to>
        <xdr:sp macro="" textlink="">
          <xdr:nvSpPr>
            <xdr:cNvPr id="3106" name="Check Box 34" hidden="1">
              <a:extLst>
                <a:ext uri="{63B3BB69-23CF-44E3-9099-C40C66FF867C}">
                  <a14:compatExt spid="_x0000_s3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9</xdr:row>
          <xdr:rowOff>200025</xdr:rowOff>
        </xdr:from>
        <xdr:to>
          <xdr:col>4</xdr:col>
          <xdr:colOff>238125</xdr:colOff>
          <xdr:row>39</xdr:row>
          <xdr:rowOff>438150</xdr:rowOff>
        </xdr:to>
        <xdr:sp macro="" textlink="">
          <xdr:nvSpPr>
            <xdr:cNvPr id="3107" name="Check Box 35" hidden="1">
              <a:extLst>
                <a:ext uri="{63B3BB69-23CF-44E3-9099-C40C66FF867C}">
                  <a14:compatExt spid="_x0000_s3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0</xdr:row>
          <xdr:rowOff>0</xdr:rowOff>
        </xdr:from>
        <xdr:to>
          <xdr:col>4</xdr:col>
          <xdr:colOff>238125</xdr:colOff>
          <xdr:row>40</xdr:row>
          <xdr:rowOff>238125</xdr:rowOff>
        </xdr:to>
        <xdr:sp macro="" textlink="">
          <xdr:nvSpPr>
            <xdr:cNvPr id="3108" name="Check Box 36" hidden="1">
              <a:extLst>
                <a:ext uri="{63B3BB69-23CF-44E3-9099-C40C66FF867C}">
                  <a14:compatExt spid="_x0000_s3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1</xdr:row>
          <xdr:rowOff>895350</xdr:rowOff>
        </xdr:from>
        <xdr:to>
          <xdr:col>4</xdr:col>
          <xdr:colOff>238125</xdr:colOff>
          <xdr:row>41</xdr:row>
          <xdr:rowOff>1133475</xdr:rowOff>
        </xdr:to>
        <xdr:sp macro="" textlink="">
          <xdr:nvSpPr>
            <xdr:cNvPr id="3109" name="Check Box 37" hidden="1">
              <a:extLst>
                <a:ext uri="{63B3BB69-23CF-44E3-9099-C40C66FF867C}">
                  <a14:compatExt spid="_x0000_s3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42</xdr:row>
          <xdr:rowOff>723900</xdr:rowOff>
        </xdr:from>
        <xdr:to>
          <xdr:col>4</xdr:col>
          <xdr:colOff>257175</xdr:colOff>
          <xdr:row>42</xdr:row>
          <xdr:rowOff>962025</xdr:rowOff>
        </xdr:to>
        <xdr:sp macro="" textlink="">
          <xdr:nvSpPr>
            <xdr:cNvPr id="3110" name="Check Box 38" hidden="1">
              <a:extLst>
                <a:ext uri="{63B3BB69-23CF-44E3-9099-C40C66FF867C}">
                  <a14:compatExt spid="_x0000_s3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4</xdr:row>
          <xdr:rowOff>295275</xdr:rowOff>
        </xdr:from>
        <xdr:to>
          <xdr:col>4</xdr:col>
          <xdr:colOff>238125</xdr:colOff>
          <xdr:row>44</xdr:row>
          <xdr:rowOff>533400</xdr:rowOff>
        </xdr:to>
        <xdr:sp macro="" textlink="">
          <xdr:nvSpPr>
            <xdr:cNvPr id="3111" name="Check Box 39" hidden="1">
              <a:extLst>
                <a:ext uri="{63B3BB69-23CF-44E3-9099-C40C66FF867C}">
                  <a14:compatExt spid="_x0000_s3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5</xdr:row>
          <xdr:rowOff>447675</xdr:rowOff>
        </xdr:from>
        <xdr:to>
          <xdr:col>4</xdr:col>
          <xdr:colOff>238125</xdr:colOff>
          <xdr:row>45</xdr:row>
          <xdr:rowOff>685800</xdr:rowOff>
        </xdr:to>
        <xdr:sp macro="" textlink="">
          <xdr:nvSpPr>
            <xdr:cNvPr id="3112" name="Check Box 40" hidden="1">
              <a:extLst>
                <a:ext uri="{63B3BB69-23CF-44E3-9099-C40C66FF867C}">
                  <a14:compatExt spid="_x0000_s3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8575</xdr:colOff>
          <xdr:row>46</xdr:row>
          <xdr:rowOff>323850</xdr:rowOff>
        </xdr:from>
        <xdr:to>
          <xdr:col>4</xdr:col>
          <xdr:colOff>228600</xdr:colOff>
          <xdr:row>46</xdr:row>
          <xdr:rowOff>561975</xdr:rowOff>
        </xdr:to>
        <xdr:sp macro="" textlink="">
          <xdr:nvSpPr>
            <xdr:cNvPr id="3113" name="Check Box 41" hidden="1">
              <a:extLst>
                <a:ext uri="{63B3BB69-23CF-44E3-9099-C40C66FF867C}">
                  <a14:compatExt spid="_x0000_s3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47</xdr:row>
          <xdr:rowOff>209550</xdr:rowOff>
        </xdr:from>
        <xdr:to>
          <xdr:col>4</xdr:col>
          <xdr:colOff>247650</xdr:colOff>
          <xdr:row>47</xdr:row>
          <xdr:rowOff>447675</xdr:rowOff>
        </xdr:to>
        <xdr:sp macro="" textlink="">
          <xdr:nvSpPr>
            <xdr:cNvPr id="3114" name="Check Box 42" hidden="1">
              <a:extLst>
                <a:ext uri="{63B3BB69-23CF-44E3-9099-C40C66FF867C}">
                  <a14:compatExt spid="_x0000_s3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48</xdr:row>
          <xdr:rowOff>914400</xdr:rowOff>
        </xdr:from>
        <xdr:to>
          <xdr:col>4</xdr:col>
          <xdr:colOff>266700</xdr:colOff>
          <xdr:row>48</xdr:row>
          <xdr:rowOff>1152525</xdr:rowOff>
        </xdr:to>
        <xdr:sp macro="" textlink="">
          <xdr:nvSpPr>
            <xdr:cNvPr id="3115" name="Check Box 43" hidden="1">
              <a:extLst>
                <a:ext uri="{63B3BB69-23CF-44E3-9099-C40C66FF867C}">
                  <a14:compatExt spid="_x0000_s3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49</xdr:row>
          <xdr:rowOff>200025</xdr:rowOff>
        </xdr:from>
        <xdr:to>
          <xdr:col>4</xdr:col>
          <xdr:colOff>238125</xdr:colOff>
          <xdr:row>49</xdr:row>
          <xdr:rowOff>438150</xdr:rowOff>
        </xdr:to>
        <xdr:sp macro="" textlink="">
          <xdr:nvSpPr>
            <xdr:cNvPr id="3116" name="Check Box 44" hidden="1">
              <a:extLst>
                <a:ext uri="{63B3BB69-23CF-44E3-9099-C40C66FF867C}">
                  <a14:compatExt spid="_x0000_s3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50</xdr:row>
          <xdr:rowOff>485775</xdr:rowOff>
        </xdr:from>
        <xdr:to>
          <xdr:col>4</xdr:col>
          <xdr:colOff>238125</xdr:colOff>
          <xdr:row>50</xdr:row>
          <xdr:rowOff>723900</xdr:rowOff>
        </xdr:to>
        <xdr:sp macro="" textlink="">
          <xdr:nvSpPr>
            <xdr:cNvPr id="3117" name="Check Box 45" hidden="1">
              <a:extLst>
                <a:ext uri="{63B3BB69-23CF-44E3-9099-C40C66FF867C}">
                  <a14:compatExt spid="_x0000_s3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51</xdr:row>
          <xdr:rowOff>314325</xdr:rowOff>
        </xdr:from>
        <xdr:to>
          <xdr:col>4</xdr:col>
          <xdr:colOff>247650</xdr:colOff>
          <xdr:row>51</xdr:row>
          <xdr:rowOff>552450</xdr:rowOff>
        </xdr:to>
        <xdr:sp macro="" textlink="">
          <xdr:nvSpPr>
            <xdr:cNvPr id="3118" name="Check Box 46" hidden="1">
              <a:extLst>
                <a:ext uri="{63B3BB69-23CF-44E3-9099-C40C66FF867C}">
                  <a14:compatExt spid="_x0000_s3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52</xdr:row>
          <xdr:rowOff>457200</xdr:rowOff>
        </xdr:from>
        <xdr:to>
          <xdr:col>4</xdr:col>
          <xdr:colOff>257175</xdr:colOff>
          <xdr:row>52</xdr:row>
          <xdr:rowOff>695325</xdr:rowOff>
        </xdr:to>
        <xdr:sp macro="" textlink="">
          <xdr:nvSpPr>
            <xdr:cNvPr id="3119" name="Check Box 47" hidden="1">
              <a:extLst>
                <a:ext uri="{63B3BB69-23CF-44E3-9099-C40C66FF867C}">
                  <a14:compatExt spid="_x0000_s3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28575</xdr:colOff>
          <xdr:row>53</xdr:row>
          <xdr:rowOff>466725</xdr:rowOff>
        </xdr:from>
        <xdr:to>
          <xdr:col>4</xdr:col>
          <xdr:colOff>228600</xdr:colOff>
          <xdr:row>53</xdr:row>
          <xdr:rowOff>704850</xdr:rowOff>
        </xdr:to>
        <xdr:sp macro="" textlink="">
          <xdr:nvSpPr>
            <xdr:cNvPr id="3120" name="Check Box 48" hidden="1">
              <a:extLst>
                <a:ext uri="{63B3BB69-23CF-44E3-9099-C40C66FF867C}">
                  <a14:compatExt spid="_x0000_s3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55</xdr:row>
          <xdr:rowOff>628650</xdr:rowOff>
        </xdr:from>
        <xdr:to>
          <xdr:col>4</xdr:col>
          <xdr:colOff>257175</xdr:colOff>
          <xdr:row>55</xdr:row>
          <xdr:rowOff>866775</xdr:rowOff>
        </xdr:to>
        <xdr:sp macro="" textlink="">
          <xdr:nvSpPr>
            <xdr:cNvPr id="3121" name="Check Box 49" hidden="1">
              <a:extLst>
                <a:ext uri="{63B3BB69-23CF-44E3-9099-C40C66FF867C}">
                  <a14:compatExt spid="_x0000_s3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56</xdr:row>
          <xdr:rowOff>304800</xdr:rowOff>
        </xdr:from>
        <xdr:to>
          <xdr:col>4</xdr:col>
          <xdr:colOff>257175</xdr:colOff>
          <xdr:row>56</xdr:row>
          <xdr:rowOff>542925</xdr:rowOff>
        </xdr:to>
        <xdr:sp macro="" textlink="">
          <xdr:nvSpPr>
            <xdr:cNvPr id="3122" name="Check Box 50" hidden="1">
              <a:extLst>
                <a:ext uri="{63B3BB69-23CF-44E3-9099-C40C66FF867C}">
                  <a14:compatExt spid="_x0000_s3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57</xdr:row>
          <xdr:rowOff>361950</xdr:rowOff>
        </xdr:from>
        <xdr:to>
          <xdr:col>4</xdr:col>
          <xdr:colOff>257175</xdr:colOff>
          <xdr:row>57</xdr:row>
          <xdr:rowOff>600075</xdr:rowOff>
        </xdr:to>
        <xdr:sp macro="" textlink="">
          <xdr:nvSpPr>
            <xdr:cNvPr id="3123" name="Check Box 51" hidden="1">
              <a:extLst>
                <a:ext uri="{63B3BB69-23CF-44E3-9099-C40C66FF867C}">
                  <a14:compatExt spid="_x0000_s3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58</xdr:row>
          <xdr:rowOff>295275</xdr:rowOff>
        </xdr:from>
        <xdr:to>
          <xdr:col>4</xdr:col>
          <xdr:colOff>247650</xdr:colOff>
          <xdr:row>58</xdr:row>
          <xdr:rowOff>533400</xdr:rowOff>
        </xdr:to>
        <xdr:sp macro="" textlink="">
          <xdr:nvSpPr>
            <xdr:cNvPr id="3124" name="Check Box 52" hidden="1">
              <a:extLst>
                <a:ext uri="{63B3BB69-23CF-44E3-9099-C40C66FF867C}">
                  <a14:compatExt spid="_x0000_s3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59</xdr:row>
          <xdr:rowOff>295275</xdr:rowOff>
        </xdr:from>
        <xdr:to>
          <xdr:col>4</xdr:col>
          <xdr:colOff>247650</xdr:colOff>
          <xdr:row>59</xdr:row>
          <xdr:rowOff>533400</xdr:rowOff>
        </xdr:to>
        <xdr:sp macro="" textlink="">
          <xdr:nvSpPr>
            <xdr:cNvPr id="3125" name="Check Box 53" hidden="1">
              <a:extLst>
                <a:ext uri="{63B3BB69-23CF-44E3-9099-C40C66FF867C}">
                  <a14:compatExt spid="_x0000_s3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60</xdr:row>
          <xdr:rowOff>295275</xdr:rowOff>
        </xdr:from>
        <xdr:to>
          <xdr:col>4</xdr:col>
          <xdr:colOff>257175</xdr:colOff>
          <xdr:row>60</xdr:row>
          <xdr:rowOff>533400</xdr:rowOff>
        </xdr:to>
        <xdr:sp macro="" textlink="">
          <xdr:nvSpPr>
            <xdr:cNvPr id="3126" name="Check Box 54" hidden="1">
              <a:extLst>
                <a:ext uri="{63B3BB69-23CF-44E3-9099-C40C66FF867C}">
                  <a14:compatExt spid="_x0000_s3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1</xdr:row>
          <xdr:rowOff>323850</xdr:rowOff>
        </xdr:from>
        <xdr:to>
          <xdr:col>4</xdr:col>
          <xdr:colOff>247650</xdr:colOff>
          <xdr:row>61</xdr:row>
          <xdr:rowOff>561975</xdr:rowOff>
        </xdr:to>
        <xdr:sp macro="" textlink="">
          <xdr:nvSpPr>
            <xdr:cNvPr id="3127" name="Check Box 55" hidden="1">
              <a:extLst>
                <a:ext uri="{63B3BB69-23CF-44E3-9099-C40C66FF867C}">
                  <a14:compatExt spid="_x0000_s3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2</xdr:row>
          <xdr:rowOff>0</xdr:rowOff>
        </xdr:from>
        <xdr:to>
          <xdr:col>4</xdr:col>
          <xdr:colOff>238125</xdr:colOff>
          <xdr:row>62</xdr:row>
          <xdr:rowOff>238125</xdr:rowOff>
        </xdr:to>
        <xdr:sp macro="" textlink="">
          <xdr:nvSpPr>
            <xdr:cNvPr id="3128" name="Check Box 56" hidden="1">
              <a:extLst>
                <a:ext uri="{63B3BB69-23CF-44E3-9099-C40C66FF867C}">
                  <a14:compatExt spid="_x0000_s3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63</xdr:row>
          <xdr:rowOff>190500</xdr:rowOff>
        </xdr:from>
        <xdr:to>
          <xdr:col>4</xdr:col>
          <xdr:colOff>257175</xdr:colOff>
          <xdr:row>63</xdr:row>
          <xdr:rowOff>428625</xdr:rowOff>
        </xdr:to>
        <xdr:sp macro="" textlink="">
          <xdr:nvSpPr>
            <xdr:cNvPr id="3129" name="Check Box 57" hidden="1">
              <a:extLst>
                <a:ext uri="{63B3BB69-23CF-44E3-9099-C40C66FF867C}">
                  <a14:compatExt spid="_x0000_s3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4</xdr:row>
          <xdr:rowOff>219075</xdr:rowOff>
        </xdr:from>
        <xdr:to>
          <xdr:col>4</xdr:col>
          <xdr:colOff>238125</xdr:colOff>
          <xdr:row>64</xdr:row>
          <xdr:rowOff>457200</xdr:rowOff>
        </xdr:to>
        <xdr:sp macro="" textlink="">
          <xdr:nvSpPr>
            <xdr:cNvPr id="3130" name="Check Box 58" hidden="1">
              <a:extLst>
                <a:ext uri="{63B3BB69-23CF-44E3-9099-C40C66FF867C}">
                  <a14:compatExt spid="_x0000_s3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5</xdr:row>
          <xdr:rowOff>381000</xdr:rowOff>
        </xdr:from>
        <xdr:to>
          <xdr:col>4</xdr:col>
          <xdr:colOff>238125</xdr:colOff>
          <xdr:row>65</xdr:row>
          <xdr:rowOff>619125</xdr:rowOff>
        </xdr:to>
        <xdr:sp macro="" textlink="">
          <xdr:nvSpPr>
            <xdr:cNvPr id="3131" name="Check Box 59" hidden="1">
              <a:extLst>
                <a:ext uri="{63B3BB69-23CF-44E3-9099-C40C66FF867C}">
                  <a14:compatExt spid="_x0000_s3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6</xdr:row>
          <xdr:rowOff>542925</xdr:rowOff>
        </xdr:from>
        <xdr:to>
          <xdr:col>4</xdr:col>
          <xdr:colOff>247650</xdr:colOff>
          <xdr:row>66</xdr:row>
          <xdr:rowOff>781050</xdr:rowOff>
        </xdr:to>
        <xdr:sp macro="" textlink="">
          <xdr:nvSpPr>
            <xdr:cNvPr id="3132" name="Check Box 60" hidden="1">
              <a:extLst>
                <a:ext uri="{63B3BB69-23CF-44E3-9099-C40C66FF867C}">
                  <a14:compatExt spid="_x0000_s3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67</xdr:row>
          <xdr:rowOff>295275</xdr:rowOff>
        </xdr:from>
        <xdr:to>
          <xdr:col>4</xdr:col>
          <xdr:colOff>247650</xdr:colOff>
          <xdr:row>67</xdr:row>
          <xdr:rowOff>533400</xdr:rowOff>
        </xdr:to>
        <xdr:sp macro="" textlink="">
          <xdr:nvSpPr>
            <xdr:cNvPr id="3133" name="Check Box 61" hidden="1">
              <a:extLst>
                <a:ext uri="{63B3BB69-23CF-44E3-9099-C40C66FF867C}">
                  <a14:compatExt spid="_x0000_s31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68</xdr:row>
          <xdr:rowOff>0</xdr:rowOff>
        </xdr:from>
        <xdr:to>
          <xdr:col>4</xdr:col>
          <xdr:colOff>238125</xdr:colOff>
          <xdr:row>68</xdr:row>
          <xdr:rowOff>238125</xdr:rowOff>
        </xdr:to>
        <xdr:sp macro="" textlink="">
          <xdr:nvSpPr>
            <xdr:cNvPr id="3134" name="Check Box 62" hidden="1">
              <a:extLst>
                <a:ext uri="{63B3BB69-23CF-44E3-9099-C40C66FF867C}">
                  <a14:compatExt spid="_x0000_s31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69</xdr:row>
          <xdr:rowOff>923925</xdr:rowOff>
        </xdr:from>
        <xdr:to>
          <xdr:col>4</xdr:col>
          <xdr:colOff>266700</xdr:colOff>
          <xdr:row>69</xdr:row>
          <xdr:rowOff>1162050</xdr:rowOff>
        </xdr:to>
        <xdr:sp macro="" textlink="">
          <xdr:nvSpPr>
            <xdr:cNvPr id="3135" name="Check Box 63" hidden="1">
              <a:extLst>
                <a:ext uri="{63B3BB69-23CF-44E3-9099-C40C66FF867C}">
                  <a14:compatExt spid="_x0000_s31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70</xdr:row>
          <xdr:rowOff>266700</xdr:rowOff>
        </xdr:from>
        <xdr:to>
          <xdr:col>4</xdr:col>
          <xdr:colOff>247650</xdr:colOff>
          <xdr:row>70</xdr:row>
          <xdr:rowOff>504825</xdr:rowOff>
        </xdr:to>
        <xdr:sp macro="" textlink="">
          <xdr:nvSpPr>
            <xdr:cNvPr id="3136" name="Check Box 64" hidden="1">
              <a:extLst>
                <a:ext uri="{63B3BB69-23CF-44E3-9099-C40C66FF867C}">
                  <a14:compatExt spid="_x0000_s31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71</xdr:row>
          <xdr:rowOff>352425</xdr:rowOff>
        </xdr:from>
        <xdr:to>
          <xdr:col>4</xdr:col>
          <xdr:colOff>266700</xdr:colOff>
          <xdr:row>71</xdr:row>
          <xdr:rowOff>590550</xdr:rowOff>
        </xdr:to>
        <xdr:sp macro="" textlink="">
          <xdr:nvSpPr>
            <xdr:cNvPr id="3137" name="Check Box 65" hidden="1">
              <a:extLst>
                <a:ext uri="{63B3BB69-23CF-44E3-9099-C40C66FF867C}">
                  <a14:compatExt spid="_x0000_s31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72</xdr:row>
          <xdr:rowOff>257175</xdr:rowOff>
        </xdr:from>
        <xdr:to>
          <xdr:col>4</xdr:col>
          <xdr:colOff>257175</xdr:colOff>
          <xdr:row>72</xdr:row>
          <xdr:rowOff>495300</xdr:rowOff>
        </xdr:to>
        <xdr:sp macro="" textlink="">
          <xdr:nvSpPr>
            <xdr:cNvPr id="3138" name="Check Box 66" hidden="1">
              <a:extLst>
                <a:ext uri="{63B3BB69-23CF-44E3-9099-C40C66FF867C}">
                  <a14:compatExt spid="_x0000_s31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73</xdr:row>
          <xdr:rowOff>276225</xdr:rowOff>
        </xdr:from>
        <xdr:to>
          <xdr:col>4</xdr:col>
          <xdr:colOff>266700</xdr:colOff>
          <xdr:row>73</xdr:row>
          <xdr:rowOff>514350</xdr:rowOff>
        </xdr:to>
        <xdr:sp macro="" textlink="">
          <xdr:nvSpPr>
            <xdr:cNvPr id="3139" name="Check Box 67" hidden="1">
              <a:extLst>
                <a:ext uri="{63B3BB69-23CF-44E3-9099-C40C66FF867C}">
                  <a14:compatExt spid="_x0000_s31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74</xdr:row>
          <xdr:rowOff>276225</xdr:rowOff>
        </xdr:from>
        <xdr:to>
          <xdr:col>4</xdr:col>
          <xdr:colOff>266700</xdr:colOff>
          <xdr:row>74</xdr:row>
          <xdr:rowOff>514350</xdr:rowOff>
        </xdr:to>
        <xdr:sp macro="" textlink="">
          <xdr:nvSpPr>
            <xdr:cNvPr id="3140" name="Check Box 68" hidden="1">
              <a:extLst>
                <a:ext uri="{63B3BB69-23CF-44E3-9099-C40C66FF867C}">
                  <a14:compatExt spid="_x0000_s31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75</xdr:row>
          <xdr:rowOff>285750</xdr:rowOff>
        </xdr:from>
        <xdr:to>
          <xdr:col>4</xdr:col>
          <xdr:colOff>257175</xdr:colOff>
          <xdr:row>75</xdr:row>
          <xdr:rowOff>523875</xdr:rowOff>
        </xdr:to>
        <xdr:sp macro="" textlink="">
          <xdr:nvSpPr>
            <xdr:cNvPr id="3141" name="Check Box 69" hidden="1">
              <a:extLst>
                <a:ext uri="{63B3BB69-23CF-44E3-9099-C40C66FF867C}">
                  <a14:compatExt spid="_x0000_s31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6</xdr:row>
          <xdr:rowOff>0</xdr:rowOff>
        </xdr:from>
        <xdr:to>
          <xdr:col>4</xdr:col>
          <xdr:colOff>238125</xdr:colOff>
          <xdr:row>76</xdr:row>
          <xdr:rowOff>238125</xdr:rowOff>
        </xdr:to>
        <xdr:sp macro="" textlink="">
          <xdr:nvSpPr>
            <xdr:cNvPr id="3142" name="Check Box 70" hidden="1">
              <a:extLst>
                <a:ext uri="{63B3BB69-23CF-44E3-9099-C40C66FF867C}">
                  <a14:compatExt spid="_x0000_s31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77</xdr:row>
          <xdr:rowOff>152400</xdr:rowOff>
        </xdr:from>
        <xdr:to>
          <xdr:col>4</xdr:col>
          <xdr:colOff>266700</xdr:colOff>
          <xdr:row>77</xdr:row>
          <xdr:rowOff>390525</xdr:rowOff>
        </xdr:to>
        <xdr:sp macro="" textlink="">
          <xdr:nvSpPr>
            <xdr:cNvPr id="3143" name="Check Box 71" hidden="1">
              <a:extLst>
                <a:ext uri="{63B3BB69-23CF-44E3-9099-C40C66FF867C}">
                  <a14:compatExt spid="_x0000_s31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78</xdr:row>
          <xdr:rowOff>190500</xdr:rowOff>
        </xdr:from>
        <xdr:to>
          <xdr:col>4</xdr:col>
          <xdr:colOff>247650</xdr:colOff>
          <xdr:row>78</xdr:row>
          <xdr:rowOff>428625</xdr:rowOff>
        </xdr:to>
        <xdr:sp macro="" textlink="">
          <xdr:nvSpPr>
            <xdr:cNvPr id="3144" name="Check Box 72" hidden="1">
              <a:extLst>
                <a:ext uri="{63B3BB69-23CF-44E3-9099-C40C66FF867C}">
                  <a14:compatExt spid="_x0000_s31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79</xdr:row>
          <xdr:rowOff>342900</xdr:rowOff>
        </xdr:from>
        <xdr:to>
          <xdr:col>4</xdr:col>
          <xdr:colOff>266700</xdr:colOff>
          <xdr:row>79</xdr:row>
          <xdr:rowOff>581025</xdr:rowOff>
        </xdr:to>
        <xdr:sp macro="" textlink="">
          <xdr:nvSpPr>
            <xdr:cNvPr id="3145" name="Check Box 73" hidden="1">
              <a:extLst>
                <a:ext uri="{63B3BB69-23CF-44E3-9099-C40C66FF867C}">
                  <a14:compatExt spid="_x0000_s3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80</xdr:row>
          <xdr:rowOff>533400</xdr:rowOff>
        </xdr:from>
        <xdr:to>
          <xdr:col>4</xdr:col>
          <xdr:colOff>257175</xdr:colOff>
          <xdr:row>80</xdr:row>
          <xdr:rowOff>771525</xdr:rowOff>
        </xdr:to>
        <xdr:sp macro="" textlink="">
          <xdr:nvSpPr>
            <xdr:cNvPr id="3146" name="Check Box 74" hidden="1">
              <a:extLst>
                <a:ext uri="{63B3BB69-23CF-44E3-9099-C40C66FF867C}">
                  <a14:compatExt spid="_x0000_s3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1</xdr:row>
          <xdr:rowOff>304800</xdr:rowOff>
        </xdr:from>
        <xdr:to>
          <xdr:col>4</xdr:col>
          <xdr:colOff>238125</xdr:colOff>
          <xdr:row>81</xdr:row>
          <xdr:rowOff>542925</xdr:rowOff>
        </xdr:to>
        <xdr:sp macro="" textlink="">
          <xdr:nvSpPr>
            <xdr:cNvPr id="3147" name="Check Box 75" hidden="1">
              <a:extLst>
                <a:ext uri="{63B3BB69-23CF-44E3-9099-C40C66FF867C}">
                  <a14:compatExt spid="_x0000_s3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2</xdr:row>
          <xdr:rowOff>0</xdr:rowOff>
        </xdr:from>
        <xdr:to>
          <xdr:col>4</xdr:col>
          <xdr:colOff>238125</xdr:colOff>
          <xdr:row>82</xdr:row>
          <xdr:rowOff>238125</xdr:rowOff>
        </xdr:to>
        <xdr:sp macro="" textlink="">
          <xdr:nvSpPr>
            <xdr:cNvPr id="3148" name="Check Box 76" hidden="1">
              <a:extLst>
                <a:ext uri="{63B3BB69-23CF-44E3-9099-C40C66FF867C}">
                  <a14:compatExt spid="_x0000_s3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83</xdr:row>
          <xdr:rowOff>0</xdr:rowOff>
        </xdr:from>
        <xdr:to>
          <xdr:col>4</xdr:col>
          <xdr:colOff>238125</xdr:colOff>
          <xdr:row>83</xdr:row>
          <xdr:rowOff>238125</xdr:rowOff>
        </xdr:to>
        <xdr:sp macro="" textlink="">
          <xdr:nvSpPr>
            <xdr:cNvPr id="3149" name="Check Box 77" hidden="1">
              <a:extLst>
                <a:ext uri="{63B3BB69-23CF-44E3-9099-C40C66FF867C}">
                  <a14:compatExt spid="_x0000_s3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84</xdr:row>
          <xdr:rowOff>209550</xdr:rowOff>
        </xdr:from>
        <xdr:to>
          <xdr:col>4</xdr:col>
          <xdr:colOff>247650</xdr:colOff>
          <xdr:row>84</xdr:row>
          <xdr:rowOff>447675</xdr:rowOff>
        </xdr:to>
        <xdr:sp macro="" textlink="">
          <xdr:nvSpPr>
            <xdr:cNvPr id="3150" name="Check Box 78" hidden="1">
              <a:extLst>
                <a:ext uri="{63B3BB69-23CF-44E3-9099-C40C66FF867C}">
                  <a14:compatExt spid="_x0000_s3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85</xdr:row>
          <xdr:rowOff>209550</xdr:rowOff>
        </xdr:from>
        <xdr:to>
          <xdr:col>4</xdr:col>
          <xdr:colOff>257175</xdr:colOff>
          <xdr:row>85</xdr:row>
          <xdr:rowOff>447675</xdr:rowOff>
        </xdr:to>
        <xdr:sp macro="" textlink="">
          <xdr:nvSpPr>
            <xdr:cNvPr id="3151" name="Check Box 79" hidden="1">
              <a:extLst>
                <a:ext uri="{63B3BB69-23CF-44E3-9099-C40C66FF867C}">
                  <a14:compatExt spid="_x0000_s3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86</xdr:row>
          <xdr:rowOff>104775</xdr:rowOff>
        </xdr:from>
        <xdr:to>
          <xdr:col>4</xdr:col>
          <xdr:colOff>257175</xdr:colOff>
          <xdr:row>86</xdr:row>
          <xdr:rowOff>342900</xdr:rowOff>
        </xdr:to>
        <xdr:sp macro="" textlink="">
          <xdr:nvSpPr>
            <xdr:cNvPr id="3152" name="Check Box 80" hidden="1">
              <a:extLst>
                <a:ext uri="{63B3BB69-23CF-44E3-9099-C40C66FF867C}">
                  <a14:compatExt spid="_x0000_s3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87</xdr:row>
          <xdr:rowOff>200025</xdr:rowOff>
        </xdr:from>
        <xdr:to>
          <xdr:col>4</xdr:col>
          <xdr:colOff>257175</xdr:colOff>
          <xdr:row>87</xdr:row>
          <xdr:rowOff>438150</xdr:rowOff>
        </xdr:to>
        <xdr:sp macro="" textlink="">
          <xdr:nvSpPr>
            <xdr:cNvPr id="3153" name="Check Box 81" hidden="1">
              <a:extLst>
                <a:ext uri="{63B3BB69-23CF-44E3-9099-C40C66FF867C}">
                  <a14:compatExt spid="_x0000_s3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88</xdr:row>
          <xdr:rowOff>285750</xdr:rowOff>
        </xdr:from>
        <xdr:to>
          <xdr:col>4</xdr:col>
          <xdr:colOff>266700</xdr:colOff>
          <xdr:row>88</xdr:row>
          <xdr:rowOff>523875</xdr:rowOff>
        </xdr:to>
        <xdr:sp macro="" textlink="">
          <xdr:nvSpPr>
            <xdr:cNvPr id="3154" name="Check Box 82" hidden="1">
              <a:extLst>
                <a:ext uri="{63B3BB69-23CF-44E3-9099-C40C66FF867C}">
                  <a14:compatExt spid="_x0000_s3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89</xdr:row>
          <xdr:rowOff>466725</xdr:rowOff>
        </xdr:from>
        <xdr:to>
          <xdr:col>4</xdr:col>
          <xdr:colOff>247650</xdr:colOff>
          <xdr:row>89</xdr:row>
          <xdr:rowOff>704850</xdr:rowOff>
        </xdr:to>
        <xdr:sp macro="" textlink="">
          <xdr:nvSpPr>
            <xdr:cNvPr id="3155" name="Check Box 83" hidden="1">
              <a:extLst>
                <a:ext uri="{63B3BB69-23CF-44E3-9099-C40C66FF867C}">
                  <a14:compatExt spid="_x0000_s3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90</xdr:row>
          <xdr:rowOff>200025</xdr:rowOff>
        </xdr:from>
        <xdr:to>
          <xdr:col>4</xdr:col>
          <xdr:colOff>266700</xdr:colOff>
          <xdr:row>90</xdr:row>
          <xdr:rowOff>438150</xdr:rowOff>
        </xdr:to>
        <xdr:sp macro="" textlink="">
          <xdr:nvSpPr>
            <xdr:cNvPr id="3156" name="Check Box 84" hidden="1">
              <a:extLst>
                <a:ext uri="{63B3BB69-23CF-44E3-9099-C40C66FF867C}">
                  <a14:compatExt spid="_x0000_s3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91</xdr:row>
          <xdr:rowOff>104775</xdr:rowOff>
        </xdr:from>
        <xdr:to>
          <xdr:col>4</xdr:col>
          <xdr:colOff>247650</xdr:colOff>
          <xdr:row>91</xdr:row>
          <xdr:rowOff>342900</xdr:rowOff>
        </xdr:to>
        <xdr:sp macro="" textlink="">
          <xdr:nvSpPr>
            <xdr:cNvPr id="3157" name="Check Box 85" hidden="1">
              <a:extLst>
                <a:ext uri="{63B3BB69-23CF-44E3-9099-C40C66FF867C}">
                  <a14:compatExt spid="_x0000_s3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92</xdr:row>
          <xdr:rowOff>190500</xdr:rowOff>
        </xdr:from>
        <xdr:to>
          <xdr:col>4</xdr:col>
          <xdr:colOff>257175</xdr:colOff>
          <xdr:row>92</xdr:row>
          <xdr:rowOff>428625</xdr:rowOff>
        </xdr:to>
        <xdr:sp macro="" textlink="">
          <xdr:nvSpPr>
            <xdr:cNvPr id="3158" name="Check Box 86" hidden="1">
              <a:extLst>
                <a:ext uri="{63B3BB69-23CF-44E3-9099-C40C66FF867C}">
                  <a14:compatExt spid="_x0000_s3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93</xdr:row>
          <xdr:rowOff>342900</xdr:rowOff>
        </xdr:from>
        <xdr:to>
          <xdr:col>4</xdr:col>
          <xdr:colOff>247650</xdr:colOff>
          <xdr:row>93</xdr:row>
          <xdr:rowOff>581025</xdr:rowOff>
        </xdr:to>
        <xdr:sp macro="" textlink="">
          <xdr:nvSpPr>
            <xdr:cNvPr id="3159" name="Check Box 87" hidden="1">
              <a:extLst>
                <a:ext uri="{63B3BB69-23CF-44E3-9099-C40C66FF867C}">
                  <a14:compatExt spid="_x0000_s31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94</xdr:row>
          <xdr:rowOff>514350</xdr:rowOff>
        </xdr:from>
        <xdr:to>
          <xdr:col>4</xdr:col>
          <xdr:colOff>266700</xdr:colOff>
          <xdr:row>94</xdr:row>
          <xdr:rowOff>752475</xdr:rowOff>
        </xdr:to>
        <xdr:sp macro="" textlink="">
          <xdr:nvSpPr>
            <xdr:cNvPr id="3160" name="Check Box 88" hidden="1">
              <a:extLst>
                <a:ext uri="{63B3BB69-23CF-44E3-9099-C40C66FF867C}">
                  <a14:compatExt spid="_x0000_s31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95</xdr:row>
          <xdr:rowOff>171450</xdr:rowOff>
        </xdr:from>
        <xdr:to>
          <xdr:col>4</xdr:col>
          <xdr:colOff>257175</xdr:colOff>
          <xdr:row>95</xdr:row>
          <xdr:rowOff>409575</xdr:rowOff>
        </xdr:to>
        <xdr:sp macro="" textlink="">
          <xdr:nvSpPr>
            <xdr:cNvPr id="3161" name="Check Box 89" hidden="1">
              <a:extLst>
                <a:ext uri="{63B3BB69-23CF-44E3-9099-C40C66FF867C}">
                  <a14:compatExt spid="_x0000_s31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96</xdr:row>
          <xdr:rowOff>190500</xdr:rowOff>
        </xdr:from>
        <xdr:to>
          <xdr:col>4</xdr:col>
          <xdr:colOff>247650</xdr:colOff>
          <xdr:row>96</xdr:row>
          <xdr:rowOff>428625</xdr:rowOff>
        </xdr:to>
        <xdr:sp macro="" textlink="">
          <xdr:nvSpPr>
            <xdr:cNvPr id="3162" name="Check Box 90" hidden="1">
              <a:extLst>
                <a:ext uri="{63B3BB69-23CF-44E3-9099-C40C66FF867C}">
                  <a14:compatExt spid="_x0000_s31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97</xdr:row>
          <xdr:rowOff>123825</xdr:rowOff>
        </xdr:from>
        <xdr:to>
          <xdr:col>4</xdr:col>
          <xdr:colOff>247650</xdr:colOff>
          <xdr:row>97</xdr:row>
          <xdr:rowOff>361950</xdr:rowOff>
        </xdr:to>
        <xdr:sp macro="" textlink="">
          <xdr:nvSpPr>
            <xdr:cNvPr id="3163" name="Check Box 91" hidden="1">
              <a:extLst>
                <a:ext uri="{63B3BB69-23CF-44E3-9099-C40C66FF867C}">
                  <a14:compatExt spid="_x0000_s31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98</xdr:row>
          <xdr:rowOff>0</xdr:rowOff>
        </xdr:from>
        <xdr:to>
          <xdr:col>4</xdr:col>
          <xdr:colOff>238125</xdr:colOff>
          <xdr:row>98</xdr:row>
          <xdr:rowOff>238125</xdr:rowOff>
        </xdr:to>
        <xdr:sp macro="" textlink="">
          <xdr:nvSpPr>
            <xdr:cNvPr id="3164" name="Check Box 92" hidden="1">
              <a:extLst>
                <a:ext uri="{63B3BB69-23CF-44E3-9099-C40C66FF867C}">
                  <a14:compatExt spid="_x0000_s31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00</xdr:row>
          <xdr:rowOff>447675</xdr:rowOff>
        </xdr:from>
        <xdr:to>
          <xdr:col>4</xdr:col>
          <xdr:colOff>257175</xdr:colOff>
          <xdr:row>100</xdr:row>
          <xdr:rowOff>685800</xdr:rowOff>
        </xdr:to>
        <xdr:sp macro="" textlink="">
          <xdr:nvSpPr>
            <xdr:cNvPr id="3165" name="Check Box 93" hidden="1">
              <a:extLst>
                <a:ext uri="{63B3BB69-23CF-44E3-9099-C40C66FF867C}">
                  <a14:compatExt spid="_x0000_s31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99</xdr:row>
          <xdr:rowOff>209550</xdr:rowOff>
        </xdr:from>
        <xdr:to>
          <xdr:col>4</xdr:col>
          <xdr:colOff>266700</xdr:colOff>
          <xdr:row>99</xdr:row>
          <xdr:rowOff>447675</xdr:rowOff>
        </xdr:to>
        <xdr:sp macro="" textlink="">
          <xdr:nvSpPr>
            <xdr:cNvPr id="3166" name="Check Box 94" hidden="1">
              <a:extLst>
                <a:ext uri="{63B3BB69-23CF-44E3-9099-C40C66FF867C}">
                  <a14:compatExt spid="_x0000_s31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01</xdr:row>
          <xdr:rowOff>561975</xdr:rowOff>
        </xdr:from>
        <xdr:to>
          <xdr:col>4</xdr:col>
          <xdr:colOff>257175</xdr:colOff>
          <xdr:row>101</xdr:row>
          <xdr:rowOff>800100</xdr:rowOff>
        </xdr:to>
        <xdr:sp macro="" textlink="">
          <xdr:nvSpPr>
            <xdr:cNvPr id="3167" name="Check Box 95" hidden="1">
              <a:extLst>
                <a:ext uri="{63B3BB69-23CF-44E3-9099-C40C66FF867C}">
                  <a14:compatExt spid="_x0000_s31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02</xdr:row>
          <xdr:rowOff>209550</xdr:rowOff>
        </xdr:from>
        <xdr:to>
          <xdr:col>4</xdr:col>
          <xdr:colOff>257175</xdr:colOff>
          <xdr:row>102</xdr:row>
          <xdr:rowOff>447675</xdr:rowOff>
        </xdr:to>
        <xdr:sp macro="" textlink="">
          <xdr:nvSpPr>
            <xdr:cNvPr id="3168" name="Check Box 96" hidden="1">
              <a:extLst>
                <a:ext uri="{63B3BB69-23CF-44E3-9099-C40C66FF867C}">
                  <a14:compatExt spid="_x0000_s31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03</xdr:row>
          <xdr:rowOff>114300</xdr:rowOff>
        </xdr:from>
        <xdr:to>
          <xdr:col>4</xdr:col>
          <xdr:colOff>266700</xdr:colOff>
          <xdr:row>103</xdr:row>
          <xdr:rowOff>352425</xdr:rowOff>
        </xdr:to>
        <xdr:sp macro="" textlink="">
          <xdr:nvSpPr>
            <xdr:cNvPr id="3169" name="Check Box 97" hidden="1">
              <a:extLst>
                <a:ext uri="{63B3BB69-23CF-44E3-9099-C40C66FF867C}">
                  <a14:compatExt spid="_x0000_s3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04</xdr:row>
          <xdr:rowOff>114300</xdr:rowOff>
        </xdr:from>
        <xdr:to>
          <xdr:col>4</xdr:col>
          <xdr:colOff>257175</xdr:colOff>
          <xdr:row>104</xdr:row>
          <xdr:rowOff>352425</xdr:rowOff>
        </xdr:to>
        <xdr:sp macro="" textlink="">
          <xdr:nvSpPr>
            <xdr:cNvPr id="3170" name="Check Box 98" hidden="1">
              <a:extLst>
                <a:ext uri="{63B3BB69-23CF-44E3-9099-C40C66FF867C}">
                  <a14:compatExt spid="_x0000_s3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05</xdr:row>
          <xdr:rowOff>257175</xdr:rowOff>
        </xdr:from>
        <xdr:to>
          <xdr:col>4</xdr:col>
          <xdr:colOff>266700</xdr:colOff>
          <xdr:row>105</xdr:row>
          <xdr:rowOff>495300</xdr:rowOff>
        </xdr:to>
        <xdr:sp macro="" textlink="">
          <xdr:nvSpPr>
            <xdr:cNvPr id="3171" name="Check Box 99" hidden="1">
              <a:extLst>
                <a:ext uri="{63B3BB69-23CF-44E3-9099-C40C66FF867C}">
                  <a14:compatExt spid="_x0000_s3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06</xdr:row>
          <xdr:rowOff>0</xdr:rowOff>
        </xdr:from>
        <xdr:to>
          <xdr:col>4</xdr:col>
          <xdr:colOff>238125</xdr:colOff>
          <xdr:row>106</xdr:row>
          <xdr:rowOff>238125</xdr:rowOff>
        </xdr:to>
        <xdr:sp macro="" textlink="">
          <xdr:nvSpPr>
            <xdr:cNvPr id="3172" name="Check Box 100" hidden="1">
              <a:extLst>
                <a:ext uri="{63B3BB69-23CF-44E3-9099-C40C66FF867C}">
                  <a14:compatExt spid="_x0000_s3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07</xdr:row>
          <xdr:rowOff>190500</xdr:rowOff>
        </xdr:from>
        <xdr:to>
          <xdr:col>4</xdr:col>
          <xdr:colOff>247650</xdr:colOff>
          <xdr:row>107</xdr:row>
          <xdr:rowOff>428625</xdr:rowOff>
        </xdr:to>
        <xdr:sp macro="" textlink="">
          <xdr:nvSpPr>
            <xdr:cNvPr id="3173" name="Check Box 101" hidden="1">
              <a:extLst>
                <a:ext uri="{63B3BB69-23CF-44E3-9099-C40C66FF867C}">
                  <a14:compatExt spid="_x0000_s3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08</xdr:row>
          <xdr:rowOff>114300</xdr:rowOff>
        </xdr:from>
        <xdr:to>
          <xdr:col>4</xdr:col>
          <xdr:colOff>257175</xdr:colOff>
          <xdr:row>108</xdr:row>
          <xdr:rowOff>352425</xdr:rowOff>
        </xdr:to>
        <xdr:sp macro="" textlink="">
          <xdr:nvSpPr>
            <xdr:cNvPr id="3174" name="Check Box 102" hidden="1">
              <a:extLst>
                <a:ext uri="{63B3BB69-23CF-44E3-9099-C40C66FF867C}">
                  <a14:compatExt spid="_x0000_s3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09</xdr:row>
          <xdr:rowOff>180975</xdr:rowOff>
        </xdr:from>
        <xdr:to>
          <xdr:col>4</xdr:col>
          <xdr:colOff>247650</xdr:colOff>
          <xdr:row>109</xdr:row>
          <xdr:rowOff>419100</xdr:rowOff>
        </xdr:to>
        <xdr:sp macro="" textlink="">
          <xdr:nvSpPr>
            <xdr:cNvPr id="3175" name="Check Box 103" hidden="1">
              <a:extLst>
                <a:ext uri="{63B3BB69-23CF-44E3-9099-C40C66FF867C}">
                  <a14:compatExt spid="_x0000_s3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0</xdr:row>
          <xdr:rowOff>0</xdr:rowOff>
        </xdr:from>
        <xdr:to>
          <xdr:col>4</xdr:col>
          <xdr:colOff>238125</xdr:colOff>
          <xdr:row>110</xdr:row>
          <xdr:rowOff>238125</xdr:rowOff>
        </xdr:to>
        <xdr:sp macro="" textlink="">
          <xdr:nvSpPr>
            <xdr:cNvPr id="3176" name="Check Box 104" hidden="1">
              <a:extLst>
                <a:ext uri="{63B3BB69-23CF-44E3-9099-C40C66FF867C}">
                  <a14:compatExt spid="_x0000_s3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11</xdr:row>
          <xdr:rowOff>104775</xdr:rowOff>
        </xdr:from>
        <xdr:to>
          <xdr:col>4</xdr:col>
          <xdr:colOff>247650</xdr:colOff>
          <xdr:row>111</xdr:row>
          <xdr:rowOff>342900</xdr:rowOff>
        </xdr:to>
        <xdr:sp macro="" textlink="">
          <xdr:nvSpPr>
            <xdr:cNvPr id="3177" name="Check Box 105" hidden="1">
              <a:extLst>
                <a:ext uri="{63B3BB69-23CF-44E3-9099-C40C66FF867C}">
                  <a14:compatExt spid="_x0000_s3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12</xdr:row>
          <xdr:rowOff>123825</xdr:rowOff>
        </xdr:from>
        <xdr:to>
          <xdr:col>4</xdr:col>
          <xdr:colOff>247650</xdr:colOff>
          <xdr:row>112</xdr:row>
          <xdr:rowOff>361950</xdr:rowOff>
        </xdr:to>
        <xdr:sp macro="" textlink="">
          <xdr:nvSpPr>
            <xdr:cNvPr id="3178" name="Check Box 106" hidden="1">
              <a:extLst>
                <a:ext uri="{63B3BB69-23CF-44E3-9099-C40C66FF867C}">
                  <a14:compatExt spid="_x0000_s3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3</xdr:row>
          <xdr:rowOff>0</xdr:rowOff>
        </xdr:from>
        <xdr:to>
          <xdr:col>4</xdr:col>
          <xdr:colOff>238125</xdr:colOff>
          <xdr:row>113</xdr:row>
          <xdr:rowOff>238125</xdr:rowOff>
        </xdr:to>
        <xdr:sp macro="" textlink="">
          <xdr:nvSpPr>
            <xdr:cNvPr id="3179" name="Check Box 107" hidden="1">
              <a:extLst>
                <a:ext uri="{63B3BB69-23CF-44E3-9099-C40C66FF867C}">
                  <a14:compatExt spid="_x0000_s3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4</xdr:row>
          <xdr:rowOff>0</xdr:rowOff>
        </xdr:from>
        <xdr:to>
          <xdr:col>4</xdr:col>
          <xdr:colOff>238125</xdr:colOff>
          <xdr:row>114</xdr:row>
          <xdr:rowOff>238125</xdr:rowOff>
        </xdr:to>
        <xdr:sp macro="" textlink="">
          <xdr:nvSpPr>
            <xdr:cNvPr id="3180" name="Check Box 108" hidden="1">
              <a:extLst>
                <a:ext uri="{63B3BB69-23CF-44E3-9099-C40C66FF867C}">
                  <a14:compatExt spid="_x0000_s3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15</xdr:row>
          <xdr:rowOff>200025</xdr:rowOff>
        </xdr:from>
        <xdr:to>
          <xdr:col>4</xdr:col>
          <xdr:colOff>257175</xdr:colOff>
          <xdr:row>115</xdr:row>
          <xdr:rowOff>438150</xdr:rowOff>
        </xdr:to>
        <xdr:sp macro="" textlink="">
          <xdr:nvSpPr>
            <xdr:cNvPr id="3181" name="Check Box 109" hidden="1">
              <a:extLst>
                <a:ext uri="{63B3BB69-23CF-44E3-9099-C40C66FF867C}">
                  <a14:compatExt spid="_x0000_s3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6</xdr:row>
          <xdr:rowOff>0</xdr:rowOff>
        </xdr:from>
        <xdr:to>
          <xdr:col>4</xdr:col>
          <xdr:colOff>238125</xdr:colOff>
          <xdr:row>116</xdr:row>
          <xdr:rowOff>238125</xdr:rowOff>
        </xdr:to>
        <xdr:sp macro="" textlink="">
          <xdr:nvSpPr>
            <xdr:cNvPr id="3182" name="Check Box 110" hidden="1">
              <a:extLst>
                <a:ext uri="{63B3BB69-23CF-44E3-9099-C40C66FF867C}">
                  <a14:compatExt spid="_x0000_s3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17</xdr:row>
          <xdr:rowOff>266700</xdr:rowOff>
        </xdr:from>
        <xdr:to>
          <xdr:col>4</xdr:col>
          <xdr:colOff>266700</xdr:colOff>
          <xdr:row>117</xdr:row>
          <xdr:rowOff>504825</xdr:rowOff>
        </xdr:to>
        <xdr:sp macro="" textlink="">
          <xdr:nvSpPr>
            <xdr:cNvPr id="3183" name="Check Box 111" hidden="1">
              <a:extLst>
                <a:ext uri="{63B3BB69-23CF-44E3-9099-C40C66FF867C}">
                  <a14:compatExt spid="_x0000_s31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18</xdr:row>
          <xdr:rowOff>180975</xdr:rowOff>
        </xdr:from>
        <xdr:to>
          <xdr:col>4</xdr:col>
          <xdr:colOff>257175</xdr:colOff>
          <xdr:row>118</xdr:row>
          <xdr:rowOff>419100</xdr:rowOff>
        </xdr:to>
        <xdr:sp macro="" textlink="">
          <xdr:nvSpPr>
            <xdr:cNvPr id="3184" name="Check Box 112" hidden="1">
              <a:extLst>
                <a:ext uri="{63B3BB69-23CF-44E3-9099-C40C66FF867C}">
                  <a14:compatExt spid="_x0000_s31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19</xdr:row>
          <xdr:rowOff>0</xdr:rowOff>
        </xdr:from>
        <xdr:to>
          <xdr:col>4</xdr:col>
          <xdr:colOff>238125</xdr:colOff>
          <xdr:row>119</xdr:row>
          <xdr:rowOff>238125</xdr:rowOff>
        </xdr:to>
        <xdr:sp macro="" textlink="">
          <xdr:nvSpPr>
            <xdr:cNvPr id="3185" name="Check Box 113" hidden="1">
              <a:extLst>
                <a:ext uri="{63B3BB69-23CF-44E3-9099-C40C66FF867C}">
                  <a14:compatExt spid="_x0000_s31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20</xdr:row>
          <xdr:rowOff>180975</xdr:rowOff>
        </xdr:from>
        <xdr:to>
          <xdr:col>4</xdr:col>
          <xdr:colOff>247650</xdr:colOff>
          <xdr:row>120</xdr:row>
          <xdr:rowOff>419100</xdr:rowOff>
        </xdr:to>
        <xdr:sp macro="" textlink="">
          <xdr:nvSpPr>
            <xdr:cNvPr id="3186" name="Check Box 114" hidden="1">
              <a:extLst>
                <a:ext uri="{63B3BB69-23CF-44E3-9099-C40C66FF867C}">
                  <a14:compatExt spid="_x0000_s31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1</xdr:row>
          <xdr:rowOff>0</xdr:rowOff>
        </xdr:from>
        <xdr:to>
          <xdr:col>4</xdr:col>
          <xdr:colOff>238125</xdr:colOff>
          <xdr:row>121</xdr:row>
          <xdr:rowOff>238125</xdr:rowOff>
        </xdr:to>
        <xdr:sp macro="" textlink="">
          <xdr:nvSpPr>
            <xdr:cNvPr id="3187" name="Check Box 115" hidden="1">
              <a:extLst>
                <a:ext uri="{63B3BB69-23CF-44E3-9099-C40C66FF867C}">
                  <a14:compatExt spid="_x0000_s31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22</xdr:row>
          <xdr:rowOff>314325</xdr:rowOff>
        </xdr:from>
        <xdr:to>
          <xdr:col>4</xdr:col>
          <xdr:colOff>276225</xdr:colOff>
          <xdr:row>122</xdr:row>
          <xdr:rowOff>552450</xdr:rowOff>
        </xdr:to>
        <xdr:sp macro="" textlink="">
          <xdr:nvSpPr>
            <xdr:cNvPr id="3188" name="Check Box 116" hidden="1">
              <a:extLst>
                <a:ext uri="{63B3BB69-23CF-44E3-9099-C40C66FF867C}">
                  <a14:compatExt spid="_x0000_s31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23</xdr:row>
          <xdr:rowOff>209550</xdr:rowOff>
        </xdr:from>
        <xdr:to>
          <xdr:col>4</xdr:col>
          <xdr:colOff>266700</xdr:colOff>
          <xdr:row>123</xdr:row>
          <xdr:rowOff>447675</xdr:rowOff>
        </xdr:to>
        <xdr:sp macro="" textlink="">
          <xdr:nvSpPr>
            <xdr:cNvPr id="3189" name="Check Box 117" hidden="1">
              <a:extLst>
                <a:ext uri="{63B3BB69-23CF-44E3-9099-C40C66FF867C}">
                  <a14:compatExt spid="_x0000_s31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24</xdr:row>
          <xdr:rowOff>180975</xdr:rowOff>
        </xdr:from>
        <xdr:to>
          <xdr:col>4</xdr:col>
          <xdr:colOff>266700</xdr:colOff>
          <xdr:row>124</xdr:row>
          <xdr:rowOff>419100</xdr:rowOff>
        </xdr:to>
        <xdr:sp macro="" textlink="">
          <xdr:nvSpPr>
            <xdr:cNvPr id="3190" name="Check Box 118" hidden="1">
              <a:extLst>
                <a:ext uri="{63B3BB69-23CF-44E3-9099-C40C66FF867C}">
                  <a14:compatExt spid="_x0000_s31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5</xdr:row>
          <xdr:rowOff>0</xdr:rowOff>
        </xdr:from>
        <xdr:to>
          <xdr:col>4</xdr:col>
          <xdr:colOff>238125</xdr:colOff>
          <xdr:row>125</xdr:row>
          <xdr:rowOff>238125</xdr:rowOff>
        </xdr:to>
        <xdr:sp macro="" textlink="">
          <xdr:nvSpPr>
            <xdr:cNvPr id="3191" name="Check Box 119" hidden="1">
              <a:extLst>
                <a:ext uri="{63B3BB69-23CF-44E3-9099-C40C66FF867C}">
                  <a14:compatExt spid="_x0000_s31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26</xdr:row>
          <xdr:rowOff>304800</xdr:rowOff>
        </xdr:from>
        <xdr:to>
          <xdr:col>4</xdr:col>
          <xdr:colOff>247650</xdr:colOff>
          <xdr:row>126</xdr:row>
          <xdr:rowOff>542925</xdr:rowOff>
        </xdr:to>
        <xdr:sp macro="" textlink="">
          <xdr:nvSpPr>
            <xdr:cNvPr id="3192" name="Check Box 120" hidden="1">
              <a:extLst>
                <a:ext uri="{63B3BB69-23CF-44E3-9099-C40C66FF867C}">
                  <a14:compatExt spid="_x0000_s31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27</xdr:row>
          <xdr:rowOff>190500</xdr:rowOff>
        </xdr:from>
        <xdr:to>
          <xdr:col>4</xdr:col>
          <xdr:colOff>266700</xdr:colOff>
          <xdr:row>127</xdr:row>
          <xdr:rowOff>428625</xdr:rowOff>
        </xdr:to>
        <xdr:sp macro="" textlink="">
          <xdr:nvSpPr>
            <xdr:cNvPr id="3193" name="Check Box 121" hidden="1">
              <a:extLst>
                <a:ext uri="{63B3BB69-23CF-44E3-9099-C40C66FF867C}">
                  <a14:compatExt spid="_x0000_s3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28</xdr:row>
          <xdr:rowOff>85725</xdr:rowOff>
        </xdr:from>
        <xdr:to>
          <xdr:col>4</xdr:col>
          <xdr:colOff>247650</xdr:colOff>
          <xdr:row>128</xdr:row>
          <xdr:rowOff>323850</xdr:rowOff>
        </xdr:to>
        <xdr:sp macro="" textlink="">
          <xdr:nvSpPr>
            <xdr:cNvPr id="3194" name="Check Box 122" hidden="1">
              <a:extLst>
                <a:ext uri="{63B3BB69-23CF-44E3-9099-C40C66FF867C}">
                  <a14:compatExt spid="_x0000_s3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9</xdr:row>
          <xdr:rowOff>104775</xdr:rowOff>
        </xdr:from>
        <xdr:to>
          <xdr:col>4</xdr:col>
          <xdr:colOff>238125</xdr:colOff>
          <xdr:row>129</xdr:row>
          <xdr:rowOff>342900</xdr:rowOff>
        </xdr:to>
        <xdr:sp macro="" textlink="">
          <xdr:nvSpPr>
            <xdr:cNvPr id="3195" name="Check Box 123" hidden="1">
              <a:extLst>
                <a:ext uri="{63B3BB69-23CF-44E3-9099-C40C66FF867C}">
                  <a14:compatExt spid="_x0000_s3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30</xdr:row>
          <xdr:rowOff>0</xdr:rowOff>
        </xdr:from>
        <xdr:to>
          <xdr:col>4</xdr:col>
          <xdr:colOff>238125</xdr:colOff>
          <xdr:row>130</xdr:row>
          <xdr:rowOff>238125</xdr:rowOff>
        </xdr:to>
        <xdr:sp macro="" textlink="">
          <xdr:nvSpPr>
            <xdr:cNvPr id="3196" name="Check Box 124" hidden="1">
              <a:extLst>
                <a:ext uri="{63B3BB69-23CF-44E3-9099-C40C66FF867C}">
                  <a14:compatExt spid="_x0000_s3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31</xdr:row>
          <xdr:rowOff>0</xdr:rowOff>
        </xdr:from>
        <xdr:to>
          <xdr:col>4</xdr:col>
          <xdr:colOff>238125</xdr:colOff>
          <xdr:row>131</xdr:row>
          <xdr:rowOff>238125</xdr:rowOff>
        </xdr:to>
        <xdr:sp macro="" textlink="">
          <xdr:nvSpPr>
            <xdr:cNvPr id="3197" name="Check Box 125" hidden="1">
              <a:extLst>
                <a:ext uri="{63B3BB69-23CF-44E3-9099-C40C66FF867C}">
                  <a14:compatExt spid="_x0000_s3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32</xdr:row>
          <xdr:rowOff>114300</xdr:rowOff>
        </xdr:from>
        <xdr:to>
          <xdr:col>4</xdr:col>
          <xdr:colOff>276225</xdr:colOff>
          <xdr:row>132</xdr:row>
          <xdr:rowOff>352425</xdr:rowOff>
        </xdr:to>
        <xdr:sp macro="" textlink="">
          <xdr:nvSpPr>
            <xdr:cNvPr id="3198" name="Check Box 126" hidden="1">
              <a:extLst>
                <a:ext uri="{63B3BB69-23CF-44E3-9099-C40C66FF867C}">
                  <a14:compatExt spid="_x0000_s3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33</xdr:row>
          <xdr:rowOff>95250</xdr:rowOff>
        </xdr:from>
        <xdr:to>
          <xdr:col>4</xdr:col>
          <xdr:colOff>266700</xdr:colOff>
          <xdr:row>133</xdr:row>
          <xdr:rowOff>333375</xdr:rowOff>
        </xdr:to>
        <xdr:sp macro="" textlink="">
          <xdr:nvSpPr>
            <xdr:cNvPr id="3199" name="Check Box 127" hidden="1">
              <a:extLst>
                <a:ext uri="{63B3BB69-23CF-44E3-9099-C40C66FF867C}">
                  <a14:compatExt spid="_x0000_s3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34</xdr:row>
          <xdr:rowOff>0</xdr:rowOff>
        </xdr:from>
        <xdr:to>
          <xdr:col>4</xdr:col>
          <xdr:colOff>238125</xdr:colOff>
          <xdr:row>134</xdr:row>
          <xdr:rowOff>238125</xdr:rowOff>
        </xdr:to>
        <xdr:sp macro="" textlink="">
          <xdr:nvSpPr>
            <xdr:cNvPr id="3200" name="Check Box 128" hidden="1">
              <a:extLst>
                <a:ext uri="{63B3BB69-23CF-44E3-9099-C40C66FF867C}">
                  <a14:compatExt spid="_x0000_s3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35</xdr:row>
          <xdr:rowOff>0</xdr:rowOff>
        </xdr:from>
        <xdr:to>
          <xdr:col>4</xdr:col>
          <xdr:colOff>238125</xdr:colOff>
          <xdr:row>135</xdr:row>
          <xdr:rowOff>238125</xdr:rowOff>
        </xdr:to>
        <xdr:sp macro="" textlink="">
          <xdr:nvSpPr>
            <xdr:cNvPr id="3201" name="Check Box 129" hidden="1">
              <a:extLst>
                <a:ext uri="{63B3BB69-23CF-44E3-9099-C40C66FF867C}">
                  <a14:compatExt spid="_x0000_s3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36</xdr:row>
          <xdr:rowOff>0</xdr:rowOff>
        </xdr:from>
        <xdr:to>
          <xdr:col>4</xdr:col>
          <xdr:colOff>238125</xdr:colOff>
          <xdr:row>136</xdr:row>
          <xdr:rowOff>238125</xdr:rowOff>
        </xdr:to>
        <xdr:sp macro="" textlink="">
          <xdr:nvSpPr>
            <xdr:cNvPr id="3202" name="Check Box 130" hidden="1">
              <a:extLst>
                <a:ext uri="{63B3BB69-23CF-44E3-9099-C40C66FF867C}">
                  <a14:compatExt spid="_x0000_s3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37</xdr:row>
          <xdr:rowOff>104775</xdr:rowOff>
        </xdr:from>
        <xdr:to>
          <xdr:col>4</xdr:col>
          <xdr:colOff>266700</xdr:colOff>
          <xdr:row>137</xdr:row>
          <xdr:rowOff>342900</xdr:rowOff>
        </xdr:to>
        <xdr:sp macro="" textlink="">
          <xdr:nvSpPr>
            <xdr:cNvPr id="3203" name="Check Box 131" hidden="1">
              <a:extLst>
                <a:ext uri="{63B3BB69-23CF-44E3-9099-C40C66FF867C}">
                  <a14:compatExt spid="_x0000_s3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138</xdr:row>
          <xdr:rowOff>209550</xdr:rowOff>
        </xdr:from>
        <xdr:to>
          <xdr:col>4</xdr:col>
          <xdr:colOff>276225</xdr:colOff>
          <xdr:row>138</xdr:row>
          <xdr:rowOff>447675</xdr:rowOff>
        </xdr:to>
        <xdr:sp macro="" textlink="">
          <xdr:nvSpPr>
            <xdr:cNvPr id="3204" name="Check Box 132" hidden="1">
              <a:extLst>
                <a:ext uri="{63B3BB69-23CF-44E3-9099-C40C66FF867C}">
                  <a14:compatExt spid="_x0000_s3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39</xdr:row>
          <xdr:rowOff>114300</xdr:rowOff>
        </xdr:from>
        <xdr:to>
          <xdr:col>4</xdr:col>
          <xdr:colOff>257175</xdr:colOff>
          <xdr:row>139</xdr:row>
          <xdr:rowOff>352425</xdr:rowOff>
        </xdr:to>
        <xdr:sp macro="" textlink="">
          <xdr:nvSpPr>
            <xdr:cNvPr id="3205" name="Check Box 133" hidden="1">
              <a:extLst>
                <a:ext uri="{63B3BB69-23CF-44E3-9099-C40C66FF867C}">
                  <a14:compatExt spid="_x0000_s3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40</xdr:row>
          <xdr:rowOff>0</xdr:rowOff>
        </xdr:from>
        <xdr:to>
          <xdr:col>4</xdr:col>
          <xdr:colOff>238125</xdr:colOff>
          <xdr:row>140</xdr:row>
          <xdr:rowOff>238125</xdr:rowOff>
        </xdr:to>
        <xdr:sp macro="" textlink="">
          <xdr:nvSpPr>
            <xdr:cNvPr id="3206" name="Check Box 134" hidden="1">
              <a:extLst>
                <a:ext uri="{63B3BB69-23CF-44E3-9099-C40C66FF867C}">
                  <a14:compatExt spid="_x0000_s3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41</xdr:row>
          <xdr:rowOff>0</xdr:rowOff>
        </xdr:from>
        <xdr:to>
          <xdr:col>4</xdr:col>
          <xdr:colOff>238125</xdr:colOff>
          <xdr:row>141</xdr:row>
          <xdr:rowOff>238125</xdr:rowOff>
        </xdr:to>
        <xdr:sp macro="" textlink="">
          <xdr:nvSpPr>
            <xdr:cNvPr id="3207" name="Check Box 135" hidden="1">
              <a:extLst>
                <a:ext uri="{63B3BB69-23CF-44E3-9099-C40C66FF867C}">
                  <a14:compatExt spid="_x0000_s3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42</xdr:row>
          <xdr:rowOff>0</xdr:rowOff>
        </xdr:from>
        <xdr:to>
          <xdr:col>4</xdr:col>
          <xdr:colOff>238125</xdr:colOff>
          <xdr:row>142</xdr:row>
          <xdr:rowOff>238125</xdr:rowOff>
        </xdr:to>
        <xdr:sp macro="" textlink="">
          <xdr:nvSpPr>
            <xdr:cNvPr id="3208" name="Check Box 136" hidden="1">
              <a:extLst>
                <a:ext uri="{63B3BB69-23CF-44E3-9099-C40C66FF867C}">
                  <a14:compatExt spid="_x0000_s3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43</xdr:row>
          <xdr:rowOff>209550</xdr:rowOff>
        </xdr:from>
        <xdr:to>
          <xdr:col>4</xdr:col>
          <xdr:colOff>247650</xdr:colOff>
          <xdr:row>143</xdr:row>
          <xdr:rowOff>447675</xdr:rowOff>
        </xdr:to>
        <xdr:sp macro="" textlink="">
          <xdr:nvSpPr>
            <xdr:cNvPr id="3209" name="Check Box 137" hidden="1">
              <a:extLst>
                <a:ext uri="{63B3BB69-23CF-44E3-9099-C40C66FF867C}">
                  <a14:compatExt spid="_x0000_s3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44</xdr:row>
          <xdr:rowOff>285750</xdr:rowOff>
        </xdr:from>
        <xdr:to>
          <xdr:col>4</xdr:col>
          <xdr:colOff>238125</xdr:colOff>
          <xdr:row>144</xdr:row>
          <xdr:rowOff>523875</xdr:rowOff>
        </xdr:to>
        <xdr:sp macro="" textlink="">
          <xdr:nvSpPr>
            <xdr:cNvPr id="3210" name="Check Box 138" hidden="1">
              <a:extLst>
                <a:ext uri="{63B3BB69-23CF-44E3-9099-C40C66FF867C}">
                  <a14:compatExt spid="_x0000_s3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45</xdr:row>
          <xdr:rowOff>314325</xdr:rowOff>
        </xdr:from>
        <xdr:to>
          <xdr:col>4</xdr:col>
          <xdr:colOff>257175</xdr:colOff>
          <xdr:row>145</xdr:row>
          <xdr:rowOff>552450</xdr:rowOff>
        </xdr:to>
        <xdr:sp macro="" textlink="">
          <xdr:nvSpPr>
            <xdr:cNvPr id="3211" name="Check Box 139" hidden="1">
              <a:extLst>
                <a:ext uri="{63B3BB69-23CF-44E3-9099-C40C66FF867C}">
                  <a14:compatExt spid="_x0000_s3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46</xdr:row>
          <xdr:rowOff>285750</xdr:rowOff>
        </xdr:from>
        <xdr:to>
          <xdr:col>4</xdr:col>
          <xdr:colOff>257175</xdr:colOff>
          <xdr:row>146</xdr:row>
          <xdr:rowOff>523875</xdr:rowOff>
        </xdr:to>
        <xdr:sp macro="" textlink="">
          <xdr:nvSpPr>
            <xdr:cNvPr id="3212" name="Check Box 140" hidden="1">
              <a:extLst>
                <a:ext uri="{63B3BB69-23CF-44E3-9099-C40C66FF867C}">
                  <a14:compatExt spid="_x0000_s3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47</xdr:row>
          <xdr:rowOff>552450</xdr:rowOff>
        </xdr:from>
        <xdr:to>
          <xdr:col>4</xdr:col>
          <xdr:colOff>257175</xdr:colOff>
          <xdr:row>147</xdr:row>
          <xdr:rowOff>790575</xdr:rowOff>
        </xdr:to>
        <xdr:sp macro="" textlink="">
          <xdr:nvSpPr>
            <xdr:cNvPr id="3213" name="Check Box 141" hidden="1">
              <a:extLst>
                <a:ext uri="{63B3BB69-23CF-44E3-9099-C40C66FF867C}">
                  <a14:compatExt spid="_x0000_s3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48</xdr:row>
          <xdr:rowOff>200025</xdr:rowOff>
        </xdr:from>
        <xdr:to>
          <xdr:col>4</xdr:col>
          <xdr:colOff>257175</xdr:colOff>
          <xdr:row>148</xdr:row>
          <xdr:rowOff>438150</xdr:rowOff>
        </xdr:to>
        <xdr:sp macro="" textlink="">
          <xdr:nvSpPr>
            <xdr:cNvPr id="3214" name="Check Box 142" hidden="1">
              <a:extLst>
                <a:ext uri="{63B3BB69-23CF-44E3-9099-C40C66FF867C}">
                  <a14:compatExt spid="_x0000_s3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49</xdr:row>
          <xdr:rowOff>333375</xdr:rowOff>
        </xdr:from>
        <xdr:to>
          <xdr:col>4</xdr:col>
          <xdr:colOff>257175</xdr:colOff>
          <xdr:row>150</xdr:row>
          <xdr:rowOff>114300</xdr:rowOff>
        </xdr:to>
        <xdr:sp macro="" textlink="">
          <xdr:nvSpPr>
            <xdr:cNvPr id="3215" name="Check Box 143" hidden="1">
              <a:extLst>
                <a:ext uri="{63B3BB69-23CF-44E3-9099-C40C66FF867C}">
                  <a14:compatExt spid="_x0000_s32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51</xdr:row>
          <xdr:rowOff>0</xdr:rowOff>
        </xdr:from>
        <xdr:to>
          <xdr:col>4</xdr:col>
          <xdr:colOff>238125</xdr:colOff>
          <xdr:row>151</xdr:row>
          <xdr:rowOff>238125</xdr:rowOff>
        </xdr:to>
        <xdr:sp macro="" textlink="">
          <xdr:nvSpPr>
            <xdr:cNvPr id="3216" name="Check Box 144" hidden="1">
              <a:extLst>
                <a:ext uri="{63B3BB69-23CF-44E3-9099-C40C66FF867C}">
                  <a14:compatExt spid="_x0000_s32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52</xdr:row>
          <xdr:rowOff>114300</xdr:rowOff>
        </xdr:from>
        <xdr:to>
          <xdr:col>4</xdr:col>
          <xdr:colOff>257175</xdr:colOff>
          <xdr:row>152</xdr:row>
          <xdr:rowOff>352425</xdr:rowOff>
        </xdr:to>
        <xdr:sp macro="" textlink="">
          <xdr:nvSpPr>
            <xdr:cNvPr id="3217" name="Check Box 145" hidden="1">
              <a:extLst>
                <a:ext uri="{63B3BB69-23CF-44E3-9099-C40C66FF867C}">
                  <a14:compatExt spid="_x0000_s3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53</xdr:row>
          <xdr:rowOff>0</xdr:rowOff>
        </xdr:from>
        <xdr:to>
          <xdr:col>4</xdr:col>
          <xdr:colOff>238125</xdr:colOff>
          <xdr:row>153</xdr:row>
          <xdr:rowOff>238125</xdr:rowOff>
        </xdr:to>
        <xdr:sp macro="" textlink="">
          <xdr:nvSpPr>
            <xdr:cNvPr id="3218" name="Check Box 146" hidden="1">
              <a:extLst>
                <a:ext uri="{63B3BB69-23CF-44E3-9099-C40C66FF867C}">
                  <a14:compatExt spid="_x0000_s3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54</xdr:row>
          <xdr:rowOff>257175</xdr:rowOff>
        </xdr:from>
        <xdr:to>
          <xdr:col>4</xdr:col>
          <xdr:colOff>257175</xdr:colOff>
          <xdr:row>155</xdr:row>
          <xdr:rowOff>38100</xdr:rowOff>
        </xdr:to>
        <xdr:sp macro="" textlink="">
          <xdr:nvSpPr>
            <xdr:cNvPr id="3219" name="Check Box 147" hidden="1">
              <a:extLst>
                <a:ext uri="{63B3BB69-23CF-44E3-9099-C40C66FF867C}">
                  <a14:compatExt spid="_x0000_s3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56</xdr:row>
          <xdr:rowOff>0</xdr:rowOff>
        </xdr:from>
        <xdr:to>
          <xdr:col>4</xdr:col>
          <xdr:colOff>238125</xdr:colOff>
          <xdr:row>156</xdr:row>
          <xdr:rowOff>238125</xdr:rowOff>
        </xdr:to>
        <xdr:sp macro="" textlink="">
          <xdr:nvSpPr>
            <xdr:cNvPr id="3220" name="Check Box 148" hidden="1">
              <a:extLst>
                <a:ext uri="{63B3BB69-23CF-44E3-9099-C40C66FF867C}">
                  <a14:compatExt spid="_x0000_s3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57</xdr:row>
          <xdr:rowOff>123825</xdr:rowOff>
        </xdr:from>
        <xdr:to>
          <xdr:col>4</xdr:col>
          <xdr:colOff>247650</xdr:colOff>
          <xdr:row>157</xdr:row>
          <xdr:rowOff>361950</xdr:rowOff>
        </xdr:to>
        <xdr:sp macro="" textlink="">
          <xdr:nvSpPr>
            <xdr:cNvPr id="3221" name="Check Box 149" hidden="1">
              <a:extLst>
                <a:ext uri="{63B3BB69-23CF-44E3-9099-C40C66FF867C}">
                  <a14:compatExt spid="_x0000_s3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58</xdr:row>
          <xdr:rowOff>0</xdr:rowOff>
        </xdr:from>
        <xdr:to>
          <xdr:col>4</xdr:col>
          <xdr:colOff>238125</xdr:colOff>
          <xdr:row>158</xdr:row>
          <xdr:rowOff>238125</xdr:rowOff>
        </xdr:to>
        <xdr:sp macro="" textlink="">
          <xdr:nvSpPr>
            <xdr:cNvPr id="3222" name="Check Box 150" hidden="1">
              <a:extLst>
                <a:ext uri="{63B3BB69-23CF-44E3-9099-C40C66FF867C}">
                  <a14:compatExt spid="_x0000_s3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59</xdr:row>
          <xdr:rowOff>104775</xdr:rowOff>
        </xdr:from>
        <xdr:to>
          <xdr:col>4</xdr:col>
          <xdr:colOff>266700</xdr:colOff>
          <xdr:row>159</xdr:row>
          <xdr:rowOff>342900</xdr:rowOff>
        </xdr:to>
        <xdr:sp macro="" textlink="">
          <xdr:nvSpPr>
            <xdr:cNvPr id="3223" name="Check Box 151" hidden="1">
              <a:extLst>
                <a:ext uri="{63B3BB69-23CF-44E3-9099-C40C66FF867C}">
                  <a14:compatExt spid="_x0000_s3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0</xdr:row>
          <xdr:rowOff>0</xdr:rowOff>
        </xdr:from>
        <xdr:to>
          <xdr:col>4</xdr:col>
          <xdr:colOff>238125</xdr:colOff>
          <xdr:row>160</xdr:row>
          <xdr:rowOff>238125</xdr:rowOff>
        </xdr:to>
        <xdr:sp macro="" textlink="">
          <xdr:nvSpPr>
            <xdr:cNvPr id="3224" name="Check Box 152" hidden="1">
              <a:extLst>
                <a:ext uri="{63B3BB69-23CF-44E3-9099-C40C66FF867C}">
                  <a14:compatExt spid="_x0000_s3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61</xdr:row>
          <xdr:rowOff>76200</xdr:rowOff>
        </xdr:from>
        <xdr:to>
          <xdr:col>4</xdr:col>
          <xdr:colOff>247650</xdr:colOff>
          <xdr:row>161</xdr:row>
          <xdr:rowOff>314325</xdr:rowOff>
        </xdr:to>
        <xdr:sp macro="" textlink="">
          <xdr:nvSpPr>
            <xdr:cNvPr id="3225" name="Check Box 153" hidden="1">
              <a:extLst>
                <a:ext uri="{63B3BB69-23CF-44E3-9099-C40C66FF867C}">
                  <a14:compatExt spid="_x0000_s3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2</xdr:row>
          <xdr:rowOff>0</xdr:rowOff>
        </xdr:from>
        <xdr:to>
          <xdr:col>4</xdr:col>
          <xdr:colOff>238125</xdr:colOff>
          <xdr:row>162</xdr:row>
          <xdr:rowOff>238125</xdr:rowOff>
        </xdr:to>
        <xdr:sp macro="" textlink="">
          <xdr:nvSpPr>
            <xdr:cNvPr id="3226" name="Check Box 154" hidden="1">
              <a:extLst>
                <a:ext uri="{63B3BB69-23CF-44E3-9099-C40C66FF867C}">
                  <a14:compatExt spid="_x0000_s3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3</xdr:row>
          <xdr:rowOff>0</xdr:rowOff>
        </xdr:from>
        <xdr:to>
          <xdr:col>4</xdr:col>
          <xdr:colOff>238125</xdr:colOff>
          <xdr:row>163</xdr:row>
          <xdr:rowOff>238125</xdr:rowOff>
        </xdr:to>
        <xdr:sp macro="" textlink="">
          <xdr:nvSpPr>
            <xdr:cNvPr id="3227" name="Check Box 155" hidden="1">
              <a:extLst>
                <a:ext uri="{63B3BB69-23CF-44E3-9099-C40C66FF867C}">
                  <a14:compatExt spid="_x0000_s3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4</xdr:row>
          <xdr:rowOff>0</xdr:rowOff>
        </xdr:from>
        <xdr:to>
          <xdr:col>4</xdr:col>
          <xdr:colOff>238125</xdr:colOff>
          <xdr:row>164</xdr:row>
          <xdr:rowOff>238125</xdr:rowOff>
        </xdr:to>
        <xdr:sp macro="" textlink="">
          <xdr:nvSpPr>
            <xdr:cNvPr id="3228" name="Check Box 156" hidden="1">
              <a:extLst>
                <a:ext uri="{63B3BB69-23CF-44E3-9099-C40C66FF867C}">
                  <a14:compatExt spid="_x0000_s3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5</xdr:row>
          <xdr:rowOff>0</xdr:rowOff>
        </xdr:from>
        <xdr:to>
          <xdr:col>4</xdr:col>
          <xdr:colOff>238125</xdr:colOff>
          <xdr:row>165</xdr:row>
          <xdr:rowOff>238125</xdr:rowOff>
        </xdr:to>
        <xdr:sp macro="" textlink="">
          <xdr:nvSpPr>
            <xdr:cNvPr id="3229" name="Check Box 157" hidden="1">
              <a:extLst>
                <a:ext uri="{63B3BB69-23CF-44E3-9099-C40C66FF867C}">
                  <a14:compatExt spid="_x0000_s3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6</xdr:row>
          <xdr:rowOff>0</xdr:rowOff>
        </xdr:from>
        <xdr:to>
          <xdr:col>4</xdr:col>
          <xdr:colOff>238125</xdr:colOff>
          <xdr:row>166</xdr:row>
          <xdr:rowOff>238125</xdr:rowOff>
        </xdr:to>
        <xdr:sp macro="" textlink="">
          <xdr:nvSpPr>
            <xdr:cNvPr id="3230" name="Check Box 158" hidden="1">
              <a:extLst>
                <a:ext uri="{63B3BB69-23CF-44E3-9099-C40C66FF867C}">
                  <a14:compatExt spid="_x0000_s3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8</xdr:row>
          <xdr:rowOff>114300</xdr:rowOff>
        </xdr:from>
        <xdr:to>
          <xdr:col>4</xdr:col>
          <xdr:colOff>238125</xdr:colOff>
          <xdr:row>168</xdr:row>
          <xdr:rowOff>352425</xdr:rowOff>
        </xdr:to>
        <xdr:sp macro="" textlink="">
          <xdr:nvSpPr>
            <xdr:cNvPr id="3231" name="Check Box 159" hidden="1">
              <a:extLst>
                <a:ext uri="{63B3BB69-23CF-44E3-9099-C40C66FF867C}">
                  <a14:compatExt spid="_x0000_s3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9</xdr:row>
          <xdr:rowOff>104775</xdr:rowOff>
        </xdr:from>
        <xdr:to>
          <xdr:col>4</xdr:col>
          <xdr:colOff>238125</xdr:colOff>
          <xdr:row>169</xdr:row>
          <xdr:rowOff>342900</xdr:rowOff>
        </xdr:to>
        <xdr:sp macro="" textlink="">
          <xdr:nvSpPr>
            <xdr:cNvPr id="3232" name="Check Box 160" hidden="1">
              <a:extLst>
                <a:ext uri="{63B3BB69-23CF-44E3-9099-C40C66FF867C}">
                  <a14:compatExt spid="_x0000_s3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70</xdr:row>
          <xdr:rowOff>200025</xdr:rowOff>
        </xdr:from>
        <xdr:to>
          <xdr:col>4</xdr:col>
          <xdr:colOff>257175</xdr:colOff>
          <xdr:row>170</xdr:row>
          <xdr:rowOff>438150</xdr:rowOff>
        </xdr:to>
        <xdr:sp macro="" textlink="">
          <xdr:nvSpPr>
            <xdr:cNvPr id="3233" name="Check Box 161" hidden="1">
              <a:extLst>
                <a:ext uri="{63B3BB69-23CF-44E3-9099-C40C66FF867C}">
                  <a14:compatExt spid="_x0000_s3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71</xdr:row>
          <xdr:rowOff>95250</xdr:rowOff>
        </xdr:from>
        <xdr:to>
          <xdr:col>4</xdr:col>
          <xdr:colOff>247650</xdr:colOff>
          <xdr:row>171</xdr:row>
          <xdr:rowOff>333375</xdr:rowOff>
        </xdr:to>
        <xdr:sp macro="" textlink="">
          <xdr:nvSpPr>
            <xdr:cNvPr id="3234" name="Check Box 162" hidden="1">
              <a:extLst>
                <a:ext uri="{63B3BB69-23CF-44E3-9099-C40C66FF867C}">
                  <a14:compatExt spid="_x0000_s3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72</xdr:row>
          <xdr:rowOff>0</xdr:rowOff>
        </xdr:from>
        <xdr:to>
          <xdr:col>4</xdr:col>
          <xdr:colOff>238125</xdr:colOff>
          <xdr:row>172</xdr:row>
          <xdr:rowOff>238125</xdr:rowOff>
        </xdr:to>
        <xdr:sp macro="" textlink="">
          <xdr:nvSpPr>
            <xdr:cNvPr id="3235" name="Check Box 163" hidden="1">
              <a:extLst>
                <a:ext uri="{63B3BB69-23CF-44E3-9099-C40C66FF867C}">
                  <a14:compatExt spid="_x0000_s3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73</xdr:row>
          <xdr:rowOff>0</xdr:rowOff>
        </xdr:from>
        <xdr:to>
          <xdr:col>4</xdr:col>
          <xdr:colOff>238125</xdr:colOff>
          <xdr:row>173</xdr:row>
          <xdr:rowOff>238125</xdr:rowOff>
        </xdr:to>
        <xdr:sp macro="" textlink="">
          <xdr:nvSpPr>
            <xdr:cNvPr id="3236" name="Check Box 164" hidden="1">
              <a:extLst>
                <a:ext uri="{63B3BB69-23CF-44E3-9099-C40C66FF867C}">
                  <a14:compatExt spid="_x0000_s3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74</xdr:row>
          <xdr:rowOff>0</xdr:rowOff>
        </xdr:from>
        <xdr:to>
          <xdr:col>4</xdr:col>
          <xdr:colOff>238125</xdr:colOff>
          <xdr:row>174</xdr:row>
          <xdr:rowOff>238125</xdr:rowOff>
        </xdr:to>
        <xdr:sp macro="" textlink="">
          <xdr:nvSpPr>
            <xdr:cNvPr id="3237" name="Check Box 165" hidden="1">
              <a:extLst>
                <a:ext uri="{63B3BB69-23CF-44E3-9099-C40C66FF867C}">
                  <a14:compatExt spid="_x0000_s3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75</xdr:row>
          <xdr:rowOff>0</xdr:rowOff>
        </xdr:from>
        <xdr:to>
          <xdr:col>4</xdr:col>
          <xdr:colOff>238125</xdr:colOff>
          <xdr:row>175</xdr:row>
          <xdr:rowOff>238125</xdr:rowOff>
        </xdr:to>
        <xdr:sp macro="" textlink="">
          <xdr:nvSpPr>
            <xdr:cNvPr id="3238" name="Check Box 166" hidden="1">
              <a:extLst>
                <a:ext uri="{63B3BB69-23CF-44E3-9099-C40C66FF867C}">
                  <a14:compatExt spid="_x0000_s3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76</xdr:row>
          <xdr:rowOff>0</xdr:rowOff>
        </xdr:from>
        <xdr:to>
          <xdr:col>4</xdr:col>
          <xdr:colOff>238125</xdr:colOff>
          <xdr:row>176</xdr:row>
          <xdr:rowOff>238125</xdr:rowOff>
        </xdr:to>
        <xdr:sp macro="" textlink="">
          <xdr:nvSpPr>
            <xdr:cNvPr id="3239" name="Check Box 167" hidden="1">
              <a:extLst>
                <a:ext uri="{63B3BB69-23CF-44E3-9099-C40C66FF867C}">
                  <a14:compatExt spid="_x0000_s3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77</xdr:row>
          <xdr:rowOff>0</xdr:rowOff>
        </xdr:from>
        <xdr:to>
          <xdr:col>4</xdr:col>
          <xdr:colOff>238125</xdr:colOff>
          <xdr:row>177</xdr:row>
          <xdr:rowOff>238125</xdr:rowOff>
        </xdr:to>
        <xdr:sp macro="" textlink="">
          <xdr:nvSpPr>
            <xdr:cNvPr id="3240" name="Check Box 168" hidden="1">
              <a:extLst>
                <a:ext uri="{63B3BB69-23CF-44E3-9099-C40C66FF867C}">
                  <a14:compatExt spid="_x0000_s3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79</xdr:row>
          <xdr:rowOff>123825</xdr:rowOff>
        </xdr:from>
        <xdr:to>
          <xdr:col>4</xdr:col>
          <xdr:colOff>238125</xdr:colOff>
          <xdr:row>179</xdr:row>
          <xdr:rowOff>361950</xdr:rowOff>
        </xdr:to>
        <xdr:sp macro="" textlink="">
          <xdr:nvSpPr>
            <xdr:cNvPr id="3241" name="Check Box 169" hidden="1">
              <a:extLst>
                <a:ext uri="{63B3BB69-23CF-44E3-9099-C40C66FF867C}">
                  <a14:compatExt spid="_x0000_s3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0</xdr:row>
          <xdr:rowOff>104775</xdr:rowOff>
        </xdr:from>
        <xdr:to>
          <xdr:col>4</xdr:col>
          <xdr:colOff>238125</xdr:colOff>
          <xdr:row>180</xdr:row>
          <xdr:rowOff>342900</xdr:rowOff>
        </xdr:to>
        <xdr:sp macro="" textlink="">
          <xdr:nvSpPr>
            <xdr:cNvPr id="3242" name="Check Box 170" hidden="1">
              <a:extLst>
                <a:ext uri="{63B3BB69-23CF-44E3-9099-C40C66FF867C}">
                  <a14:compatExt spid="_x0000_s3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81</xdr:row>
          <xdr:rowOff>104775</xdr:rowOff>
        </xdr:from>
        <xdr:to>
          <xdr:col>4</xdr:col>
          <xdr:colOff>247650</xdr:colOff>
          <xdr:row>181</xdr:row>
          <xdr:rowOff>342900</xdr:rowOff>
        </xdr:to>
        <xdr:sp macro="" textlink="">
          <xdr:nvSpPr>
            <xdr:cNvPr id="3243" name="Check Box 171" hidden="1">
              <a:extLst>
                <a:ext uri="{63B3BB69-23CF-44E3-9099-C40C66FF867C}">
                  <a14:compatExt spid="_x0000_s3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2</xdr:row>
          <xdr:rowOff>0</xdr:rowOff>
        </xdr:from>
        <xdr:to>
          <xdr:col>4</xdr:col>
          <xdr:colOff>238125</xdr:colOff>
          <xdr:row>182</xdr:row>
          <xdr:rowOff>238125</xdr:rowOff>
        </xdr:to>
        <xdr:sp macro="" textlink="">
          <xdr:nvSpPr>
            <xdr:cNvPr id="3244" name="Check Box 172" hidden="1">
              <a:extLst>
                <a:ext uri="{63B3BB69-23CF-44E3-9099-C40C66FF867C}">
                  <a14:compatExt spid="_x0000_s3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3</xdr:row>
          <xdr:rowOff>0</xdr:rowOff>
        </xdr:from>
        <xdr:to>
          <xdr:col>4</xdr:col>
          <xdr:colOff>238125</xdr:colOff>
          <xdr:row>183</xdr:row>
          <xdr:rowOff>238125</xdr:rowOff>
        </xdr:to>
        <xdr:sp macro="" textlink="">
          <xdr:nvSpPr>
            <xdr:cNvPr id="3245" name="Check Box 173" hidden="1">
              <a:extLst>
                <a:ext uri="{63B3BB69-23CF-44E3-9099-C40C66FF867C}">
                  <a14:compatExt spid="_x0000_s3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4</xdr:row>
          <xdr:rowOff>0</xdr:rowOff>
        </xdr:from>
        <xdr:to>
          <xdr:col>4</xdr:col>
          <xdr:colOff>238125</xdr:colOff>
          <xdr:row>184</xdr:row>
          <xdr:rowOff>238125</xdr:rowOff>
        </xdr:to>
        <xdr:sp macro="" textlink="">
          <xdr:nvSpPr>
            <xdr:cNvPr id="3246" name="Check Box 174" hidden="1">
              <a:extLst>
                <a:ext uri="{63B3BB69-23CF-44E3-9099-C40C66FF867C}">
                  <a14:compatExt spid="_x0000_s3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5</xdr:row>
          <xdr:rowOff>0</xdr:rowOff>
        </xdr:from>
        <xdr:to>
          <xdr:col>4</xdr:col>
          <xdr:colOff>238125</xdr:colOff>
          <xdr:row>185</xdr:row>
          <xdr:rowOff>238125</xdr:rowOff>
        </xdr:to>
        <xdr:sp macro="" textlink="">
          <xdr:nvSpPr>
            <xdr:cNvPr id="3247" name="Check Box 175" hidden="1">
              <a:extLst>
                <a:ext uri="{63B3BB69-23CF-44E3-9099-C40C66FF867C}">
                  <a14:compatExt spid="_x0000_s3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6</xdr:row>
          <xdr:rowOff>0</xdr:rowOff>
        </xdr:from>
        <xdr:to>
          <xdr:col>4</xdr:col>
          <xdr:colOff>238125</xdr:colOff>
          <xdr:row>186</xdr:row>
          <xdr:rowOff>238125</xdr:rowOff>
        </xdr:to>
        <xdr:sp macro="" textlink="">
          <xdr:nvSpPr>
            <xdr:cNvPr id="3248" name="Check Box 176" hidden="1">
              <a:extLst>
                <a:ext uri="{63B3BB69-23CF-44E3-9099-C40C66FF867C}">
                  <a14:compatExt spid="_x0000_s3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7</xdr:row>
          <xdr:rowOff>0</xdr:rowOff>
        </xdr:from>
        <xdr:to>
          <xdr:col>4</xdr:col>
          <xdr:colOff>238125</xdr:colOff>
          <xdr:row>187</xdr:row>
          <xdr:rowOff>238125</xdr:rowOff>
        </xdr:to>
        <xdr:sp macro="" textlink="">
          <xdr:nvSpPr>
            <xdr:cNvPr id="3249" name="Check Box 177" hidden="1">
              <a:extLst>
                <a:ext uri="{63B3BB69-23CF-44E3-9099-C40C66FF867C}">
                  <a14:compatExt spid="_x0000_s3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89</xdr:row>
          <xdr:rowOff>114300</xdr:rowOff>
        </xdr:from>
        <xdr:to>
          <xdr:col>4</xdr:col>
          <xdr:colOff>247650</xdr:colOff>
          <xdr:row>189</xdr:row>
          <xdr:rowOff>352425</xdr:rowOff>
        </xdr:to>
        <xdr:sp macro="" textlink="">
          <xdr:nvSpPr>
            <xdr:cNvPr id="3250" name="Check Box 178" hidden="1">
              <a:extLst>
                <a:ext uri="{63B3BB69-23CF-44E3-9099-C40C66FF867C}">
                  <a14:compatExt spid="_x0000_s3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190</xdr:row>
          <xdr:rowOff>133350</xdr:rowOff>
        </xdr:from>
        <xdr:to>
          <xdr:col>4</xdr:col>
          <xdr:colOff>266700</xdr:colOff>
          <xdr:row>190</xdr:row>
          <xdr:rowOff>371475</xdr:rowOff>
        </xdr:to>
        <xdr:sp macro="" textlink="">
          <xdr:nvSpPr>
            <xdr:cNvPr id="3251" name="Check Box 179" hidden="1">
              <a:extLst>
                <a:ext uri="{63B3BB69-23CF-44E3-9099-C40C66FF867C}">
                  <a14:compatExt spid="_x0000_s3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91</xdr:row>
          <xdr:rowOff>95250</xdr:rowOff>
        </xdr:from>
        <xdr:to>
          <xdr:col>4</xdr:col>
          <xdr:colOff>247650</xdr:colOff>
          <xdr:row>191</xdr:row>
          <xdr:rowOff>333375</xdr:rowOff>
        </xdr:to>
        <xdr:sp macro="" textlink="">
          <xdr:nvSpPr>
            <xdr:cNvPr id="3252" name="Check Box 180" hidden="1">
              <a:extLst>
                <a:ext uri="{63B3BB69-23CF-44E3-9099-C40C66FF867C}">
                  <a14:compatExt spid="_x0000_s3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94</xdr:row>
          <xdr:rowOff>466725</xdr:rowOff>
        </xdr:from>
        <xdr:to>
          <xdr:col>4</xdr:col>
          <xdr:colOff>247650</xdr:colOff>
          <xdr:row>194</xdr:row>
          <xdr:rowOff>704850</xdr:rowOff>
        </xdr:to>
        <xdr:sp macro="" textlink="">
          <xdr:nvSpPr>
            <xdr:cNvPr id="3253" name="Check Box 181" hidden="1">
              <a:extLst>
                <a:ext uri="{63B3BB69-23CF-44E3-9099-C40C66FF867C}">
                  <a14:compatExt spid="_x0000_s3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97</xdr:row>
          <xdr:rowOff>76200</xdr:rowOff>
        </xdr:from>
        <xdr:to>
          <xdr:col>4</xdr:col>
          <xdr:colOff>257175</xdr:colOff>
          <xdr:row>197</xdr:row>
          <xdr:rowOff>314325</xdr:rowOff>
        </xdr:to>
        <xdr:sp macro="" textlink="">
          <xdr:nvSpPr>
            <xdr:cNvPr id="3254" name="Check Box 182" hidden="1">
              <a:extLst>
                <a:ext uri="{63B3BB69-23CF-44E3-9099-C40C66FF867C}">
                  <a14:compatExt spid="_x0000_s3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98</xdr:row>
          <xdr:rowOff>104775</xdr:rowOff>
        </xdr:from>
        <xdr:to>
          <xdr:col>4</xdr:col>
          <xdr:colOff>247650</xdr:colOff>
          <xdr:row>198</xdr:row>
          <xdr:rowOff>342900</xdr:rowOff>
        </xdr:to>
        <xdr:sp macro="" textlink="">
          <xdr:nvSpPr>
            <xdr:cNvPr id="3255" name="Check Box 183" hidden="1">
              <a:extLst>
                <a:ext uri="{63B3BB69-23CF-44E3-9099-C40C66FF867C}">
                  <a14:compatExt spid="_x0000_s3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99</xdr:row>
          <xdr:rowOff>0</xdr:rowOff>
        </xdr:from>
        <xdr:to>
          <xdr:col>4</xdr:col>
          <xdr:colOff>238125</xdr:colOff>
          <xdr:row>199</xdr:row>
          <xdr:rowOff>238125</xdr:rowOff>
        </xdr:to>
        <xdr:sp macro="" textlink="">
          <xdr:nvSpPr>
            <xdr:cNvPr id="3256" name="Check Box 184" hidden="1">
              <a:extLst>
                <a:ext uri="{63B3BB69-23CF-44E3-9099-C40C66FF867C}">
                  <a14:compatExt spid="_x0000_s3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00</xdr:row>
          <xdr:rowOff>0</xdr:rowOff>
        </xdr:from>
        <xdr:to>
          <xdr:col>4</xdr:col>
          <xdr:colOff>238125</xdr:colOff>
          <xdr:row>200</xdr:row>
          <xdr:rowOff>238125</xdr:rowOff>
        </xdr:to>
        <xdr:sp macro="" textlink="">
          <xdr:nvSpPr>
            <xdr:cNvPr id="3257" name="Check Box 185" hidden="1">
              <a:extLst>
                <a:ext uri="{63B3BB69-23CF-44E3-9099-C40C66FF867C}">
                  <a14:compatExt spid="_x0000_s32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01</xdr:row>
          <xdr:rowOff>0</xdr:rowOff>
        </xdr:from>
        <xdr:to>
          <xdr:col>4</xdr:col>
          <xdr:colOff>238125</xdr:colOff>
          <xdr:row>201</xdr:row>
          <xdr:rowOff>238125</xdr:rowOff>
        </xdr:to>
        <xdr:sp macro="" textlink="">
          <xdr:nvSpPr>
            <xdr:cNvPr id="3258" name="Check Box 186" hidden="1">
              <a:extLst>
                <a:ext uri="{63B3BB69-23CF-44E3-9099-C40C66FF867C}">
                  <a14:compatExt spid="_x0000_s3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02</xdr:row>
          <xdr:rowOff>114300</xdr:rowOff>
        </xdr:from>
        <xdr:to>
          <xdr:col>4</xdr:col>
          <xdr:colOff>238125</xdr:colOff>
          <xdr:row>202</xdr:row>
          <xdr:rowOff>352425</xdr:rowOff>
        </xdr:to>
        <xdr:sp macro="" textlink="">
          <xdr:nvSpPr>
            <xdr:cNvPr id="3259" name="Check Box 187" hidden="1">
              <a:extLst>
                <a:ext uri="{63B3BB69-23CF-44E3-9099-C40C66FF867C}">
                  <a14:compatExt spid="_x0000_s3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203</xdr:row>
          <xdr:rowOff>114300</xdr:rowOff>
        </xdr:from>
        <xdr:to>
          <xdr:col>4</xdr:col>
          <xdr:colOff>257175</xdr:colOff>
          <xdr:row>203</xdr:row>
          <xdr:rowOff>352425</xdr:rowOff>
        </xdr:to>
        <xdr:sp macro="" textlink="">
          <xdr:nvSpPr>
            <xdr:cNvPr id="3260" name="Check Box 188" hidden="1">
              <a:extLst>
                <a:ext uri="{63B3BB69-23CF-44E3-9099-C40C66FF867C}">
                  <a14:compatExt spid="_x0000_s32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206</xdr:row>
          <xdr:rowOff>504825</xdr:rowOff>
        </xdr:from>
        <xdr:to>
          <xdr:col>4</xdr:col>
          <xdr:colOff>257175</xdr:colOff>
          <xdr:row>206</xdr:row>
          <xdr:rowOff>742950</xdr:rowOff>
        </xdr:to>
        <xdr:sp macro="" textlink="">
          <xdr:nvSpPr>
            <xdr:cNvPr id="3261" name="Check Box 189" hidden="1">
              <a:extLst>
                <a:ext uri="{63B3BB69-23CF-44E3-9099-C40C66FF867C}">
                  <a14:compatExt spid="_x0000_s3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09</xdr:row>
          <xdr:rowOff>0</xdr:rowOff>
        </xdr:from>
        <xdr:to>
          <xdr:col>4</xdr:col>
          <xdr:colOff>238125</xdr:colOff>
          <xdr:row>209</xdr:row>
          <xdr:rowOff>238125</xdr:rowOff>
        </xdr:to>
        <xdr:sp macro="" textlink="">
          <xdr:nvSpPr>
            <xdr:cNvPr id="3262" name="Check Box 190" hidden="1">
              <a:extLst>
                <a:ext uri="{63B3BB69-23CF-44E3-9099-C40C66FF867C}">
                  <a14:compatExt spid="_x0000_s3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10</xdr:row>
          <xdr:rowOff>114300</xdr:rowOff>
        </xdr:from>
        <xdr:to>
          <xdr:col>4</xdr:col>
          <xdr:colOff>247650</xdr:colOff>
          <xdr:row>210</xdr:row>
          <xdr:rowOff>352425</xdr:rowOff>
        </xdr:to>
        <xdr:sp macro="" textlink="">
          <xdr:nvSpPr>
            <xdr:cNvPr id="3263" name="Check Box 191" hidden="1">
              <a:extLst>
                <a:ext uri="{63B3BB69-23CF-44E3-9099-C40C66FF867C}">
                  <a14:compatExt spid="_x0000_s32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11</xdr:row>
          <xdr:rowOff>0</xdr:rowOff>
        </xdr:from>
        <xdr:to>
          <xdr:col>4</xdr:col>
          <xdr:colOff>238125</xdr:colOff>
          <xdr:row>211</xdr:row>
          <xdr:rowOff>238125</xdr:rowOff>
        </xdr:to>
        <xdr:sp macro="" textlink="">
          <xdr:nvSpPr>
            <xdr:cNvPr id="3264" name="Check Box 192" hidden="1">
              <a:extLst>
                <a:ext uri="{63B3BB69-23CF-44E3-9099-C40C66FF867C}">
                  <a14:compatExt spid="_x0000_s3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12</xdr:row>
          <xdr:rowOff>0</xdr:rowOff>
        </xdr:from>
        <xdr:to>
          <xdr:col>4</xdr:col>
          <xdr:colOff>238125</xdr:colOff>
          <xdr:row>212</xdr:row>
          <xdr:rowOff>238125</xdr:rowOff>
        </xdr:to>
        <xdr:sp macro="" textlink="">
          <xdr:nvSpPr>
            <xdr:cNvPr id="3265" name="Check Box 193" hidden="1">
              <a:extLst>
                <a:ext uri="{63B3BB69-23CF-44E3-9099-C40C66FF867C}">
                  <a14:compatExt spid="_x0000_s3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13</xdr:row>
          <xdr:rowOff>114300</xdr:rowOff>
        </xdr:from>
        <xdr:to>
          <xdr:col>4</xdr:col>
          <xdr:colOff>238125</xdr:colOff>
          <xdr:row>213</xdr:row>
          <xdr:rowOff>352425</xdr:rowOff>
        </xdr:to>
        <xdr:sp macro="" textlink="">
          <xdr:nvSpPr>
            <xdr:cNvPr id="3266" name="Check Box 194" hidden="1">
              <a:extLst>
                <a:ext uri="{63B3BB69-23CF-44E3-9099-C40C66FF867C}">
                  <a14:compatExt spid="_x0000_s32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14</xdr:row>
          <xdr:rowOff>104775</xdr:rowOff>
        </xdr:from>
        <xdr:to>
          <xdr:col>4</xdr:col>
          <xdr:colOff>238125</xdr:colOff>
          <xdr:row>214</xdr:row>
          <xdr:rowOff>342900</xdr:rowOff>
        </xdr:to>
        <xdr:sp macro="" textlink="">
          <xdr:nvSpPr>
            <xdr:cNvPr id="3267" name="Check Box 195" hidden="1">
              <a:extLst>
                <a:ext uri="{63B3BB69-23CF-44E3-9099-C40C66FF867C}">
                  <a14:compatExt spid="_x0000_s3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5</xdr:row>
          <xdr:rowOff>266700</xdr:rowOff>
        </xdr:from>
        <xdr:to>
          <xdr:col>1</xdr:col>
          <xdr:colOff>219075</xdr:colOff>
          <xdr:row>6</xdr:row>
          <xdr:rowOff>209550</xdr:rowOff>
        </xdr:to>
        <xdr:sp macro="" textlink="">
          <xdr:nvSpPr>
            <xdr:cNvPr id="3268" name="Check Box 196" hidden="1">
              <a:extLst>
                <a:ext uri="{63B3BB69-23CF-44E3-9099-C40C66FF867C}">
                  <a14:compatExt spid="_x0000_s3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7</xdr:row>
          <xdr:rowOff>609600</xdr:rowOff>
        </xdr:from>
        <xdr:to>
          <xdr:col>1</xdr:col>
          <xdr:colOff>209550</xdr:colOff>
          <xdr:row>8</xdr:row>
          <xdr:rowOff>219075</xdr:rowOff>
        </xdr:to>
        <xdr:sp macro="" textlink="">
          <xdr:nvSpPr>
            <xdr:cNvPr id="3269" name="Check Box 197" hidden="1">
              <a:extLst>
                <a:ext uri="{63B3BB69-23CF-44E3-9099-C40C66FF867C}">
                  <a14:compatExt spid="_x0000_s32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10</xdr:row>
          <xdr:rowOff>571500</xdr:rowOff>
        </xdr:from>
        <xdr:to>
          <xdr:col>1</xdr:col>
          <xdr:colOff>219075</xdr:colOff>
          <xdr:row>11</xdr:row>
          <xdr:rowOff>219075</xdr:rowOff>
        </xdr:to>
        <xdr:sp macro="" textlink="">
          <xdr:nvSpPr>
            <xdr:cNvPr id="3270" name="Check Box 198" hidden="1">
              <a:extLst>
                <a:ext uri="{63B3BB69-23CF-44E3-9099-C40C66FF867C}">
                  <a14:compatExt spid="_x0000_s3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2</xdr:row>
          <xdr:rowOff>771525</xdr:rowOff>
        </xdr:from>
        <xdr:to>
          <xdr:col>1</xdr:col>
          <xdr:colOff>209550</xdr:colOff>
          <xdr:row>13</xdr:row>
          <xdr:rowOff>209550</xdr:rowOff>
        </xdr:to>
        <xdr:sp macro="" textlink="">
          <xdr:nvSpPr>
            <xdr:cNvPr id="3271" name="Check Box 199" hidden="1">
              <a:extLst>
                <a:ext uri="{63B3BB69-23CF-44E3-9099-C40C66FF867C}">
                  <a14:compatExt spid="_x0000_s3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13</xdr:row>
          <xdr:rowOff>838200</xdr:rowOff>
        </xdr:from>
        <xdr:to>
          <xdr:col>1</xdr:col>
          <xdr:colOff>228600</xdr:colOff>
          <xdr:row>14</xdr:row>
          <xdr:rowOff>209550</xdr:rowOff>
        </xdr:to>
        <xdr:sp macro="" textlink="">
          <xdr:nvSpPr>
            <xdr:cNvPr id="3272" name="Check Box 200" hidden="1">
              <a:extLst>
                <a:ext uri="{63B3BB69-23CF-44E3-9099-C40C66FF867C}">
                  <a14:compatExt spid="_x0000_s32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9</xdr:row>
          <xdr:rowOff>247650</xdr:rowOff>
        </xdr:from>
        <xdr:to>
          <xdr:col>1</xdr:col>
          <xdr:colOff>209550</xdr:colOff>
          <xdr:row>20</xdr:row>
          <xdr:rowOff>209550</xdr:rowOff>
        </xdr:to>
        <xdr:sp macro="" textlink="">
          <xdr:nvSpPr>
            <xdr:cNvPr id="3273" name="Check Box 201" hidden="1">
              <a:extLst>
                <a:ext uri="{63B3BB69-23CF-44E3-9099-C40C66FF867C}">
                  <a14:compatExt spid="_x0000_s3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23</xdr:row>
          <xdr:rowOff>600075</xdr:rowOff>
        </xdr:from>
        <xdr:to>
          <xdr:col>1</xdr:col>
          <xdr:colOff>219075</xdr:colOff>
          <xdr:row>25</xdr:row>
          <xdr:rowOff>19050</xdr:rowOff>
        </xdr:to>
        <xdr:sp macro="" textlink="">
          <xdr:nvSpPr>
            <xdr:cNvPr id="3274" name="Check Box 202" hidden="1">
              <a:extLst>
                <a:ext uri="{63B3BB69-23CF-44E3-9099-C40C66FF867C}">
                  <a14:compatExt spid="_x0000_s3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8100</xdr:colOff>
          <xdr:row>26</xdr:row>
          <xdr:rowOff>247650</xdr:rowOff>
        </xdr:from>
        <xdr:to>
          <xdr:col>1</xdr:col>
          <xdr:colOff>238125</xdr:colOff>
          <xdr:row>27</xdr:row>
          <xdr:rowOff>209550</xdr:rowOff>
        </xdr:to>
        <xdr:sp macro="" textlink="">
          <xdr:nvSpPr>
            <xdr:cNvPr id="3275" name="Check Box 203" hidden="1">
              <a:extLst>
                <a:ext uri="{63B3BB69-23CF-44E3-9099-C40C66FF867C}">
                  <a14:compatExt spid="_x0000_s32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27</xdr:row>
          <xdr:rowOff>828675</xdr:rowOff>
        </xdr:from>
        <xdr:to>
          <xdr:col>1</xdr:col>
          <xdr:colOff>228600</xdr:colOff>
          <xdr:row>28</xdr:row>
          <xdr:rowOff>209550</xdr:rowOff>
        </xdr:to>
        <xdr:sp macro="" textlink="">
          <xdr:nvSpPr>
            <xdr:cNvPr id="3276" name="Check Box 204" hidden="1">
              <a:extLst>
                <a:ext uri="{63B3BB69-23CF-44E3-9099-C40C66FF867C}">
                  <a14:compatExt spid="_x0000_s3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29</xdr:row>
          <xdr:rowOff>247650</xdr:rowOff>
        </xdr:from>
        <xdr:to>
          <xdr:col>1</xdr:col>
          <xdr:colOff>219075</xdr:colOff>
          <xdr:row>30</xdr:row>
          <xdr:rowOff>209550</xdr:rowOff>
        </xdr:to>
        <xdr:sp macro="" textlink="">
          <xdr:nvSpPr>
            <xdr:cNvPr id="3277" name="Check Box 205" hidden="1">
              <a:extLst>
                <a:ext uri="{63B3BB69-23CF-44E3-9099-C40C66FF867C}">
                  <a14:compatExt spid="_x0000_s3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36</xdr:row>
          <xdr:rowOff>857250</xdr:rowOff>
        </xdr:from>
        <xdr:to>
          <xdr:col>1</xdr:col>
          <xdr:colOff>209550</xdr:colOff>
          <xdr:row>37</xdr:row>
          <xdr:rowOff>209550</xdr:rowOff>
        </xdr:to>
        <xdr:sp macro="" textlink="">
          <xdr:nvSpPr>
            <xdr:cNvPr id="3278" name="Check Box 206" hidden="1">
              <a:extLst>
                <a:ext uri="{63B3BB69-23CF-44E3-9099-C40C66FF867C}">
                  <a14:compatExt spid="_x0000_s3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40</xdr:row>
          <xdr:rowOff>238125</xdr:rowOff>
        </xdr:from>
        <xdr:to>
          <xdr:col>1</xdr:col>
          <xdr:colOff>200025</xdr:colOff>
          <xdr:row>41</xdr:row>
          <xdr:rowOff>200025</xdr:rowOff>
        </xdr:to>
        <xdr:sp macro="" textlink="">
          <xdr:nvSpPr>
            <xdr:cNvPr id="3279" name="Check Box 207" hidden="1">
              <a:extLst>
                <a:ext uri="{63B3BB69-23CF-44E3-9099-C40C66FF867C}">
                  <a14:compatExt spid="_x0000_s3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47</xdr:row>
          <xdr:rowOff>619125</xdr:rowOff>
        </xdr:from>
        <xdr:to>
          <xdr:col>1</xdr:col>
          <xdr:colOff>219075</xdr:colOff>
          <xdr:row>48</xdr:row>
          <xdr:rowOff>209550</xdr:rowOff>
        </xdr:to>
        <xdr:sp macro="" textlink="">
          <xdr:nvSpPr>
            <xdr:cNvPr id="3280" name="Check Box 208" hidden="1">
              <a:extLst>
                <a:ext uri="{63B3BB69-23CF-44E3-9099-C40C66FF867C}">
                  <a14:compatExt spid="_x0000_s3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54</xdr:row>
          <xdr:rowOff>600075</xdr:rowOff>
        </xdr:from>
        <xdr:to>
          <xdr:col>1</xdr:col>
          <xdr:colOff>228600</xdr:colOff>
          <xdr:row>55</xdr:row>
          <xdr:rowOff>219075</xdr:rowOff>
        </xdr:to>
        <xdr:sp macro="" textlink="">
          <xdr:nvSpPr>
            <xdr:cNvPr id="3281" name="Check Box 209" hidden="1">
              <a:extLst>
                <a:ext uri="{63B3BB69-23CF-44E3-9099-C40C66FF867C}">
                  <a14:compatExt spid="_x0000_s3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68</xdr:row>
          <xdr:rowOff>257175</xdr:rowOff>
        </xdr:from>
        <xdr:to>
          <xdr:col>1</xdr:col>
          <xdr:colOff>200025</xdr:colOff>
          <xdr:row>69</xdr:row>
          <xdr:rowOff>219075</xdr:rowOff>
        </xdr:to>
        <xdr:sp macro="" textlink="">
          <xdr:nvSpPr>
            <xdr:cNvPr id="3282" name="Check Box 210" hidden="1">
              <a:extLst>
                <a:ext uri="{63B3BB69-23CF-44E3-9099-C40C66FF867C}">
                  <a14:compatExt spid="_x0000_s3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82</xdr:row>
          <xdr:rowOff>247650</xdr:rowOff>
        </xdr:from>
        <xdr:to>
          <xdr:col>1</xdr:col>
          <xdr:colOff>200025</xdr:colOff>
          <xdr:row>83</xdr:row>
          <xdr:rowOff>209550</xdr:rowOff>
        </xdr:to>
        <xdr:sp macro="" textlink="">
          <xdr:nvSpPr>
            <xdr:cNvPr id="3283" name="Check Box 211" hidden="1">
              <a:extLst>
                <a:ext uri="{63B3BB69-23CF-44E3-9099-C40C66FF867C}">
                  <a14:compatExt spid="_x0000_s3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84</xdr:row>
          <xdr:rowOff>609600</xdr:rowOff>
        </xdr:from>
        <xdr:to>
          <xdr:col>1</xdr:col>
          <xdr:colOff>200025</xdr:colOff>
          <xdr:row>85</xdr:row>
          <xdr:rowOff>209550</xdr:rowOff>
        </xdr:to>
        <xdr:sp macro="" textlink="">
          <xdr:nvSpPr>
            <xdr:cNvPr id="3284" name="Check Box 212" hidden="1">
              <a:extLst>
                <a:ext uri="{63B3BB69-23CF-44E3-9099-C40C66FF867C}">
                  <a14:compatExt spid="_x0000_s3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89</xdr:row>
          <xdr:rowOff>1114425</xdr:rowOff>
        </xdr:from>
        <xdr:to>
          <xdr:col>1</xdr:col>
          <xdr:colOff>209550</xdr:colOff>
          <xdr:row>90</xdr:row>
          <xdr:rowOff>209550</xdr:rowOff>
        </xdr:to>
        <xdr:sp macro="" textlink="">
          <xdr:nvSpPr>
            <xdr:cNvPr id="3285" name="Check Box 213" hidden="1">
              <a:extLst>
                <a:ext uri="{63B3BB69-23CF-44E3-9099-C40C66FF867C}">
                  <a14:compatExt spid="_x0000_s3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95</xdr:row>
          <xdr:rowOff>590550</xdr:rowOff>
        </xdr:from>
        <xdr:to>
          <xdr:col>1</xdr:col>
          <xdr:colOff>219075</xdr:colOff>
          <xdr:row>96</xdr:row>
          <xdr:rowOff>219075</xdr:rowOff>
        </xdr:to>
        <xdr:sp macro="" textlink="">
          <xdr:nvSpPr>
            <xdr:cNvPr id="3286" name="Check Box 214" hidden="1">
              <a:extLst>
                <a:ext uri="{63B3BB69-23CF-44E3-9099-C40C66FF867C}">
                  <a14:compatExt spid="_x0000_s3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98</xdr:row>
          <xdr:rowOff>257175</xdr:rowOff>
        </xdr:from>
        <xdr:to>
          <xdr:col>1</xdr:col>
          <xdr:colOff>209550</xdr:colOff>
          <xdr:row>99</xdr:row>
          <xdr:rowOff>219075</xdr:rowOff>
        </xdr:to>
        <xdr:sp macro="" textlink="">
          <xdr:nvSpPr>
            <xdr:cNvPr id="3287" name="Check Box 215" hidden="1">
              <a:extLst>
                <a:ext uri="{63B3BB69-23CF-44E3-9099-C40C66FF867C}">
                  <a14:compatExt spid="_x0000_s32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01</xdr:row>
          <xdr:rowOff>1343025</xdr:rowOff>
        </xdr:from>
        <xdr:to>
          <xdr:col>1</xdr:col>
          <xdr:colOff>209550</xdr:colOff>
          <xdr:row>102</xdr:row>
          <xdr:rowOff>209550</xdr:rowOff>
        </xdr:to>
        <xdr:sp macro="" textlink="">
          <xdr:nvSpPr>
            <xdr:cNvPr id="3288" name="Check Box 216" hidden="1">
              <a:extLst>
                <a:ext uri="{63B3BB69-23CF-44E3-9099-C40C66FF867C}">
                  <a14:compatExt spid="_x0000_s3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103</xdr:row>
          <xdr:rowOff>419100</xdr:rowOff>
        </xdr:from>
        <xdr:to>
          <xdr:col>1</xdr:col>
          <xdr:colOff>219075</xdr:colOff>
          <xdr:row>104</xdr:row>
          <xdr:rowOff>200025</xdr:rowOff>
        </xdr:to>
        <xdr:sp macro="" textlink="">
          <xdr:nvSpPr>
            <xdr:cNvPr id="3289" name="Check Box 217" hidden="1">
              <a:extLst>
                <a:ext uri="{63B3BB69-23CF-44E3-9099-C40C66FF867C}">
                  <a14:compatExt spid="_x0000_s3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07</xdr:row>
          <xdr:rowOff>600075</xdr:rowOff>
        </xdr:from>
        <xdr:to>
          <xdr:col>1</xdr:col>
          <xdr:colOff>209550</xdr:colOff>
          <xdr:row>108</xdr:row>
          <xdr:rowOff>209550</xdr:rowOff>
        </xdr:to>
        <xdr:sp macro="" textlink="">
          <xdr:nvSpPr>
            <xdr:cNvPr id="3290" name="Check Box 218" hidden="1">
              <a:extLst>
                <a:ext uri="{63B3BB69-23CF-44E3-9099-C40C66FF867C}">
                  <a14:compatExt spid="_x0000_s3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18</xdr:row>
          <xdr:rowOff>590550</xdr:rowOff>
        </xdr:from>
        <xdr:to>
          <xdr:col>1</xdr:col>
          <xdr:colOff>209550</xdr:colOff>
          <xdr:row>119</xdr:row>
          <xdr:rowOff>219075</xdr:rowOff>
        </xdr:to>
        <xdr:sp macro="" textlink="">
          <xdr:nvSpPr>
            <xdr:cNvPr id="3291" name="Check Box 219" hidden="1">
              <a:extLst>
                <a:ext uri="{63B3BB69-23CF-44E3-9099-C40C66FF867C}">
                  <a14:compatExt spid="_x0000_s3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127</xdr:row>
          <xdr:rowOff>600075</xdr:rowOff>
        </xdr:from>
        <xdr:to>
          <xdr:col>1</xdr:col>
          <xdr:colOff>219075</xdr:colOff>
          <xdr:row>128</xdr:row>
          <xdr:rowOff>209550</xdr:rowOff>
        </xdr:to>
        <xdr:sp macro="" textlink="">
          <xdr:nvSpPr>
            <xdr:cNvPr id="3292" name="Check Box 220" hidden="1">
              <a:extLst>
                <a:ext uri="{63B3BB69-23CF-44E3-9099-C40C66FF867C}">
                  <a14:compatExt spid="_x0000_s3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135</xdr:row>
          <xdr:rowOff>257175</xdr:rowOff>
        </xdr:from>
        <xdr:to>
          <xdr:col>1</xdr:col>
          <xdr:colOff>219075</xdr:colOff>
          <xdr:row>136</xdr:row>
          <xdr:rowOff>219075</xdr:rowOff>
        </xdr:to>
        <xdr:sp macro="" textlink="">
          <xdr:nvSpPr>
            <xdr:cNvPr id="3293" name="Check Box 221" hidden="1">
              <a:extLst>
                <a:ext uri="{63B3BB69-23CF-44E3-9099-C40C66FF867C}">
                  <a14:compatExt spid="_x0000_s32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146</xdr:row>
          <xdr:rowOff>809625</xdr:rowOff>
        </xdr:from>
        <xdr:to>
          <xdr:col>1</xdr:col>
          <xdr:colOff>219075</xdr:colOff>
          <xdr:row>147</xdr:row>
          <xdr:rowOff>209550</xdr:rowOff>
        </xdr:to>
        <xdr:sp macro="" textlink="">
          <xdr:nvSpPr>
            <xdr:cNvPr id="3294" name="Check Box 222" hidden="1">
              <a:extLst>
                <a:ext uri="{63B3BB69-23CF-44E3-9099-C40C66FF867C}">
                  <a14:compatExt spid="_x0000_s3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144</xdr:row>
          <xdr:rowOff>800100</xdr:rowOff>
        </xdr:from>
        <xdr:to>
          <xdr:col>1</xdr:col>
          <xdr:colOff>219075</xdr:colOff>
          <xdr:row>145</xdr:row>
          <xdr:rowOff>219075</xdr:rowOff>
        </xdr:to>
        <xdr:sp macro="" textlink="">
          <xdr:nvSpPr>
            <xdr:cNvPr id="3295" name="Check Box 223" hidden="1">
              <a:extLst>
                <a:ext uri="{63B3BB69-23CF-44E3-9099-C40C66FF867C}">
                  <a14:compatExt spid="_x0000_s3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48</xdr:row>
          <xdr:rowOff>609600</xdr:rowOff>
        </xdr:from>
        <xdr:to>
          <xdr:col>1</xdr:col>
          <xdr:colOff>209550</xdr:colOff>
          <xdr:row>149</xdr:row>
          <xdr:rowOff>219075</xdr:rowOff>
        </xdr:to>
        <xdr:sp macro="" textlink="">
          <xdr:nvSpPr>
            <xdr:cNvPr id="3296" name="Check Box 224" hidden="1">
              <a:extLst>
                <a:ext uri="{63B3BB69-23CF-44E3-9099-C40C66FF867C}">
                  <a14:compatExt spid="_x0000_s32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47</xdr:row>
          <xdr:rowOff>1314450</xdr:rowOff>
        </xdr:from>
        <xdr:to>
          <xdr:col>1</xdr:col>
          <xdr:colOff>209550</xdr:colOff>
          <xdr:row>148</xdr:row>
          <xdr:rowOff>219075</xdr:rowOff>
        </xdr:to>
        <xdr:sp macro="" textlink="">
          <xdr:nvSpPr>
            <xdr:cNvPr id="3297" name="Check Box 225" hidden="1">
              <a:extLst>
                <a:ext uri="{63B3BB69-23CF-44E3-9099-C40C66FF867C}">
                  <a14:compatExt spid="_x0000_s3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53</xdr:row>
          <xdr:rowOff>257175</xdr:rowOff>
        </xdr:from>
        <xdr:to>
          <xdr:col>1</xdr:col>
          <xdr:colOff>209550</xdr:colOff>
          <xdr:row>154</xdr:row>
          <xdr:rowOff>219075</xdr:rowOff>
        </xdr:to>
        <xdr:sp macro="" textlink="">
          <xdr:nvSpPr>
            <xdr:cNvPr id="3298" name="Check Box 226" hidden="1">
              <a:extLst>
                <a:ext uri="{63B3BB69-23CF-44E3-9099-C40C66FF867C}">
                  <a14:compatExt spid="_x0000_s3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151</xdr:row>
          <xdr:rowOff>257175</xdr:rowOff>
        </xdr:from>
        <xdr:to>
          <xdr:col>1</xdr:col>
          <xdr:colOff>200025</xdr:colOff>
          <xdr:row>152</xdr:row>
          <xdr:rowOff>219075</xdr:rowOff>
        </xdr:to>
        <xdr:sp macro="" textlink="">
          <xdr:nvSpPr>
            <xdr:cNvPr id="3299" name="Check Box 227" hidden="1">
              <a:extLst>
                <a:ext uri="{63B3BB69-23CF-44E3-9099-C40C66FF867C}">
                  <a14:compatExt spid="_x0000_s32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156</xdr:row>
          <xdr:rowOff>247650</xdr:rowOff>
        </xdr:from>
        <xdr:to>
          <xdr:col>1</xdr:col>
          <xdr:colOff>228600</xdr:colOff>
          <xdr:row>157</xdr:row>
          <xdr:rowOff>209550</xdr:rowOff>
        </xdr:to>
        <xdr:sp macro="" textlink="">
          <xdr:nvSpPr>
            <xdr:cNvPr id="3300" name="Check Box 228" hidden="1">
              <a:extLst>
                <a:ext uri="{63B3BB69-23CF-44E3-9099-C40C66FF867C}">
                  <a14:compatExt spid="_x0000_s3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158</xdr:row>
          <xdr:rowOff>257175</xdr:rowOff>
        </xdr:from>
        <xdr:to>
          <xdr:col>1</xdr:col>
          <xdr:colOff>228600</xdr:colOff>
          <xdr:row>159</xdr:row>
          <xdr:rowOff>219075</xdr:rowOff>
        </xdr:to>
        <xdr:sp macro="" textlink="">
          <xdr:nvSpPr>
            <xdr:cNvPr id="3301" name="Check Box 229" hidden="1">
              <a:extLst>
                <a:ext uri="{63B3BB69-23CF-44E3-9099-C40C66FF867C}">
                  <a14:compatExt spid="_x0000_s3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160</xdr:row>
          <xdr:rowOff>257175</xdr:rowOff>
        </xdr:from>
        <xdr:to>
          <xdr:col>1</xdr:col>
          <xdr:colOff>219075</xdr:colOff>
          <xdr:row>161</xdr:row>
          <xdr:rowOff>219075</xdr:rowOff>
        </xdr:to>
        <xdr:sp macro="" textlink="">
          <xdr:nvSpPr>
            <xdr:cNvPr id="3302" name="Check Box 230" hidden="1">
              <a:extLst>
                <a:ext uri="{63B3BB69-23CF-44E3-9099-C40C66FF867C}">
                  <a14:compatExt spid="_x0000_s3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19050</xdr:colOff>
          <xdr:row>171</xdr:row>
          <xdr:rowOff>438150</xdr:rowOff>
        </xdr:from>
        <xdr:to>
          <xdr:col>1</xdr:col>
          <xdr:colOff>219075</xdr:colOff>
          <xdr:row>172</xdr:row>
          <xdr:rowOff>219075</xdr:rowOff>
        </xdr:to>
        <xdr:sp macro="" textlink="">
          <xdr:nvSpPr>
            <xdr:cNvPr id="3303" name="Check Box 231" hidden="1">
              <a:extLst>
                <a:ext uri="{63B3BB69-23CF-44E3-9099-C40C66FF867C}">
                  <a14:compatExt spid="_x0000_s3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81</xdr:row>
          <xdr:rowOff>428625</xdr:rowOff>
        </xdr:from>
        <xdr:to>
          <xdr:col>1</xdr:col>
          <xdr:colOff>209550</xdr:colOff>
          <xdr:row>182</xdr:row>
          <xdr:rowOff>209550</xdr:rowOff>
        </xdr:to>
        <xdr:sp macro="" textlink="">
          <xdr:nvSpPr>
            <xdr:cNvPr id="3304" name="Check Box 232" hidden="1">
              <a:extLst>
                <a:ext uri="{63B3BB69-23CF-44E3-9099-C40C66FF867C}">
                  <a14:compatExt spid="_x0000_s3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191</xdr:row>
          <xdr:rowOff>438150</xdr:rowOff>
        </xdr:from>
        <xdr:to>
          <xdr:col>1</xdr:col>
          <xdr:colOff>209550</xdr:colOff>
          <xdr:row>192</xdr:row>
          <xdr:rowOff>219075</xdr:rowOff>
        </xdr:to>
        <xdr:sp macro="" textlink="">
          <xdr:nvSpPr>
            <xdr:cNvPr id="3305" name="Check Box 233" hidden="1">
              <a:extLst>
                <a:ext uri="{63B3BB69-23CF-44E3-9099-C40C66FF867C}">
                  <a14:compatExt spid="_x0000_s3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9525</xdr:colOff>
          <xdr:row>203</xdr:row>
          <xdr:rowOff>428625</xdr:rowOff>
        </xdr:from>
        <xdr:to>
          <xdr:col>1</xdr:col>
          <xdr:colOff>209550</xdr:colOff>
          <xdr:row>204</xdr:row>
          <xdr:rowOff>209550</xdr:rowOff>
        </xdr:to>
        <xdr:sp macro="" textlink="">
          <xdr:nvSpPr>
            <xdr:cNvPr id="3306" name="Check Box 234" hidden="1">
              <a:extLst>
                <a:ext uri="{63B3BB69-23CF-44E3-9099-C40C66FF867C}">
                  <a14:compatExt spid="_x0000_s33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5</xdr:col>
      <xdr:colOff>57150</xdr:colOff>
      <xdr:row>100</xdr:row>
      <xdr:rowOff>571500</xdr:rowOff>
    </xdr:from>
    <xdr:ext cx="184731" cy="264560"/>
    <xdr:sp macro="" textlink="">
      <xdr:nvSpPr>
        <xdr:cNvPr id="236" name="テキスト ボックス 235"/>
        <xdr:cNvSpPr txBox="1"/>
      </xdr:nvSpPr>
      <xdr:spPr>
        <a:xfrm>
          <a:off x="7324725" y="75295125"/>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mc:AlternateContent xmlns:mc="http://schemas.openxmlformats.org/markup-compatibility/2006">
    <mc:Choice xmlns:a14="http://schemas.microsoft.com/office/drawing/2010/main" Requires="a14">
      <xdr:twoCellAnchor editAs="oneCell">
        <xdr:from>
          <xdr:col>4</xdr:col>
          <xdr:colOff>57150</xdr:colOff>
          <xdr:row>54</xdr:row>
          <xdr:rowOff>200025</xdr:rowOff>
        </xdr:from>
        <xdr:to>
          <xdr:col>4</xdr:col>
          <xdr:colOff>257175</xdr:colOff>
          <xdr:row>54</xdr:row>
          <xdr:rowOff>438150</xdr:rowOff>
        </xdr:to>
        <xdr:sp macro="" textlink="">
          <xdr:nvSpPr>
            <xdr:cNvPr id="3307" name="Check Box 235" hidden="1">
              <a:extLst>
                <a:ext uri="{63B3BB69-23CF-44E3-9099-C40C66FF867C}">
                  <a14:compatExt spid="_x0000_s33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8575</xdr:colOff>
          <xdr:row>114</xdr:row>
          <xdr:rowOff>247650</xdr:rowOff>
        </xdr:from>
        <xdr:to>
          <xdr:col>1</xdr:col>
          <xdr:colOff>228600</xdr:colOff>
          <xdr:row>115</xdr:row>
          <xdr:rowOff>209550</xdr:rowOff>
        </xdr:to>
        <xdr:sp macro="" textlink="">
          <xdr:nvSpPr>
            <xdr:cNvPr id="3308" name="Check Box 236" hidden="1">
              <a:extLst>
                <a:ext uri="{63B3BB69-23CF-44E3-9099-C40C66FF867C}">
                  <a14:compatExt spid="_x0000_s33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47625</xdr:colOff>
      <xdr:row>0</xdr:row>
      <xdr:rowOff>371474</xdr:rowOff>
    </xdr:from>
    <xdr:to>
      <xdr:col>2</xdr:col>
      <xdr:colOff>2826854</xdr:colOff>
      <xdr:row>4</xdr:row>
      <xdr:rowOff>133350</xdr:rowOff>
    </xdr:to>
    <xdr:sp macro="" textlink="">
      <xdr:nvSpPr>
        <xdr:cNvPr id="239" name="角丸四角形 238">
          <a:extLst>
            <a:ext uri="{FF2B5EF4-FFF2-40B4-BE49-F238E27FC236}">
              <a16:creationId xmlns:a16="http://schemas.microsoft.com/office/drawing/2014/main" xmlns="" id="{00000000-0008-0000-0000-000002000000}"/>
            </a:ext>
          </a:extLst>
        </xdr:cNvPr>
        <xdr:cNvSpPr/>
      </xdr:nvSpPr>
      <xdr:spPr>
        <a:xfrm>
          <a:off x="47625" y="371474"/>
          <a:ext cx="5589104" cy="1143001"/>
        </a:xfrm>
        <a:prstGeom prst="round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ysClr val="windowText" lastClr="000000"/>
              </a:solidFill>
            </a:rPr>
            <a:t>①　各点検項目のうち記入日から数えて過去</a:t>
          </a:r>
          <a:r>
            <a:rPr kumimoji="1" lang="en-US" altLang="ja-JP" sz="900">
              <a:solidFill>
                <a:sysClr val="windowText" lastClr="000000"/>
              </a:solidFill>
            </a:rPr>
            <a:t>12</a:t>
          </a:r>
          <a:r>
            <a:rPr kumimoji="1" lang="ja-JP" altLang="en-US" sz="900">
              <a:solidFill>
                <a:sysClr val="windowText" lastClr="000000"/>
              </a:solidFill>
            </a:rPr>
            <a:t>ヶ月以内の算定実績について、該当する項目の「算定」欄にチェックを入れてください。</a:t>
          </a:r>
          <a:endParaRPr kumimoji="1" lang="en-US" altLang="ja-JP" sz="900">
            <a:solidFill>
              <a:sysClr val="windowText" lastClr="000000"/>
            </a:solidFill>
          </a:endParaRPr>
        </a:p>
        <a:p>
          <a:pPr algn="l"/>
          <a:r>
            <a:rPr kumimoji="1" lang="ja-JP" altLang="en-US" sz="900">
              <a:solidFill>
                <a:sysClr val="windowText" lastClr="000000"/>
              </a:solidFill>
            </a:rPr>
            <a:t>②　「算定」にチェックを入れたものについて点検項目の内容に応じて「点検結果」にチェックを入れてください。③　「確認書類等」の欄に、各点検項目を満たしているかどうかを確認するための書類等を例示しています。報酬告示等で示されている書類以外については、算定要件を満たしていることがわかるものであれば、別の書類でもかまいません。</a:t>
          </a:r>
          <a:endParaRPr kumimoji="1" lang="en-US" altLang="ja-JP" sz="900">
            <a:solidFill>
              <a:sysClr val="windowText" lastClr="000000"/>
            </a:solidFill>
          </a:endParaRPr>
        </a:p>
      </xdr:txBody>
    </xdr:sp>
    <xdr:clientData/>
  </xdr:twoCellAnchor>
  <mc:AlternateContent xmlns:mc="http://schemas.openxmlformats.org/markup-compatibility/2006">
    <mc:Choice xmlns:a14="http://schemas.microsoft.com/office/drawing/2010/main" Requires="a14">
      <xdr:twoCellAnchor editAs="oneCell">
        <xdr:from>
          <xdr:col>4</xdr:col>
          <xdr:colOff>66675</xdr:colOff>
          <xdr:row>43</xdr:row>
          <xdr:rowOff>514350</xdr:rowOff>
        </xdr:from>
        <xdr:to>
          <xdr:col>4</xdr:col>
          <xdr:colOff>266700</xdr:colOff>
          <xdr:row>43</xdr:row>
          <xdr:rowOff>752475</xdr:rowOff>
        </xdr:to>
        <xdr:sp macro="" textlink="">
          <xdr:nvSpPr>
            <xdr:cNvPr id="3309" name="Check Box 237" hidden="1">
              <a:extLst>
                <a:ext uri="{63B3BB69-23CF-44E3-9099-C40C66FF867C}">
                  <a14:compatExt spid="_x0000_s3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4</xdr:col>
          <xdr:colOff>38100</xdr:colOff>
          <xdr:row>6</xdr:row>
          <xdr:rowOff>276225</xdr:rowOff>
        </xdr:from>
        <xdr:to>
          <xdr:col>4</xdr:col>
          <xdr:colOff>238125</xdr:colOff>
          <xdr:row>6</xdr:row>
          <xdr:rowOff>514350</xdr:rowOff>
        </xdr:to>
        <xdr:sp macro="" textlink="">
          <xdr:nvSpPr>
            <xdr:cNvPr id="4097" name="Check Box 1" hidden="1">
              <a:extLst>
                <a:ext uri="{63B3BB69-23CF-44E3-9099-C40C66FF867C}">
                  <a14:compatExt spid="_x0000_s4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7</xdr:row>
          <xdr:rowOff>361950</xdr:rowOff>
        </xdr:from>
        <xdr:to>
          <xdr:col>4</xdr:col>
          <xdr:colOff>238125</xdr:colOff>
          <xdr:row>7</xdr:row>
          <xdr:rowOff>600075</xdr:rowOff>
        </xdr:to>
        <xdr:sp macro="" textlink="">
          <xdr:nvSpPr>
            <xdr:cNvPr id="4098" name="Check Box 2" hidden="1">
              <a:extLst>
                <a:ext uri="{63B3BB69-23CF-44E3-9099-C40C66FF867C}">
                  <a14:compatExt spid="_x0000_s4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66675</xdr:colOff>
          <xdr:row>8</xdr:row>
          <xdr:rowOff>466725</xdr:rowOff>
        </xdr:from>
        <xdr:to>
          <xdr:col>4</xdr:col>
          <xdr:colOff>266700</xdr:colOff>
          <xdr:row>8</xdr:row>
          <xdr:rowOff>704850</xdr:rowOff>
        </xdr:to>
        <xdr:sp macro="" textlink="">
          <xdr:nvSpPr>
            <xdr:cNvPr id="4099" name="Check Box 3" hidden="1">
              <a:extLst>
                <a:ext uri="{63B3BB69-23CF-44E3-9099-C40C66FF867C}">
                  <a14:compatExt spid="_x0000_s4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9</xdr:row>
          <xdr:rowOff>276225</xdr:rowOff>
        </xdr:from>
        <xdr:to>
          <xdr:col>4</xdr:col>
          <xdr:colOff>238125</xdr:colOff>
          <xdr:row>9</xdr:row>
          <xdr:rowOff>514350</xdr:rowOff>
        </xdr:to>
        <xdr:sp macro="" textlink="">
          <xdr:nvSpPr>
            <xdr:cNvPr id="4100" name="Check Box 4" hidden="1">
              <a:extLst>
                <a:ext uri="{63B3BB69-23CF-44E3-9099-C40C66FF867C}">
                  <a14:compatExt spid="_x0000_s4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0</xdr:row>
          <xdr:rowOff>257175</xdr:rowOff>
        </xdr:from>
        <xdr:to>
          <xdr:col>4</xdr:col>
          <xdr:colOff>257175</xdr:colOff>
          <xdr:row>10</xdr:row>
          <xdr:rowOff>495300</xdr:rowOff>
        </xdr:to>
        <xdr:sp macro="" textlink="">
          <xdr:nvSpPr>
            <xdr:cNvPr id="4101" name="Check Box 5" hidden="1">
              <a:extLst>
                <a:ext uri="{63B3BB69-23CF-44E3-9099-C40C66FF867C}">
                  <a14:compatExt spid="_x0000_s4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1</xdr:row>
          <xdr:rowOff>200025</xdr:rowOff>
        </xdr:from>
        <xdr:to>
          <xdr:col>4</xdr:col>
          <xdr:colOff>257175</xdr:colOff>
          <xdr:row>11</xdr:row>
          <xdr:rowOff>438150</xdr:rowOff>
        </xdr:to>
        <xdr:sp macro="" textlink="">
          <xdr:nvSpPr>
            <xdr:cNvPr id="4102" name="Check Box 6" hidden="1">
              <a:extLst>
                <a:ext uri="{63B3BB69-23CF-44E3-9099-C40C66FF867C}">
                  <a14:compatExt spid="_x0000_s4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2</xdr:row>
          <xdr:rowOff>533400</xdr:rowOff>
        </xdr:from>
        <xdr:to>
          <xdr:col>4</xdr:col>
          <xdr:colOff>238125</xdr:colOff>
          <xdr:row>12</xdr:row>
          <xdr:rowOff>771525</xdr:rowOff>
        </xdr:to>
        <xdr:sp macro="" textlink="">
          <xdr:nvSpPr>
            <xdr:cNvPr id="4103" name="Check Box 7" hidden="1">
              <a:extLst>
                <a:ext uri="{63B3BB69-23CF-44E3-9099-C40C66FF867C}">
                  <a14:compatExt spid="_x0000_s4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3</xdr:row>
          <xdr:rowOff>200025</xdr:rowOff>
        </xdr:from>
        <xdr:to>
          <xdr:col>4</xdr:col>
          <xdr:colOff>238125</xdr:colOff>
          <xdr:row>13</xdr:row>
          <xdr:rowOff>438150</xdr:rowOff>
        </xdr:to>
        <xdr:sp macro="" textlink="">
          <xdr:nvSpPr>
            <xdr:cNvPr id="4104" name="Check Box 8" hidden="1">
              <a:extLst>
                <a:ext uri="{63B3BB69-23CF-44E3-9099-C40C66FF867C}">
                  <a14:compatExt spid="_x0000_s4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4</xdr:row>
          <xdr:rowOff>428625</xdr:rowOff>
        </xdr:from>
        <xdr:to>
          <xdr:col>4</xdr:col>
          <xdr:colOff>247650</xdr:colOff>
          <xdr:row>14</xdr:row>
          <xdr:rowOff>666750</xdr:rowOff>
        </xdr:to>
        <xdr:sp macro="" textlink="">
          <xdr:nvSpPr>
            <xdr:cNvPr id="4105" name="Check Box 9" hidden="1">
              <a:extLst>
                <a:ext uri="{63B3BB69-23CF-44E3-9099-C40C66FF867C}">
                  <a14:compatExt spid="_x0000_s4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5</xdr:row>
          <xdr:rowOff>276225</xdr:rowOff>
        </xdr:from>
        <xdr:to>
          <xdr:col>4</xdr:col>
          <xdr:colOff>238125</xdr:colOff>
          <xdr:row>15</xdr:row>
          <xdr:rowOff>514350</xdr:rowOff>
        </xdr:to>
        <xdr:sp macro="" textlink="">
          <xdr:nvSpPr>
            <xdr:cNvPr id="4106" name="Check Box 10" hidden="1">
              <a:extLst>
                <a:ext uri="{63B3BB69-23CF-44E3-9099-C40C66FF867C}">
                  <a14:compatExt spid="_x0000_s4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6</xdr:row>
          <xdr:rowOff>457200</xdr:rowOff>
        </xdr:from>
        <xdr:to>
          <xdr:col>4</xdr:col>
          <xdr:colOff>238125</xdr:colOff>
          <xdr:row>16</xdr:row>
          <xdr:rowOff>695325</xdr:rowOff>
        </xdr:to>
        <xdr:sp macro="" textlink="">
          <xdr:nvSpPr>
            <xdr:cNvPr id="4107" name="Check Box 11" hidden="1">
              <a:extLst>
                <a:ext uri="{63B3BB69-23CF-44E3-9099-C40C66FF867C}">
                  <a14:compatExt spid="_x0000_s4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17</xdr:row>
          <xdr:rowOff>361950</xdr:rowOff>
        </xdr:from>
        <xdr:to>
          <xdr:col>4</xdr:col>
          <xdr:colOff>257175</xdr:colOff>
          <xdr:row>17</xdr:row>
          <xdr:rowOff>600075</xdr:rowOff>
        </xdr:to>
        <xdr:sp macro="" textlink="">
          <xdr:nvSpPr>
            <xdr:cNvPr id="4108" name="Check Box 12" hidden="1">
              <a:extLst>
                <a:ext uri="{63B3BB69-23CF-44E3-9099-C40C66FF867C}">
                  <a14:compatExt spid="_x0000_s4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18</xdr:row>
          <xdr:rowOff>276225</xdr:rowOff>
        </xdr:from>
        <xdr:to>
          <xdr:col>4</xdr:col>
          <xdr:colOff>238125</xdr:colOff>
          <xdr:row>18</xdr:row>
          <xdr:rowOff>514350</xdr:rowOff>
        </xdr:to>
        <xdr:sp macro="" textlink="">
          <xdr:nvSpPr>
            <xdr:cNvPr id="4109" name="Check Box 13" hidden="1">
              <a:extLst>
                <a:ext uri="{63B3BB69-23CF-44E3-9099-C40C66FF867C}">
                  <a14:compatExt spid="_x0000_s4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19</xdr:row>
          <xdr:rowOff>200025</xdr:rowOff>
        </xdr:from>
        <xdr:to>
          <xdr:col>4</xdr:col>
          <xdr:colOff>247650</xdr:colOff>
          <xdr:row>19</xdr:row>
          <xdr:rowOff>438150</xdr:rowOff>
        </xdr:to>
        <xdr:sp macro="" textlink="">
          <xdr:nvSpPr>
            <xdr:cNvPr id="4110" name="Check Box 14" hidden="1">
              <a:extLst>
                <a:ext uri="{63B3BB69-23CF-44E3-9099-C40C66FF867C}">
                  <a14:compatExt spid="_x0000_s4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20</xdr:row>
          <xdr:rowOff>438150</xdr:rowOff>
        </xdr:from>
        <xdr:to>
          <xdr:col>4</xdr:col>
          <xdr:colOff>257175</xdr:colOff>
          <xdr:row>20</xdr:row>
          <xdr:rowOff>676275</xdr:rowOff>
        </xdr:to>
        <xdr:sp macro="" textlink="">
          <xdr:nvSpPr>
            <xdr:cNvPr id="4111" name="Check Box 15" hidden="1">
              <a:extLst>
                <a:ext uri="{63B3BB69-23CF-44E3-9099-C40C66FF867C}">
                  <a14:compatExt spid="_x0000_s4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1</xdr:row>
          <xdr:rowOff>276225</xdr:rowOff>
        </xdr:from>
        <xdr:to>
          <xdr:col>4</xdr:col>
          <xdr:colOff>238125</xdr:colOff>
          <xdr:row>21</xdr:row>
          <xdr:rowOff>514350</xdr:rowOff>
        </xdr:to>
        <xdr:sp macro="" textlink="">
          <xdr:nvSpPr>
            <xdr:cNvPr id="4112" name="Check Box 16" hidden="1">
              <a:extLst>
                <a:ext uri="{63B3BB69-23CF-44E3-9099-C40C66FF867C}">
                  <a14:compatExt spid="_x0000_s4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2</xdr:row>
          <xdr:rowOff>438150</xdr:rowOff>
        </xdr:from>
        <xdr:to>
          <xdr:col>4</xdr:col>
          <xdr:colOff>238125</xdr:colOff>
          <xdr:row>22</xdr:row>
          <xdr:rowOff>676275</xdr:rowOff>
        </xdr:to>
        <xdr:sp macro="" textlink="">
          <xdr:nvSpPr>
            <xdr:cNvPr id="4113" name="Check Box 17" hidden="1">
              <a:extLst>
                <a:ext uri="{63B3BB69-23CF-44E3-9099-C40C66FF867C}">
                  <a14:compatExt spid="_x0000_s4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3</xdr:row>
          <xdr:rowOff>219075</xdr:rowOff>
        </xdr:from>
        <xdr:to>
          <xdr:col>4</xdr:col>
          <xdr:colOff>238125</xdr:colOff>
          <xdr:row>23</xdr:row>
          <xdr:rowOff>457200</xdr:rowOff>
        </xdr:to>
        <xdr:sp macro="" textlink="">
          <xdr:nvSpPr>
            <xdr:cNvPr id="4114" name="Check Box 18" hidden="1">
              <a:extLst>
                <a:ext uri="{63B3BB69-23CF-44E3-9099-C40C66FF867C}">
                  <a14:compatExt spid="_x0000_s4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4</xdr:row>
          <xdr:rowOff>323850</xdr:rowOff>
        </xdr:from>
        <xdr:to>
          <xdr:col>4</xdr:col>
          <xdr:colOff>238125</xdr:colOff>
          <xdr:row>24</xdr:row>
          <xdr:rowOff>561975</xdr:rowOff>
        </xdr:to>
        <xdr:sp macro="" textlink="">
          <xdr:nvSpPr>
            <xdr:cNvPr id="4115" name="Check Box 19" hidden="1">
              <a:extLst>
                <a:ext uri="{63B3BB69-23CF-44E3-9099-C40C66FF867C}">
                  <a14:compatExt spid="_x0000_s4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5</xdr:row>
          <xdr:rowOff>333375</xdr:rowOff>
        </xdr:from>
        <xdr:to>
          <xdr:col>4</xdr:col>
          <xdr:colOff>238125</xdr:colOff>
          <xdr:row>25</xdr:row>
          <xdr:rowOff>571500</xdr:rowOff>
        </xdr:to>
        <xdr:sp macro="" textlink="">
          <xdr:nvSpPr>
            <xdr:cNvPr id="4116" name="Check Box 20" hidden="1">
              <a:extLst>
                <a:ext uri="{63B3BB69-23CF-44E3-9099-C40C66FF867C}">
                  <a14:compatExt spid="_x0000_s4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6</xdr:row>
          <xdr:rowOff>276225</xdr:rowOff>
        </xdr:from>
        <xdr:to>
          <xdr:col>4</xdr:col>
          <xdr:colOff>238125</xdr:colOff>
          <xdr:row>26</xdr:row>
          <xdr:rowOff>514350</xdr:rowOff>
        </xdr:to>
        <xdr:sp macro="" textlink="">
          <xdr:nvSpPr>
            <xdr:cNvPr id="4117" name="Check Box 21" hidden="1">
              <a:extLst>
                <a:ext uri="{63B3BB69-23CF-44E3-9099-C40C66FF867C}">
                  <a14:compatExt spid="_x0000_s4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7</xdr:row>
          <xdr:rowOff>276225</xdr:rowOff>
        </xdr:from>
        <xdr:to>
          <xdr:col>4</xdr:col>
          <xdr:colOff>238125</xdr:colOff>
          <xdr:row>27</xdr:row>
          <xdr:rowOff>514350</xdr:rowOff>
        </xdr:to>
        <xdr:sp macro="" textlink="">
          <xdr:nvSpPr>
            <xdr:cNvPr id="4118" name="Check Box 22" hidden="1">
              <a:extLst>
                <a:ext uri="{63B3BB69-23CF-44E3-9099-C40C66FF867C}">
                  <a14:compatExt spid="_x0000_s4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28</xdr:row>
          <xdr:rowOff>190500</xdr:rowOff>
        </xdr:from>
        <xdr:to>
          <xdr:col>4</xdr:col>
          <xdr:colOff>247650</xdr:colOff>
          <xdr:row>28</xdr:row>
          <xdr:rowOff>428625</xdr:rowOff>
        </xdr:to>
        <xdr:sp macro="" textlink="">
          <xdr:nvSpPr>
            <xdr:cNvPr id="4119" name="Check Box 23" hidden="1">
              <a:extLst>
                <a:ext uri="{63B3BB69-23CF-44E3-9099-C40C66FF867C}">
                  <a14:compatExt spid="_x0000_s41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29</xdr:row>
          <xdr:rowOff>209550</xdr:rowOff>
        </xdr:from>
        <xdr:to>
          <xdr:col>4</xdr:col>
          <xdr:colOff>238125</xdr:colOff>
          <xdr:row>29</xdr:row>
          <xdr:rowOff>447675</xdr:rowOff>
        </xdr:to>
        <xdr:sp macro="" textlink="">
          <xdr:nvSpPr>
            <xdr:cNvPr id="4120" name="Check Box 24" hidden="1">
              <a:extLst>
                <a:ext uri="{63B3BB69-23CF-44E3-9099-C40C66FF867C}">
                  <a14:compatExt spid="_x0000_s41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0</xdr:row>
          <xdr:rowOff>161925</xdr:rowOff>
        </xdr:from>
        <xdr:to>
          <xdr:col>4</xdr:col>
          <xdr:colOff>238125</xdr:colOff>
          <xdr:row>30</xdr:row>
          <xdr:rowOff>400050</xdr:rowOff>
        </xdr:to>
        <xdr:sp macro="" textlink="">
          <xdr:nvSpPr>
            <xdr:cNvPr id="4121" name="Check Box 25" hidden="1">
              <a:extLst>
                <a:ext uri="{63B3BB69-23CF-44E3-9099-C40C66FF867C}">
                  <a14:compatExt spid="_x0000_s41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1</xdr:row>
          <xdr:rowOff>371475</xdr:rowOff>
        </xdr:from>
        <xdr:to>
          <xdr:col>4</xdr:col>
          <xdr:colOff>238125</xdr:colOff>
          <xdr:row>31</xdr:row>
          <xdr:rowOff>609600</xdr:rowOff>
        </xdr:to>
        <xdr:sp macro="" textlink="">
          <xdr:nvSpPr>
            <xdr:cNvPr id="4122" name="Check Box 26" hidden="1">
              <a:extLst>
                <a:ext uri="{63B3BB69-23CF-44E3-9099-C40C66FF867C}">
                  <a14:compatExt spid="_x0000_s4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2</xdr:row>
          <xdr:rowOff>333375</xdr:rowOff>
        </xdr:from>
        <xdr:to>
          <xdr:col>4</xdr:col>
          <xdr:colOff>238125</xdr:colOff>
          <xdr:row>32</xdr:row>
          <xdr:rowOff>571500</xdr:rowOff>
        </xdr:to>
        <xdr:sp macro="" textlink="">
          <xdr:nvSpPr>
            <xdr:cNvPr id="4123" name="Check Box 27" hidden="1">
              <a:extLst>
                <a:ext uri="{63B3BB69-23CF-44E3-9099-C40C66FF867C}">
                  <a14:compatExt spid="_x0000_s41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34</xdr:row>
          <xdr:rowOff>190500</xdr:rowOff>
        </xdr:from>
        <xdr:to>
          <xdr:col>4</xdr:col>
          <xdr:colOff>257175</xdr:colOff>
          <xdr:row>34</xdr:row>
          <xdr:rowOff>428625</xdr:rowOff>
        </xdr:to>
        <xdr:sp macro="" textlink="">
          <xdr:nvSpPr>
            <xdr:cNvPr id="4124" name="Check Box 28" hidden="1">
              <a:extLst>
                <a:ext uri="{63B3BB69-23CF-44E3-9099-C40C66FF867C}">
                  <a14:compatExt spid="_x0000_s41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47625</xdr:colOff>
          <xdr:row>35</xdr:row>
          <xdr:rowOff>219075</xdr:rowOff>
        </xdr:from>
        <xdr:to>
          <xdr:col>4</xdr:col>
          <xdr:colOff>247650</xdr:colOff>
          <xdr:row>35</xdr:row>
          <xdr:rowOff>457200</xdr:rowOff>
        </xdr:to>
        <xdr:sp macro="" textlink="">
          <xdr:nvSpPr>
            <xdr:cNvPr id="4125" name="Check Box 29" hidden="1">
              <a:extLst>
                <a:ext uri="{63B3BB69-23CF-44E3-9099-C40C66FF867C}">
                  <a14:compatExt spid="_x0000_s41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76200</xdr:colOff>
          <xdr:row>36</xdr:row>
          <xdr:rowOff>161925</xdr:rowOff>
        </xdr:from>
        <xdr:to>
          <xdr:col>4</xdr:col>
          <xdr:colOff>276225</xdr:colOff>
          <xdr:row>36</xdr:row>
          <xdr:rowOff>400050</xdr:rowOff>
        </xdr:to>
        <xdr:sp macro="" textlink="">
          <xdr:nvSpPr>
            <xdr:cNvPr id="4126" name="Check Box 30" hidden="1">
              <a:extLst>
                <a:ext uri="{63B3BB69-23CF-44E3-9099-C40C66FF867C}">
                  <a14:compatExt spid="_x0000_s41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57150</xdr:colOff>
          <xdr:row>37</xdr:row>
          <xdr:rowOff>371475</xdr:rowOff>
        </xdr:from>
        <xdr:to>
          <xdr:col>4</xdr:col>
          <xdr:colOff>257175</xdr:colOff>
          <xdr:row>37</xdr:row>
          <xdr:rowOff>609600</xdr:rowOff>
        </xdr:to>
        <xdr:sp macro="" textlink="">
          <xdr:nvSpPr>
            <xdr:cNvPr id="4127" name="Check Box 31" hidden="1">
              <a:extLst>
                <a:ext uri="{63B3BB69-23CF-44E3-9099-C40C66FF867C}">
                  <a14:compatExt spid="_x0000_s41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38100</xdr:colOff>
          <xdr:row>38</xdr:row>
          <xdr:rowOff>276225</xdr:rowOff>
        </xdr:from>
        <xdr:to>
          <xdr:col>4</xdr:col>
          <xdr:colOff>238125</xdr:colOff>
          <xdr:row>38</xdr:row>
          <xdr:rowOff>514350</xdr:rowOff>
        </xdr:to>
        <xdr:sp macro="" textlink="">
          <xdr:nvSpPr>
            <xdr:cNvPr id="4128" name="Check Box 32" hidden="1">
              <a:extLst>
                <a:ext uri="{63B3BB69-23CF-44E3-9099-C40C66FF867C}">
                  <a14:compatExt spid="_x0000_s41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5</xdr:row>
          <xdr:rowOff>276225</xdr:rowOff>
        </xdr:from>
        <xdr:to>
          <xdr:col>1</xdr:col>
          <xdr:colOff>200025</xdr:colOff>
          <xdr:row>6</xdr:row>
          <xdr:rowOff>219075</xdr:rowOff>
        </xdr:to>
        <xdr:sp macro="" textlink="">
          <xdr:nvSpPr>
            <xdr:cNvPr id="4129" name="Check Box 33" hidden="1">
              <a:extLst>
                <a:ext uri="{63B3BB69-23CF-44E3-9099-C40C66FF867C}">
                  <a14:compatExt spid="_x0000_s41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162175</xdr:colOff>
          <xdr:row>18</xdr:row>
          <xdr:rowOff>1028700</xdr:rowOff>
        </xdr:from>
        <xdr:to>
          <xdr:col>1</xdr:col>
          <xdr:colOff>190500</xdr:colOff>
          <xdr:row>19</xdr:row>
          <xdr:rowOff>209550</xdr:rowOff>
        </xdr:to>
        <xdr:sp macro="" textlink="">
          <xdr:nvSpPr>
            <xdr:cNvPr id="4130" name="Check Box 34" hidden="1">
              <a:extLst>
                <a:ext uri="{63B3BB69-23CF-44E3-9099-C40C66FF867C}">
                  <a14:compatExt spid="_x0000_s41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0</xdr:colOff>
          <xdr:row>26</xdr:row>
          <xdr:rowOff>914400</xdr:rowOff>
        </xdr:from>
        <xdr:to>
          <xdr:col>1</xdr:col>
          <xdr:colOff>200025</xdr:colOff>
          <xdr:row>27</xdr:row>
          <xdr:rowOff>219075</xdr:rowOff>
        </xdr:to>
        <xdr:sp macro="" textlink="">
          <xdr:nvSpPr>
            <xdr:cNvPr id="4131" name="Check Box 35" hidden="1">
              <a:extLst>
                <a:ext uri="{63B3BB69-23CF-44E3-9099-C40C66FF867C}">
                  <a14:compatExt spid="_x0000_s41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162175</xdr:colOff>
          <xdr:row>32</xdr:row>
          <xdr:rowOff>866775</xdr:rowOff>
        </xdr:from>
        <xdr:to>
          <xdr:col>1</xdr:col>
          <xdr:colOff>190500</xdr:colOff>
          <xdr:row>33</xdr:row>
          <xdr:rowOff>209550</xdr:rowOff>
        </xdr:to>
        <xdr:sp macro="" textlink="">
          <xdr:nvSpPr>
            <xdr:cNvPr id="4132" name="Check Box 36" hidden="1">
              <a:extLst>
                <a:ext uri="{63B3BB69-23CF-44E3-9099-C40C66FF867C}">
                  <a14:compatExt spid="_x0000_s41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0</xdr:col>
      <xdr:colOff>0</xdr:colOff>
      <xdr:row>1</xdr:row>
      <xdr:rowOff>0</xdr:rowOff>
    </xdr:from>
    <xdr:to>
      <xdr:col>2</xdr:col>
      <xdr:colOff>2779229</xdr:colOff>
      <xdr:row>4</xdr:row>
      <xdr:rowOff>142875</xdr:rowOff>
    </xdr:to>
    <xdr:sp macro="" textlink="">
      <xdr:nvSpPr>
        <xdr:cNvPr id="38" name="角丸四角形 37">
          <a:extLst>
            <a:ext uri="{FF2B5EF4-FFF2-40B4-BE49-F238E27FC236}">
              <a16:creationId xmlns:a16="http://schemas.microsoft.com/office/drawing/2014/main" xmlns="" id="{00000000-0008-0000-0000-000002000000}"/>
            </a:ext>
          </a:extLst>
        </xdr:cNvPr>
        <xdr:cNvSpPr/>
      </xdr:nvSpPr>
      <xdr:spPr>
        <a:xfrm>
          <a:off x="0" y="381000"/>
          <a:ext cx="5589104" cy="1143000"/>
        </a:xfrm>
        <a:prstGeom prst="round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ysClr val="windowText" lastClr="000000"/>
              </a:solidFill>
            </a:rPr>
            <a:t>①　各点検項目のうち記入日から数えて過去</a:t>
          </a:r>
          <a:r>
            <a:rPr kumimoji="1" lang="en-US" altLang="ja-JP" sz="900">
              <a:solidFill>
                <a:sysClr val="windowText" lastClr="000000"/>
              </a:solidFill>
            </a:rPr>
            <a:t>12</a:t>
          </a:r>
          <a:r>
            <a:rPr kumimoji="1" lang="ja-JP" altLang="en-US" sz="900">
              <a:solidFill>
                <a:sysClr val="windowText" lastClr="000000"/>
              </a:solidFill>
            </a:rPr>
            <a:t>ヶ月以内の算定実績について、該当する項目の「算定」欄にチェックを入れてください。</a:t>
          </a:r>
          <a:endParaRPr kumimoji="1" lang="en-US" altLang="ja-JP" sz="900">
            <a:solidFill>
              <a:sysClr val="windowText" lastClr="000000"/>
            </a:solidFill>
          </a:endParaRPr>
        </a:p>
        <a:p>
          <a:pPr algn="l"/>
          <a:r>
            <a:rPr kumimoji="1" lang="ja-JP" altLang="en-US" sz="900">
              <a:solidFill>
                <a:sysClr val="windowText" lastClr="000000"/>
              </a:solidFill>
            </a:rPr>
            <a:t>②　「算定」にチェックを入れたものについて点検項目の内容に応じて「点検結果」にチェックを入れてください。③　「確認書類等」の欄に、各点検項目を満たしているかどうかを確認するための書類等を例示しています。報酬告示等で示されている書類以外については、算定要件を満たしていることがわかるものであれば、別の書類でもかまいません。</a:t>
          </a:r>
          <a:endParaRPr kumimoji="1" lang="en-US" altLang="ja-JP" sz="9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42" Type="http://schemas.openxmlformats.org/officeDocument/2006/relationships/ctrlProp" Target="../ctrlProps/ctrlProp39.xml"/><Relationship Id="rId63" Type="http://schemas.openxmlformats.org/officeDocument/2006/relationships/ctrlProp" Target="../ctrlProps/ctrlProp60.xml"/><Relationship Id="rId84" Type="http://schemas.openxmlformats.org/officeDocument/2006/relationships/ctrlProp" Target="../ctrlProps/ctrlProp81.xml"/><Relationship Id="rId138" Type="http://schemas.openxmlformats.org/officeDocument/2006/relationships/ctrlProp" Target="../ctrlProps/ctrlProp135.xml"/><Relationship Id="rId159" Type="http://schemas.openxmlformats.org/officeDocument/2006/relationships/ctrlProp" Target="../ctrlProps/ctrlProp156.xml"/><Relationship Id="rId170" Type="http://schemas.openxmlformats.org/officeDocument/2006/relationships/ctrlProp" Target="../ctrlProps/ctrlProp167.xml"/><Relationship Id="rId191" Type="http://schemas.openxmlformats.org/officeDocument/2006/relationships/ctrlProp" Target="../ctrlProps/ctrlProp188.xml"/><Relationship Id="rId205" Type="http://schemas.openxmlformats.org/officeDocument/2006/relationships/ctrlProp" Target="../ctrlProps/ctrlProp202.xml"/><Relationship Id="rId226" Type="http://schemas.openxmlformats.org/officeDocument/2006/relationships/ctrlProp" Target="../ctrlProps/ctrlProp223.xml"/><Relationship Id="rId107" Type="http://schemas.openxmlformats.org/officeDocument/2006/relationships/ctrlProp" Target="../ctrlProps/ctrlProp104.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12" Type="http://schemas.openxmlformats.org/officeDocument/2006/relationships/ctrlProp" Target="../ctrlProps/ctrlProp9.xml"/><Relationship Id="rId33" Type="http://schemas.openxmlformats.org/officeDocument/2006/relationships/ctrlProp" Target="../ctrlProps/ctrlProp30.xml"/><Relationship Id="rId108" Type="http://schemas.openxmlformats.org/officeDocument/2006/relationships/ctrlProp" Target="../ctrlProps/ctrlProp105.xml"/><Relationship Id="rId129" Type="http://schemas.openxmlformats.org/officeDocument/2006/relationships/ctrlProp" Target="../ctrlProps/ctrlProp126.xml"/><Relationship Id="rId54" Type="http://schemas.openxmlformats.org/officeDocument/2006/relationships/ctrlProp" Target="../ctrlProps/ctrlProp51.xml"/><Relationship Id="rId75" Type="http://schemas.openxmlformats.org/officeDocument/2006/relationships/ctrlProp" Target="../ctrlProps/ctrlProp72.xml"/><Relationship Id="rId96" Type="http://schemas.openxmlformats.org/officeDocument/2006/relationships/ctrlProp" Target="../ctrlProps/ctrlProp93.xml"/><Relationship Id="rId140" Type="http://schemas.openxmlformats.org/officeDocument/2006/relationships/ctrlProp" Target="../ctrlProps/ctrlProp137.xml"/><Relationship Id="rId161" Type="http://schemas.openxmlformats.org/officeDocument/2006/relationships/ctrlProp" Target="../ctrlProps/ctrlProp158.xml"/><Relationship Id="rId182" Type="http://schemas.openxmlformats.org/officeDocument/2006/relationships/ctrlProp" Target="../ctrlProps/ctrlProp179.xml"/><Relationship Id="rId217" Type="http://schemas.openxmlformats.org/officeDocument/2006/relationships/ctrlProp" Target="../ctrlProps/ctrlProp214.xml"/><Relationship Id="rId6" Type="http://schemas.openxmlformats.org/officeDocument/2006/relationships/ctrlProp" Target="../ctrlProps/ctrlProp3.xml"/><Relationship Id="rId238" Type="http://schemas.openxmlformats.org/officeDocument/2006/relationships/ctrlProp" Target="../ctrlProps/ctrlProp235.xml"/><Relationship Id="rId23" Type="http://schemas.openxmlformats.org/officeDocument/2006/relationships/ctrlProp" Target="../ctrlProps/ctrlProp20.xml"/><Relationship Id="rId119" Type="http://schemas.openxmlformats.org/officeDocument/2006/relationships/ctrlProp" Target="../ctrlProps/ctrlProp116.xml"/><Relationship Id="rId44" Type="http://schemas.openxmlformats.org/officeDocument/2006/relationships/ctrlProp" Target="../ctrlProps/ctrlProp41.xml"/><Relationship Id="rId65" Type="http://schemas.openxmlformats.org/officeDocument/2006/relationships/ctrlProp" Target="../ctrlProps/ctrlProp62.xml"/><Relationship Id="rId86" Type="http://schemas.openxmlformats.org/officeDocument/2006/relationships/ctrlProp" Target="../ctrlProps/ctrlProp83.xml"/><Relationship Id="rId130" Type="http://schemas.openxmlformats.org/officeDocument/2006/relationships/ctrlProp" Target="../ctrlProps/ctrlProp127.xml"/><Relationship Id="rId151" Type="http://schemas.openxmlformats.org/officeDocument/2006/relationships/ctrlProp" Target="../ctrlProps/ctrlProp148.xml"/><Relationship Id="rId172" Type="http://schemas.openxmlformats.org/officeDocument/2006/relationships/ctrlProp" Target="../ctrlProps/ctrlProp169.xml"/><Relationship Id="rId193" Type="http://schemas.openxmlformats.org/officeDocument/2006/relationships/ctrlProp" Target="../ctrlProps/ctrlProp190.xml"/><Relationship Id="rId207" Type="http://schemas.openxmlformats.org/officeDocument/2006/relationships/ctrlProp" Target="../ctrlProps/ctrlProp204.xml"/><Relationship Id="rId228" Type="http://schemas.openxmlformats.org/officeDocument/2006/relationships/ctrlProp" Target="../ctrlProps/ctrlProp225.xml"/><Relationship Id="rId13" Type="http://schemas.openxmlformats.org/officeDocument/2006/relationships/ctrlProp" Target="../ctrlProps/ctrlProp10.xml"/><Relationship Id="rId109" Type="http://schemas.openxmlformats.org/officeDocument/2006/relationships/ctrlProp" Target="../ctrlProps/ctrlProp106.xml"/><Relationship Id="rId34" Type="http://schemas.openxmlformats.org/officeDocument/2006/relationships/ctrlProp" Target="../ctrlProps/ctrlProp31.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20" Type="http://schemas.openxmlformats.org/officeDocument/2006/relationships/ctrlProp" Target="../ctrlProps/ctrlProp117.xml"/><Relationship Id="rId141" Type="http://schemas.openxmlformats.org/officeDocument/2006/relationships/ctrlProp" Target="../ctrlProps/ctrlProp138.xml"/><Relationship Id="rId7" Type="http://schemas.openxmlformats.org/officeDocument/2006/relationships/ctrlProp" Target="../ctrlProps/ctrlProp4.xml"/><Relationship Id="rId162" Type="http://schemas.openxmlformats.org/officeDocument/2006/relationships/ctrlProp" Target="../ctrlProps/ctrlProp159.xml"/><Relationship Id="rId183" Type="http://schemas.openxmlformats.org/officeDocument/2006/relationships/ctrlProp" Target="../ctrlProps/ctrlProp180.xml"/><Relationship Id="rId218" Type="http://schemas.openxmlformats.org/officeDocument/2006/relationships/ctrlProp" Target="../ctrlProps/ctrlProp215.xml"/><Relationship Id="rId239" Type="http://schemas.openxmlformats.org/officeDocument/2006/relationships/ctrlProp" Target="../ctrlProps/ctrlProp236.xml"/><Relationship Id="rId24" Type="http://schemas.openxmlformats.org/officeDocument/2006/relationships/ctrlProp" Target="../ctrlProps/ctrlProp21.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31" Type="http://schemas.openxmlformats.org/officeDocument/2006/relationships/ctrlProp" Target="../ctrlProps/ctrlProp128.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208" Type="http://schemas.openxmlformats.org/officeDocument/2006/relationships/ctrlProp" Target="../ctrlProps/ctrlProp205.xml"/><Relationship Id="rId229" Type="http://schemas.openxmlformats.org/officeDocument/2006/relationships/ctrlProp" Target="../ctrlProps/ctrlProp226.xml"/><Relationship Id="rId240" Type="http://schemas.openxmlformats.org/officeDocument/2006/relationships/ctrlProp" Target="../ctrlProps/ctrlProp237.xml"/><Relationship Id="rId14" Type="http://schemas.openxmlformats.org/officeDocument/2006/relationships/ctrlProp" Target="../ctrlProps/ctrlProp11.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8" Type="http://schemas.openxmlformats.org/officeDocument/2006/relationships/ctrlProp" Target="../ctrlProps/ctrlProp5.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219" Type="http://schemas.openxmlformats.org/officeDocument/2006/relationships/ctrlProp" Target="../ctrlProps/ctrlProp216.xml"/><Relationship Id="rId230" Type="http://schemas.openxmlformats.org/officeDocument/2006/relationships/ctrlProp" Target="../ctrlProps/ctrlProp227.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95" Type="http://schemas.openxmlformats.org/officeDocument/2006/relationships/ctrlProp" Target="../ctrlProps/ctrlProp192.xml"/><Relationship Id="rId209" Type="http://schemas.openxmlformats.org/officeDocument/2006/relationships/ctrlProp" Target="../ctrlProps/ctrlProp206.xml"/><Relationship Id="rId190" Type="http://schemas.openxmlformats.org/officeDocument/2006/relationships/ctrlProp" Target="../ctrlProps/ctrlProp187.xml"/><Relationship Id="rId204" Type="http://schemas.openxmlformats.org/officeDocument/2006/relationships/ctrlProp" Target="../ctrlProps/ctrlProp201.xml"/><Relationship Id="rId220" Type="http://schemas.openxmlformats.org/officeDocument/2006/relationships/ctrlProp" Target="../ctrlProps/ctrlProp217.xml"/><Relationship Id="rId225" Type="http://schemas.openxmlformats.org/officeDocument/2006/relationships/ctrlProp" Target="../ctrlProps/ctrlProp222.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106" Type="http://schemas.openxmlformats.org/officeDocument/2006/relationships/ctrlProp" Target="../ctrlProps/ctrlProp103.xml"/><Relationship Id="rId127" Type="http://schemas.openxmlformats.org/officeDocument/2006/relationships/ctrlProp" Target="../ctrlProps/ctrlProp124.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78" Type="http://schemas.openxmlformats.org/officeDocument/2006/relationships/ctrlProp" Target="../ctrlProps/ctrlProp75.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48" Type="http://schemas.openxmlformats.org/officeDocument/2006/relationships/ctrlProp" Target="../ctrlProps/ctrlProp145.xml"/><Relationship Id="rId164" Type="http://schemas.openxmlformats.org/officeDocument/2006/relationships/ctrlProp" Target="../ctrlProps/ctrlProp161.xml"/><Relationship Id="rId169" Type="http://schemas.openxmlformats.org/officeDocument/2006/relationships/ctrlProp" Target="../ctrlProps/ctrlProp166.xml"/><Relationship Id="rId185" Type="http://schemas.openxmlformats.org/officeDocument/2006/relationships/ctrlProp" Target="../ctrlProps/ctrlProp182.xml"/><Relationship Id="rId4" Type="http://schemas.openxmlformats.org/officeDocument/2006/relationships/ctrlProp" Target="../ctrlProps/ctrlProp1.xml"/><Relationship Id="rId9" Type="http://schemas.openxmlformats.org/officeDocument/2006/relationships/ctrlProp" Target="../ctrlProps/ctrlProp6.xml"/><Relationship Id="rId180" Type="http://schemas.openxmlformats.org/officeDocument/2006/relationships/ctrlProp" Target="../ctrlProps/ctrlProp177.xml"/><Relationship Id="rId210" Type="http://schemas.openxmlformats.org/officeDocument/2006/relationships/ctrlProp" Target="../ctrlProps/ctrlProp207.xml"/><Relationship Id="rId215" Type="http://schemas.openxmlformats.org/officeDocument/2006/relationships/ctrlProp" Target="../ctrlProps/ctrlProp212.xml"/><Relationship Id="rId236" Type="http://schemas.openxmlformats.org/officeDocument/2006/relationships/ctrlProp" Target="../ctrlProps/ctrlProp233.xml"/><Relationship Id="rId26" Type="http://schemas.openxmlformats.org/officeDocument/2006/relationships/ctrlProp" Target="../ctrlProps/ctrlProp23.xml"/><Relationship Id="rId231" Type="http://schemas.openxmlformats.org/officeDocument/2006/relationships/ctrlProp" Target="../ctrlProps/ctrlProp228.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201" Type="http://schemas.openxmlformats.org/officeDocument/2006/relationships/ctrlProp" Target="../ctrlProps/ctrlProp198.xml"/><Relationship Id="rId222" Type="http://schemas.openxmlformats.org/officeDocument/2006/relationships/ctrlProp" Target="../ctrlProps/ctrlProp219.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 Id="rId70" Type="http://schemas.openxmlformats.org/officeDocument/2006/relationships/ctrlProp" Target="../ctrlProps/ctrlProp67.xml"/><Relationship Id="rId91" Type="http://schemas.openxmlformats.org/officeDocument/2006/relationships/ctrlProp" Target="../ctrlProps/ctrlProp88.xml"/><Relationship Id="rId145" Type="http://schemas.openxmlformats.org/officeDocument/2006/relationships/ctrlProp" Target="../ctrlProps/ctrlProp142.xml"/><Relationship Id="rId166" Type="http://schemas.openxmlformats.org/officeDocument/2006/relationships/ctrlProp" Target="../ctrlProps/ctrlProp163.xml"/><Relationship Id="rId187" Type="http://schemas.openxmlformats.org/officeDocument/2006/relationships/ctrlProp" Target="../ctrlProps/ctrlProp184.xml"/><Relationship Id="rId1" Type="http://schemas.openxmlformats.org/officeDocument/2006/relationships/printerSettings" Target="../printerSettings/printerSettings1.bin"/><Relationship Id="rId212" Type="http://schemas.openxmlformats.org/officeDocument/2006/relationships/ctrlProp" Target="../ctrlProps/ctrlProp209.xml"/><Relationship Id="rId233" Type="http://schemas.openxmlformats.org/officeDocument/2006/relationships/ctrlProp" Target="../ctrlProps/ctrlProp230.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60" Type="http://schemas.openxmlformats.org/officeDocument/2006/relationships/ctrlProp" Target="../ctrlProps/ctrlProp57.xml"/><Relationship Id="rId81" Type="http://schemas.openxmlformats.org/officeDocument/2006/relationships/ctrlProp" Target="../ctrlProps/ctrlProp78.xml"/><Relationship Id="rId135" Type="http://schemas.openxmlformats.org/officeDocument/2006/relationships/ctrlProp" Target="../ctrlProps/ctrlProp132.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202" Type="http://schemas.openxmlformats.org/officeDocument/2006/relationships/ctrlProp" Target="../ctrlProps/ctrlProp199.xml"/><Relationship Id="rId223" Type="http://schemas.openxmlformats.org/officeDocument/2006/relationships/ctrlProp" Target="../ctrlProps/ctrlProp220.xml"/><Relationship Id="rId18" Type="http://schemas.openxmlformats.org/officeDocument/2006/relationships/ctrlProp" Target="../ctrlProps/ctrlProp15.xml"/><Relationship Id="rId39" Type="http://schemas.openxmlformats.org/officeDocument/2006/relationships/ctrlProp" Target="../ctrlProps/ctrlProp36.xml"/><Relationship Id="rId50" Type="http://schemas.openxmlformats.org/officeDocument/2006/relationships/ctrlProp" Target="../ctrlProps/ctrlProp47.xml"/><Relationship Id="rId104" Type="http://schemas.openxmlformats.org/officeDocument/2006/relationships/ctrlProp" Target="../ctrlProps/ctrlProp101.xml"/><Relationship Id="rId125" Type="http://schemas.openxmlformats.org/officeDocument/2006/relationships/ctrlProp" Target="../ctrlProps/ctrlProp122.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71" Type="http://schemas.openxmlformats.org/officeDocument/2006/relationships/ctrlProp" Target="../ctrlProps/ctrlProp68.xml"/><Relationship Id="rId92" Type="http://schemas.openxmlformats.org/officeDocument/2006/relationships/ctrlProp" Target="../ctrlProps/ctrlProp89.xml"/><Relationship Id="rId213" Type="http://schemas.openxmlformats.org/officeDocument/2006/relationships/ctrlProp" Target="../ctrlProps/ctrlProp210.xml"/><Relationship Id="rId234" Type="http://schemas.openxmlformats.org/officeDocument/2006/relationships/ctrlProp" Target="../ctrlProps/ctrlProp231.xml"/><Relationship Id="rId2" Type="http://schemas.openxmlformats.org/officeDocument/2006/relationships/drawing" Target="../drawings/drawing1.xml"/><Relationship Id="rId29" Type="http://schemas.openxmlformats.org/officeDocument/2006/relationships/ctrlProp" Target="../ctrlProps/ctrlProp26.xml"/><Relationship Id="rId40" Type="http://schemas.openxmlformats.org/officeDocument/2006/relationships/ctrlProp" Target="../ctrlProps/ctrlProp37.xml"/><Relationship Id="rId115" Type="http://schemas.openxmlformats.org/officeDocument/2006/relationships/ctrlProp" Target="../ctrlProps/ctrlProp112.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61" Type="http://schemas.openxmlformats.org/officeDocument/2006/relationships/ctrlProp" Target="../ctrlProps/ctrlProp58.xml"/><Relationship Id="rId82" Type="http://schemas.openxmlformats.org/officeDocument/2006/relationships/ctrlProp" Target="../ctrlProps/ctrlProp79.xml"/><Relationship Id="rId199" Type="http://schemas.openxmlformats.org/officeDocument/2006/relationships/ctrlProp" Target="../ctrlProps/ctrlProp196.xml"/><Relationship Id="rId203" Type="http://schemas.openxmlformats.org/officeDocument/2006/relationships/ctrlProp" Target="../ctrlProps/ctrlProp200.xml"/><Relationship Id="rId19" Type="http://schemas.openxmlformats.org/officeDocument/2006/relationships/ctrlProp" Target="../ctrlProps/ctrlProp16.xml"/><Relationship Id="rId224" Type="http://schemas.openxmlformats.org/officeDocument/2006/relationships/ctrlProp" Target="../ctrlProps/ctrlProp221.xml"/><Relationship Id="rId30" Type="http://schemas.openxmlformats.org/officeDocument/2006/relationships/ctrlProp" Target="../ctrlProps/ctrlProp2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189" Type="http://schemas.openxmlformats.org/officeDocument/2006/relationships/ctrlProp" Target="../ctrlProps/ctrlProp186.xml"/><Relationship Id="rId3" Type="http://schemas.openxmlformats.org/officeDocument/2006/relationships/vmlDrawing" Target="../drawings/vmlDrawing1.vml"/><Relationship Id="rId214" Type="http://schemas.openxmlformats.org/officeDocument/2006/relationships/ctrlProp" Target="../ctrlProps/ctrlProp211.xml"/><Relationship Id="rId235" Type="http://schemas.openxmlformats.org/officeDocument/2006/relationships/ctrlProp" Target="../ctrlProps/ctrlProp232.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179" Type="http://schemas.openxmlformats.org/officeDocument/2006/relationships/ctrlProp" Target="../ctrlProps/ctrlProp176.xml"/></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247.xml"/><Relationship Id="rId18" Type="http://schemas.openxmlformats.org/officeDocument/2006/relationships/ctrlProp" Target="../ctrlProps/ctrlProp252.xml"/><Relationship Id="rId26" Type="http://schemas.openxmlformats.org/officeDocument/2006/relationships/ctrlProp" Target="../ctrlProps/ctrlProp260.xml"/><Relationship Id="rId21" Type="http://schemas.openxmlformats.org/officeDocument/2006/relationships/ctrlProp" Target="../ctrlProps/ctrlProp255.xml"/><Relationship Id="rId34" Type="http://schemas.openxmlformats.org/officeDocument/2006/relationships/ctrlProp" Target="../ctrlProps/ctrlProp268.xml"/><Relationship Id="rId7" Type="http://schemas.openxmlformats.org/officeDocument/2006/relationships/ctrlProp" Target="../ctrlProps/ctrlProp241.xml"/><Relationship Id="rId12" Type="http://schemas.openxmlformats.org/officeDocument/2006/relationships/ctrlProp" Target="../ctrlProps/ctrlProp246.xml"/><Relationship Id="rId17" Type="http://schemas.openxmlformats.org/officeDocument/2006/relationships/ctrlProp" Target="../ctrlProps/ctrlProp251.xml"/><Relationship Id="rId25" Type="http://schemas.openxmlformats.org/officeDocument/2006/relationships/ctrlProp" Target="../ctrlProps/ctrlProp259.xml"/><Relationship Id="rId33" Type="http://schemas.openxmlformats.org/officeDocument/2006/relationships/ctrlProp" Target="../ctrlProps/ctrlProp267.xml"/><Relationship Id="rId2" Type="http://schemas.openxmlformats.org/officeDocument/2006/relationships/drawing" Target="../drawings/drawing2.xml"/><Relationship Id="rId16" Type="http://schemas.openxmlformats.org/officeDocument/2006/relationships/ctrlProp" Target="../ctrlProps/ctrlProp250.xml"/><Relationship Id="rId20" Type="http://schemas.openxmlformats.org/officeDocument/2006/relationships/ctrlProp" Target="../ctrlProps/ctrlProp254.xml"/><Relationship Id="rId29" Type="http://schemas.openxmlformats.org/officeDocument/2006/relationships/ctrlProp" Target="../ctrlProps/ctrlProp263.xml"/><Relationship Id="rId1" Type="http://schemas.openxmlformats.org/officeDocument/2006/relationships/printerSettings" Target="../printerSettings/printerSettings2.bin"/><Relationship Id="rId6" Type="http://schemas.openxmlformats.org/officeDocument/2006/relationships/ctrlProp" Target="../ctrlProps/ctrlProp240.xml"/><Relationship Id="rId11" Type="http://schemas.openxmlformats.org/officeDocument/2006/relationships/ctrlProp" Target="../ctrlProps/ctrlProp245.xml"/><Relationship Id="rId24" Type="http://schemas.openxmlformats.org/officeDocument/2006/relationships/ctrlProp" Target="../ctrlProps/ctrlProp258.xml"/><Relationship Id="rId32" Type="http://schemas.openxmlformats.org/officeDocument/2006/relationships/ctrlProp" Target="../ctrlProps/ctrlProp266.xml"/><Relationship Id="rId37" Type="http://schemas.openxmlformats.org/officeDocument/2006/relationships/ctrlProp" Target="../ctrlProps/ctrlProp271.xml"/><Relationship Id="rId5" Type="http://schemas.openxmlformats.org/officeDocument/2006/relationships/ctrlProp" Target="../ctrlProps/ctrlProp239.xml"/><Relationship Id="rId15" Type="http://schemas.openxmlformats.org/officeDocument/2006/relationships/ctrlProp" Target="../ctrlProps/ctrlProp249.xml"/><Relationship Id="rId23" Type="http://schemas.openxmlformats.org/officeDocument/2006/relationships/ctrlProp" Target="../ctrlProps/ctrlProp257.xml"/><Relationship Id="rId28" Type="http://schemas.openxmlformats.org/officeDocument/2006/relationships/ctrlProp" Target="../ctrlProps/ctrlProp262.xml"/><Relationship Id="rId36" Type="http://schemas.openxmlformats.org/officeDocument/2006/relationships/ctrlProp" Target="../ctrlProps/ctrlProp270.xml"/><Relationship Id="rId10" Type="http://schemas.openxmlformats.org/officeDocument/2006/relationships/ctrlProp" Target="../ctrlProps/ctrlProp244.xml"/><Relationship Id="rId19" Type="http://schemas.openxmlformats.org/officeDocument/2006/relationships/ctrlProp" Target="../ctrlProps/ctrlProp253.xml"/><Relationship Id="rId31" Type="http://schemas.openxmlformats.org/officeDocument/2006/relationships/ctrlProp" Target="../ctrlProps/ctrlProp265.xml"/><Relationship Id="rId4" Type="http://schemas.openxmlformats.org/officeDocument/2006/relationships/ctrlProp" Target="../ctrlProps/ctrlProp238.xml"/><Relationship Id="rId9" Type="http://schemas.openxmlformats.org/officeDocument/2006/relationships/ctrlProp" Target="../ctrlProps/ctrlProp243.xml"/><Relationship Id="rId14" Type="http://schemas.openxmlformats.org/officeDocument/2006/relationships/ctrlProp" Target="../ctrlProps/ctrlProp248.xml"/><Relationship Id="rId22" Type="http://schemas.openxmlformats.org/officeDocument/2006/relationships/ctrlProp" Target="../ctrlProps/ctrlProp256.xml"/><Relationship Id="rId27" Type="http://schemas.openxmlformats.org/officeDocument/2006/relationships/ctrlProp" Target="../ctrlProps/ctrlProp261.xml"/><Relationship Id="rId30" Type="http://schemas.openxmlformats.org/officeDocument/2006/relationships/ctrlProp" Target="../ctrlProps/ctrlProp264.xml"/><Relationship Id="rId35" Type="http://schemas.openxmlformats.org/officeDocument/2006/relationships/ctrlProp" Target="../ctrlProps/ctrlProp269.xml"/><Relationship Id="rId8" Type="http://schemas.openxmlformats.org/officeDocument/2006/relationships/ctrlProp" Target="../ctrlProps/ctrlProp242.xml"/><Relationship Id="rId3" Type="http://schemas.openxmlformats.org/officeDocument/2006/relationships/vmlDrawing" Target="../drawings/vmlDrawing2.vml"/></Relationships>
</file>

<file path=xl/worksheets/_rels/sheet3.xml.rels><?xml version="1.0" encoding="UTF-8" standalone="yes"?>
<Relationships xmlns="http://schemas.openxmlformats.org/package/2006/relationships"><Relationship Id="rId117" Type="http://schemas.openxmlformats.org/officeDocument/2006/relationships/ctrlProp" Target="../ctrlProps/ctrlProp385.xml"/><Relationship Id="rId21" Type="http://schemas.openxmlformats.org/officeDocument/2006/relationships/ctrlProp" Target="../ctrlProps/ctrlProp289.xml"/><Relationship Id="rId42" Type="http://schemas.openxmlformats.org/officeDocument/2006/relationships/ctrlProp" Target="../ctrlProps/ctrlProp310.xml"/><Relationship Id="rId63" Type="http://schemas.openxmlformats.org/officeDocument/2006/relationships/ctrlProp" Target="../ctrlProps/ctrlProp331.xml"/><Relationship Id="rId84" Type="http://schemas.openxmlformats.org/officeDocument/2006/relationships/ctrlProp" Target="../ctrlProps/ctrlProp352.xml"/><Relationship Id="rId138" Type="http://schemas.openxmlformats.org/officeDocument/2006/relationships/ctrlProp" Target="../ctrlProps/ctrlProp406.xml"/><Relationship Id="rId159" Type="http://schemas.openxmlformats.org/officeDocument/2006/relationships/ctrlProp" Target="../ctrlProps/ctrlProp427.xml"/><Relationship Id="rId170" Type="http://schemas.openxmlformats.org/officeDocument/2006/relationships/ctrlProp" Target="../ctrlProps/ctrlProp438.xml"/><Relationship Id="rId191" Type="http://schemas.openxmlformats.org/officeDocument/2006/relationships/ctrlProp" Target="../ctrlProps/ctrlProp459.xml"/><Relationship Id="rId205" Type="http://schemas.openxmlformats.org/officeDocument/2006/relationships/ctrlProp" Target="../ctrlProps/ctrlProp473.xml"/><Relationship Id="rId226" Type="http://schemas.openxmlformats.org/officeDocument/2006/relationships/ctrlProp" Target="../ctrlProps/ctrlProp494.xml"/><Relationship Id="rId107" Type="http://schemas.openxmlformats.org/officeDocument/2006/relationships/ctrlProp" Target="../ctrlProps/ctrlProp375.xml"/><Relationship Id="rId11" Type="http://schemas.openxmlformats.org/officeDocument/2006/relationships/ctrlProp" Target="../ctrlProps/ctrlProp279.xml"/><Relationship Id="rId32" Type="http://schemas.openxmlformats.org/officeDocument/2006/relationships/ctrlProp" Target="../ctrlProps/ctrlProp300.xml"/><Relationship Id="rId53" Type="http://schemas.openxmlformats.org/officeDocument/2006/relationships/ctrlProp" Target="../ctrlProps/ctrlProp321.xml"/><Relationship Id="rId74" Type="http://schemas.openxmlformats.org/officeDocument/2006/relationships/ctrlProp" Target="../ctrlProps/ctrlProp342.xml"/><Relationship Id="rId128" Type="http://schemas.openxmlformats.org/officeDocument/2006/relationships/ctrlProp" Target="../ctrlProps/ctrlProp396.xml"/><Relationship Id="rId149" Type="http://schemas.openxmlformats.org/officeDocument/2006/relationships/ctrlProp" Target="../ctrlProps/ctrlProp417.xml"/><Relationship Id="rId5" Type="http://schemas.openxmlformats.org/officeDocument/2006/relationships/ctrlProp" Target="../ctrlProps/ctrlProp273.xml"/><Relationship Id="rId95" Type="http://schemas.openxmlformats.org/officeDocument/2006/relationships/ctrlProp" Target="../ctrlProps/ctrlProp363.xml"/><Relationship Id="rId160" Type="http://schemas.openxmlformats.org/officeDocument/2006/relationships/ctrlProp" Target="../ctrlProps/ctrlProp428.xml"/><Relationship Id="rId181" Type="http://schemas.openxmlformats.org/officeDocument/2006/relationships/ctrlProp" Target="../ctrlProps/ctrlProp449.xml"/><Relationship Id="rId216" Type="http://schemas.openxmlformats.org/officeDocument/2006/relationships/ctrlProp" Target="../ctrlProps/ctrlProp484.xml"/><Relationship Id="rId237" Type="http://schemas.openxmlformats.org/officeDocument/2006/relationships/ctrlProp" Target="../ctrlProps/ctrlProp505.xml"/><Relationship Id="rId22" Type="http://schemas.openxmlformats.org/officeDocument/2006/relationships/ctrlProp" Target="../ctrlProps/ctrlProp290.xml"/><Relationship Id="rId43" Type="http://schemas.openxmlformats.org/officeDocument/2006/relationships/ctrlProp" Target="../ctrlProps/ctrlProp311.xml"/><Relationship Id="rId64" Type="http://schemas.openxmlformats.org/officeDocument/2006/relationships/ctrlProp" Target="../ctrlProps/ctrlProp332.xml"/><Relationship Id="rId118" Type="http://schemas.openxmlformats.org/officeDocument/2006/relationships/ctrlProp" Target="../ctrlProps/ctrlProp386.xml"/><Relationship Id="rId139" Type="http://schemas.openxmlformats.org/officeDocument/2006/relationships/ctrlProp" Target="../ctrlProps/ctrlProp407.xml"/><Relationship Id="rId85" Type="http://schemas.openxmlformats.org/officeDocument/2006/relationships/ctrlProp" Target="../ctrlProps/ctrlProp353.xml"/><Relationship Id="rId150" Type="http://schemas.openxmlformats.org/officeDocument/2006/relationships/ctrlProp" Target="../ctrlProps/ctrlProp418.xml"/><Relationship Id="rId171" Type="http://schemas.openxmlformats.org/officeDocument/2006/relationships/ctrlProp" Target="../ctrlProps/ctrlProp439.xml"/><Relationship Id="rId192" Type="http://schemas.openxmlformats.org/officeDocument/2006/relationships/ctrlProp" Target="../ctrlProps/ctrlProp460.xml"/><Relationship Id="rId206" Type="http://schemas.openxmlformats.org/officeDocument/2006/relationships/ctrlProp" Target="../ctrlProps/ctrlProp474.xml"/><Relationship Id="rId227" Type="http://schemas.openxmlformats.org/officeDocument/2006/relationships/ctrlProp" Target="../ctrlProps/ctrlProp495.xml"/><Relationship Id="rId12" Type="http://schemas.openxmlformats.org/officeDocument/2006/relationships/ctrlProp" Target="../ctrlProps/ctrlProp280.xml"/><Relationship Id="rId33" Type="http://schemas.openxmlformats.org/officeDocument/2006/relationships/ctrlProp" Target="../ctrlProps/ctrlProp301.xml"/><Relationship Id="rId108" Type="http://schemas.openxmlformats.org/officeDocument/2006/relationships/ctrlProp" Target="../ctrlProps/ctrlProp376.xml"/><Relationship Id="rId129" Type="http://schemas.openxmlformats.org/officeDocument/2006/relationships/ctrlProp" Target="../ctrlProps/ctrlProp397.xml"/><Relationship Id="rId54" Type="http://schemas.openxmlformats.org/officeDocument/2006/relationships/ctrlProp" Target="../ctrlProps/ctrlProp322.xml"/><Relationship Id="rId75" Type="http://schemas.openxmlformats.org/officeDocument/2006/relationships/ctrlProp" Target="../ctrlProps/ctrlProp343.xml"/><Relationship Id="rId96" Type="http://schemas.openxmlformats.org/officeDocument/2006/relationships/ctrlProp" Target="../ctrlProps/ctrlProp364.xml"/><Relationship Id="rId140" Type="http://schemas.openxmlformats.org/officeDocument/2006/relationships/ctrlProp" Target="../ctrlProps/ctrlProp408.xml"/><Relationship Id="rId161" Type="http://schemas.openxmlformats.org/officeDocument/2006/relationships/ctrlProp" Target="../ctrlProps/ctrlProp429.xml"/><Relationship Id="rId182" Type="http://schemas.openxmlformats.org/officeDocument/2006/relationships/ctrlProp" Target="../ctrlProps/ctrlProp450.xml"/><Relationship Id="rId217" Type="http://schemas.openxmlformats.org/officeDocument/2006/relationships/ctrlProp" Target="../ctrlProps/ctrlProp485.xml"/><Relationship Id="rId6" Type="http://schemas.openxmlformats.org/officeDocument/2006/relationships/ctrlProp" Target="../ctrlProps/ctrlProp274.xml"/><Relationship Id="rId238" Type="http://schemas.openxmlformats.org/officeDocument/2006/relationships/ctrlProp" Target="../ctrlProps/ctrlProp506.xml"/><Relationship Id="rId23" Type="http://schemas.openxmlformats.org/officeDocument/2006/relationships/ctrlProp" Target="../ctrlProps/ctrlProp291.xml"/><Relationship Id="rId119" Type="http://schemas.openxmlformats.org/officeDocument/2006/relationships/ctrlProp" Target="../ctrlProps/ctrlProp387.xml"/><Relationship Id="rId44" Type="http://schemas.openxmlformats.org/officeDocument/2006/relationships/ctrlProp" Target="../ctrlProps/ctrlProp312.xml"/><Relationship Id="rId65" Type="http://schemas.openxmlformats.org/officeDocument/2006/relationships/ctrlProp" Target="../ctrlProps/ctrlProp333.xml"/><Relationship Id="rId86" Type="http://schemas.openxmlformats.org/officeDocument/2006/relationships/ctrlProp" Target="../ctrlProps/ctrlProp354.xml"/><Relationship Id="rId130" Type="http://schemas.openxmlformats.org/officeDocument/2006/relationships/ctrlProp" Target="../ctrlProps/ctrlProp398.xml"/><Relationship Id="rId151" Type="http://schemas.openxmlformats.org/officeDocument/2006/relationships/ctrlProp" Target="../ctrlProps/ctrlProp419.xml"/><Relationship Id="rId172" Type="http://schemas.openxmlformats.org/officeDocument/2006/relationships/ctrlProp" Target="../ctrlProps/ctrlProp440.xml"/><Relationship Id="rId193" Type="http://schemas.openxmlformats.org/officeDocument/2006/relationships/ctrlProp" Target="../ctrlProps/ctrlProp461.xml"/><Relationship Id="rId207" Type="http://schemas.openxmlformats.org/officeDocument/2006/relationships/ctrlProp" Target="../ctrlProps/ctrlProp475.xml"/><Relationship Id="rId228" Type="http://schemas.openxmlformats.org/officeDocument/2006/relationships/ctrlProp" Target="../ctrlProps/ctrlProp496.xml"/><Relationship Id="rId13" Type="http://schemas.openxmlformats.org/officeDocument/2006/relationships/ctrlProp" Target="../ctrlProps/ctrlProp281.xml"/><Relationship Id="rId109" Type="http://schemas.openxmlformats.org/officeDocument/2006/relationships/ctrlProp" Target="../ctrlProps/ctrlProp377.xml"/><Relationship Id="rId34" Type="http://schemas.openxmlformats.org/officeDocument/2006/relationships/ctrlProp" Target="../ctrlProps/ctrlProp302.xml"/><Relationship Id="rId55" Type="http://schemas.openxmlformats.org/officeDocument/2006/relationships/ctrlProp" Target="../ctrlProps/ctrlProp323.xml"/><Relationship Id="rId76" Type="http://schemas.openxmlformats.org/officeDocument/2006/relationships/ctrlProp" Target="../ctrlProps/ctrlProp344.xml"/><Relationship Id="rId97" Type="http://schemas.openxmlformats.org/officeDocument/2006/relationships/ctrlProp" Target="../ctrlProps/ctrlProp365.xml"/><Relationship Id="rId120" Type="http://schemas.openxmlformats.org/officeDocument/2006/relationships/ctrlProp" Target="../ctrlProps/ctrlProp388.xml"/><Relationship Id="rId141" Type="http://schemas.openxmlformats.org/officeDocument/2006/relationships/ctrlProp" Target="../ctrlProps/ctrlProp409.xml"/><Relationship Id="rId7" Type="http://schemas.openxmlformats.org/officeDocument/2006/relationships/ctrlProp" Target="../ctrlProps/ctrlProp275.xml"/><Relationship Id="rId162" Type="http://schemas.openxmlformats.org/officeDocument/2006/relationships/ctrlProp" Target="../ctrlProps/ctrlProp430.xml"/><Relationship Id="rId183" Type="http://schemas.openxmlformats.org/officeDocument/2006/relationships/ctrlProp" Target="../ctrlProps/ctrlProp451.xml"/><Relationship Id="rId218" Type="http://schemas.openxmlformats.org/officeDocument/2006/relationships/ctrlProp" Target="../ctrlProps/ctrlProp486.xml"/><Relationship Id="rId239" Type="http://schemas.openxmlformats.org/officeDocument/2006/relationships/ctrlProp" Target="../ctrlProps/ctrlProp507.xml"/><Relationship Id="rId24" Type="http://schemas.openxmlformats.org/officeDocument/2006/relationships/ctrlProp" Target="../ctrlProps/ctrlProp292.xml"/><Relationship Id="rId45" Type="http://schemas.openxmlformats.org/officeDocument/2006/relationships/ctrlProp" Target="../ctrlProps/ctrlProp313.xml"/><Relationship Id="rId66" Type="http://schemas.openxmlformats.org/officeDocument/2006/relationships/ctrlProp" Target="../ctrlProps/ctrlProp334.xml"/><Relationship Id="rId87" Type="http://schemas.openxmlformats.org/officeDocument/2006/relationships/ctrlProp" Target="../ctrlProps/ctrlProp355.xml"/><Relationship Id="rId110" Type="http://schemas.openxmlformats.org/officeDocument/2006/relationships/ctrlProp" Target="../ctrlProps/ctrlProp378.xml"/><Relationship Id="rId131" Type="http://schemas.openxmlformats.org/officeDocument/2006/relationships/ctrlProp" Target="../ctrlProps/ctrlProp399.xml"/><Relationship Id="rId152" Type="http://schemas.openxmlformats.org/officeDocument/2006/relationships/ctrlProp" Target="../ctrlProps/ctrlProp420.xml"/><Relationship Id="rId173" Type="http://schemas.openxmlformats.org/officeDocument/2006/relationships/ctrlProp" Target="../ctrlProps/ctrlProp441.xml"/><Relationship Id="rId194" Type="http://schemas.openxmlformats.org/officeDocument/2006/relationships/ctrlProp" Target="../ctrlProps/ctrlProp462.xml"/><Relationship Id="rId208" Type="http://schemas.openxmlformats.org/officeDocument/2006/relationships/ctrlProp" Target="../ctrlProps/ctrlProp476.xml"/><Relationship Id="rId229" Type="http://schemas.openxmlformats.org/officeDocument/2006/relationships/ctrlProp" Target="../ctrlProps/ctrlProp497.xml"/><Relationship Id="rId240" Type="http://schemas.openxmlformats.org/officeDocument/2006/relationships/ctrlProp" Target="../ctrlProps/ctrlProp508.xml"/><Relationship Id="rId14" Type="http://schemas.openxmlformats.org/officeDocument/2006/relationships/ctrlProp" Target="../ctrlProps/ctrlProp282.xml"/><Relationship Id="rId35" Type="http://schemas.openxmlformats.org/officeDocument/2006/relationships/ctrlProp" Target="../ctrlProps/ctrlProp303.xml"/><Relationship Id="rId56" Type="http://schemas.openxmlformats.org/officeDocument/2006/relationships/ctrlProp" Target="../ctrlProps/ctrlProp324.xml"/><Relationship Id="rId77" Type="http://schemas.openxmlformats.org/officeDocument/2006/relationships/ctrlProp" Target="../ctrlProps/ctrlProp345.xml"/><Relationship Id="rId100" Type="http://schemas.openxmlformats.org/officeDocument/2006/relationships/ctrlProp" Target="../ctrlProps/ctrlProp368.xml"/><Relationship Id="rId8" Type="http://schemas.openxmlformats.org/officeDocument/2006/relationships/ctrlProp" Target="../ctrlProps/ctrlProp276.xml"/><Relationship Id="rId98" Type="http://schemas.openxmlformats.org/officeDocument/2006/relationships/ctrlProp" Target="../ctrlProps/ctrlProp366.xml"/><Relationship Id="rId121" Type="http://schemas.openxmlformats.org/officeDocument/2006/relationships/ctrlProp" Target="../ctrlProps/ctrlProp389.xml"/><Relationship Id="rId142" Type="http://schemas.openxmlformats.org/officeDocument/2006/relationships/ctrlProp" Target="../ctrlProps/ctrlProp410.xml"/><Relationship Id="rId163" Type="http://schemas.openxmlformats.org/officeDocument/2006/relationships/ctrlProp" Target="../ctrlProps/ctrlProp431.xml"/><Relationship Id="rId184" Type="http://schemas.openxmlformats.org/officeDocument/2006/relationships/ctrlProp" Target="../ctrlProps/ctrlProp452.xml"/><Relationship Id="rId219" Type="http://schemas.openxmlformats.org/officeDocument/2006/relationships/ctrlProp" Target="../ctrlProps/ctrlProp487.xml"/><Relationship Id="rId230" Type="http://schemas.openxmlformats.org/officeDocument/2006/relationships/ctrlProp" Target="../ctrlProps/ctrlProp498.xml"/><Relationship Id="rId25" Type="http://schemas.openxmlformats.org/officeDocument/2006/relationships/ctrlProp" Target="../ctrlProps/ctrlProp293.xml"/><Relationship Id="rId46" Type="http://schemas.openxmlformats.org/officeDocument/2006/relationships/ctrlProp" Target="../ctrlProps/ctrlProp314.xml"/><Relationship Id="rId67" Type="http://schemas.openxmlformats.org/officeDocument/2006/relationships/ctrlProp" Target="../ctrlProps/ctrlProp335.xml"/><Relationship Id="rId88" Type="http://schemas.openxmlformats.org/officeDocument/2006/relationships/ctrlProp" Target="../ctrlProps/ctrlProp356.xml"/><Relationship Id="rId111" Type="http://schemas.openxmlformats.org/officeDocument/2006/relationships/ctrlProp" Target="../ctrlProps/ctrlProp379.xml"/><Relationship Id="rId132" Type="http://schemas.openxmlformats.org/officeDocument/2006/relationships/ctrlProp" Target="../ctrlProps/ctrlProp400.xml"/><Relationship Id="rId153" Type="http://schemas.openxmlformats.org/officeDocument/2006/relationships/ctrlProp" Target="../ctrlProps/ctrlProp421.xml"/><Relationship Id="rId174" Type="http://schemas.openxmlformats.org/officeDocument/2006/relationships/ctrlProp" Target="../ctrlProps/ctrlProp442.xml"/><Relationship Id="rId195" Type="http://schemas.openxmlformats.org/officeDocument/2006/relationships/ctrlProp" Target="../ctrlProps/ctrlProp463.xml"/><Relationship Id="rId209" Type="http://schemas.openxmlformats.org/officeDocument/2006/relationships/ctrlProp" Target="../ctrlProps/ctrlProp477.xml"/><Relationship Id="rId190" Type="http://schemas.openxmlformats.org/officeDocument/2006/relationships/ctrlProp" Target="../ctrlProps/ctrlProp458.xml"/><Relationship Id="rId204" Type="http://schemas.openxmlformats.org/officeDocument/2006/relationships/ctrlProp" Target="../ctrlProps/ctrlProp472.xml"/><Relationship Id="rId220" Type="http://schemas.openxmlformats.org/officeDocument/2006/relationships/ctrlProp" Target="../ctrlProps/ctrlProp488.xml"/><Relationship Id="rId225" Type="http://schemas.openxmlformats.org/officeDocument/2006/relationships/ctrlProp" Target="../ctrlProps/ctrlProp493.xml"/><Relationship Id="rId15" Type="http://schemas.openxmlformats.org/officeDocument/2006/relationships/ctrlProp" Target="../ctrlProps/ctrlProp283.xml"/><Relationship Id="rId36" Type="http://schemas.openxmlformats.org/officeDocument/2006/relationships/ctrlProp" Target="../ctrlProps/ctrlProp304.xml"/><Relationship Id="rId57" Type="http://schemas.openxmlformats.org/officeDocument/2006/relationships/ctrlProp" Target="../ctrlProps/ctrlProp325.xml"/><Relationship Id="rId106" Type="http://schemas.openxmlformats.org/officeDocument/2006/relationships/ctrlProp" Target="../ctrlProps/ctrlProp374.xml"/><Relationship Id="rId127" Type="http://schemas.openxmlformats.org/officeDocument/2006/relationships/ctrlProp" Target="../ctrlProps/ctrlProp395.xml"/><Relationship Id="rId10" Type="http://schemas.openxmlformats.org/officeDocument/2006/relationships/ctrlProp" Target="../ctrlProps/ctrlProp278.xml"/><Relationship Id="rId31" Type="http://schemas.openxmlformats.org/officeDocument/2006/relationships/ctrlProp" Target="../ctrlProps/ctrlProp299.xml"/><Relationship Id="rId52" Type="http://schemas.openxmlformats.org/officeDocument/2006/relationships/ctrlProp" Target="../ctrlProps/ctrlProp320.xml"/><Relationship Id="rId73" Type="http://schemas.openxmlformats.org/officeDocument/2006/relationships/ctrlProp" Target="../ctrlProps/ctrlProp341.xml"/><Relationship Id="rId78" Type="http://schemas.openxmlformats.org/officeDocument/2006/relationships/ctrlProp" Target="../ctrlProps/ctrlProp346.xml"/><Relationship Id="rId94" Type="http://schemas.openxmlformats.org/officeDocument/2006/relationships/ctrlProp" Target="../ctrlProps/ctrlProp362.xml"/><Relationship Id="rId99" Type="http://schemas.openxmlformats.org/officeDocument/2006/relationships/ctrlProp" Target="../ctrlProps/ctrlProp367.xml"/><Relationship Id="rId101" Type="http://schemas.openxmlformats.org/officeDocument/2006/relationships/ctrlProp" Target="../ctrlProps/ctrlProp369.xml"/><Relationship Id="rId122" Type="http://schemas.openxmlformats.org/officeDocument/2006/relationships/ctrlProp" Target="../ctrlProps/ctrlProp390.xml"/><Relationship Id="rId143" Type="http://schemas.openxmlformats.org/officeDocument/2006/relationships/ctrlProp" Target="../ctrlProps/ctrlProp411.xml"/><Relationship Id="rId148" Type="http://schemas.openxmlformats.org/officeDocument/2006/relationships/ctrlProp" Target="../ctrlProps/ctrlProp416.xml"/><Relationship Id="rId164" Type="http://schemas.openxmlformats.org/officeDocument/2006/relationships/ctrlProp" Target="../ctrlProps/ctrlProp432.xml"/><Relationship Id="rId169" Type="http://schemas.openxmlformats.org/officeDocument/2006/relationships/ctrlProp" Target="../ctrlProps/ctrlProp437.xml"/><Relationship Id="rId185" Type="http://schemas.openxmlformats.org/officeDocument/2006/relationships/ctrlProp" Target="../ctrlProps/ctrlProp453.xml"/><Relationship Id="rId4" Type="http://schemas.openxmlformats.org/officeDocument/2006/relationships/ctrlProp" Target="../ctrlProps/ctrlProp272.xml"/><Relationship Id="rId9" Type="http://schemas.openxmlformats.org/officeDocument/2006/relationships/ctrlProp" Target="../ctrlProps/ctrlProp277.xml"/><Relationship Id="rId180" Type="http://schemas.openxmlformats.org/officeDocument/2006/relationships/ctrlProp" Target="../ctrlProps/ctrlProp448.xml"/><Relationship Id="rId210" Type="http://schemas.openxmlformats.org/officeDocument/2006/relationships/ctrlProp" Target="../ctrlProps/ctrlProp478.xml"/><Relationship Id="rId215" Type="http://schemas.openxmlformats.org/officeDocument/2006/relationships/ctrlProp" Target="../ctrlProps/ctrlProp483.xml"/><Relationship Id="rId236" Type="http://schemas.openxmlformats.org/officeDocument/2006/relationships/ctrlProp" Target="../ctrlProps/ctrlProp504.xml"/><Relationship Id="rId26" Type="http://schemas.openxmlformats.org/officeDocument/2006/relationships/ctrlProp" Target="../ctrlProps/ctrlProp294.xml"/><Relationship Id="rId231" Type="http://schemas.openxmlformats.org/officeDocument/2006/relationships/ctrlProp" Target="../ctrlProps/ctrlProp499.xml"/><Relationship Id="rId47" Type="http://schemas.openxmlformats.org/officeDocument/2006/relationships/ctrlProp" Target="../ctrlProps/ctrlProp315.xml"/><Relationship Id="rId68" Type="http://schemas.openxmlformats.org/officeDocument/2006/relationships/ctrlProp" Target="../ctrlProps/ctrlProp336.xml"/><Relationship Id="rId89" Type="http://schemas.openxmlformats.org/officeDocument/2006/relationships/ctrlProp" Target="../ctrlProps/ctrlProp357.xml"/><Relationship Id="rId112" Type="http://schemas.openxmlformats.org/officeDocument/2006/relationships/ctrlProp" Target="../ctrlProps/ctrlProp380.xml"/><Relationship Id="rId133" Type="http://schemas.openxmlformats.org/officeDocument/2006/relationships/ctrlProp" Target="../ctrlProps/ctrlProp401.xml"/><Relationship Id="rId154" Type="http://schemas.openxmlformats.org/officeDocument/2006/relationships/ctrlProp" Target="../ctrlProps/ctrlProp422.xml"/><Relationship Id="rId175" Type="http://schemas.openxmlformats.org/officeDocument/2006/relationships/ctrlProp" Target="../ctrlProps/ctrlProp443.xml"/><Relationship Id="rId196" Type="http://schemas.openxmlformats.org/officeDocument/2006/relationships/ctrlProp" Target="../ctrlProps/ctrlProp464.xml"/><Relationship Id="rId200" Type="http://schemas.openxmlformats.org/officeDocument/2006/relationships/ctrlProp" Target="../ctrlProps/ctrlProp468.xml"/><Relationship Id="rId16" Type="http://schemas.openxmlformats.org/officeDocument/2006/relationships/ctrlProp" Target="../ctrlProps/ctrlProp284.xml"/><Relationship Id="rId221" Type="http://schemas.openxmlformats.org/officeDocument/2006/relationships/ctrlProp" Target="../ctrlProps/ctrlProp489.xml"/><Relationship Id="rId37" Type="http://schemas.openxmlformats.org/officeDocument/2006/relationships/ctrlProp" Target="../ctrlProps/ctrlProp305.xml"/><Relationship Id="rId58" Type="http://schemas.openxmlformats.org/officeDocument/2006/relationships/ctrlProp" Target="../ctrlProps/ctrlProp326.xml"/><Relationship Id="rId79" Type="http://schemas.openxmlformats.org/officeDocument/2006/relationships/ctrlProp" Target="../ctrlProps/ctrlProp347.xml"/><Relationship Id="rId102" Type="http://schemas.openxmlformats.org/officeDocument/2006/relationships/ctrlProp" Target="../ctrlProps/ctrlProp370.xml"/><Relationship Id="rId123" Type="http://schemas.openxmlformats.org/officeDocument/2006/relationships/ctrlProp" Target="../ctrlProps/ctrlProp391.xml"/><Relationship Id="rId144" Type="http://schemas.openxmlformats.org/officeDocument/2006/relationships/ctrlProp" Target="../ctrlProps/ctrlProp412.xml"/><Relationship Id="rId90" Type="http://schemas.openxmlformats.org/officeDocument/2006/relationships/ctrlProp" Target="../ctrlProps/ctrlProp358.xml"/><Relationship Id="rId165" Type="http://schemas.openxmlformats.org/officeDocument/2006/relationships/ctrlProp" Target="../ctrlProps/ctrlProp433.xml"/><Relationship Id="rId186" Type="http://schemas.openxmlformats.org/officeDocument/2006/relationships/ctrlProp" Target="../ctrlProps/ctrlProp454.xml"/><Relationship Id="rId211" Type="http://schemas.openxmlformats.org/officeDocument/2006/relationships/ctrlProp" Target="../ctrlProps/ctrlProp479.xml"/><Relationship Id="rId232" Type="http://schemas.openxmlformats.org/officeDocument/2006/relationships/ctrlProp" Target="../ctrlProps/ctrlProp500.xml"/><Relationship Id="rId27" Type="http://schemas.openxmlformats.org/officeDocument/2006/relationships/ctrlProp" Target="../ctrlProps/ctrlProp295.xml"/><Relationship Id="rId48" Type="http://schemas.openxmlformats.org/officeDocument/2006/relationships/ctrlProp" Target="../ctrlProps/ctrlProp316.xml"/><Relationship Id="rId69" Type="http://schemas.openxmlformats.org/officeDocument/2006/relationships/ctrlProp" Target="../ctrlProps/ctrlProp337.xml"/><Relationship Id="rId113" Type="http://schemas.openxmlformats.org/officeDocument/2006/relationships/ctrlProp" Target="../ctrlProps/ctrlProp381.xml"/><Relationship Id="rId134" Type="http://schemas.openxmlformats.org/officeDocument/2006/relationships/ctrlProp" Target="../ctrlProps/ctrlProp402.xml"/><Relationship Id="rId80" Type="http://schemas.openxmlformats.org/officeDocument/2006/relationships/ctrlProp" Target="../ctrlProps/ctrlProp348.xml"/><Relationship Id="rId155" Type="http://schemas.openxmlformats.org/officeDocument/2006/relationships/ctrlProp" Target="../ctrlProps/ctrlProp423.xml"/><Relationship Id="rId176" Type="http://schemas.openxmlformats.org/officeDocument/2006/relationships/ctrlProp" Target="../ctrlProps/ctrlProp444.xml"/><Relationship Id="rId197" Type="http://schemas.openxmlformats.org/officeDocument/2006/relationships/ctrlProp" Target="../ctrlProps/ctrlProp465.xml"/><Relationship Id="rId201" Type="http://schemas.openxmlformats.org/officeDocument/2006/relationships/ctrlProp" Target="../ctrlProps/ctrlProp469.xml"/><Relationship Id="rId222" Type="http://schemas.openxmlformats.org/officeDocument/2006/relationships/ctrlProp" Target="../ctrlProps/ctrlProp490.xml"/><Relationship Id="rId17" Type="http://schemas.openxmlformats.org/officeDocument/2006/relationships/ctrlProp" Target="../ctrlProps/ctrlProp285.xml"/><Relationship Id="rId38" Type="http://schemas.openxmlformats.org/officeDocument/2006/relationships/ctrlProp" Target="../ctrlProps/ctrlProp306.xml"/><Relationship Id="rId59" Type="http://schemas.openxmlformats.org/officeDocument/2006/relationships/ctrlProp" Target="../ctrlProps/ctrlProp327.xml"/><Relationship Id="rId103" Type="http://schemas.openxmlformats.org/officeDocument/2006/relationships/ctrlProp" Target="../ctrlProps/ctrlProp371.xml"/><Relationship Id="rId124" Type="http://schemas.openxmlformats.org/officeDocument/2006/relationships/ctrlProp" Target="../ctrlProps/ctrlProp392.xml"/><Relationship Id="rId70" Type="http://schemas.openxmlformats.org/officeDocument/2006/relationships/ctrlProp" Target="../ctrlProps/ctrlProp338.xml"/><Relationship Id="rId91" Type="http://schemas.openxmlformats.org/officeDocument/2006/relationships/ctrlProp" Target="../ctrlProps/ctrlProp359.xml"/><Relationship Id="rId145" Type="http://schemas.openxmlformats.org/officeDocument/2006/relationships/ctrlProp" Target="../ctrlProps/ctrlProp413.xml"/><Relationship Id="rId166" Type="http://schemas.openxmlformats.org/officeDocument/2006/relationships/ctrlProp" Target="../ctrlProps/ctrlProp434.xml"/><Relationship Id="rId187" Type="http://schemas.openxmlformats.org/officeDocument/2006/relationships/ctrlProp" Target="../ctrlProps/ctrlProp455.xml"/><Relationship Id="rId1" Type="http://schemas.openxmlformats.org/officeDocument/2006/relationships/printerSettings" Target="../printerSettings/printerSettings3.bin"/><Relationship Id="rId212" Type="http://schemas.openxmlformats.org/officeDocument/2006/relationships/ctrlProp" Target="../ctrlProps/ctrlProp480.xml"/><Relationship Id="rId233" Type="http://schemas.openxmlformats.org/officeDocument/2006/relationships/ctrlProp" Target="../ctrlProps/ctrlProp501.xml"/><Relationship Id="rId28" Type="http://schemas.openxmlformats.org/officeDocument/2006/relationships/ctrlProp" Target="../ctrlProps/ctrlProp296.xml"/><Relationship Id="rId49" Type="http://schemas.openxmlformats.org/officeDocument/2006/relationships/ctrlProp" Target="../ctrlProps/ctrlProp317.xml"/><Relationship Id="rId114" Type="http://schemas.openxmlformats.org/officeDocument/2006/relationships/ctrlProp" Target="../ctrlProps/ctrlProp382.xml"/><Relationship Id="rId60" Type="http://schemas.openxmlformats.org/officeDocument/2006/relationships/ctrlProp" Target="../ctrlProps/ctrlProp328.xml"/><Relationship Id="rId81" Type="http://schemas.openxmlformats.org/officeDocument/2006/relationships/ctrlProp" Target="../ctrlProps/ctrlProp349.xml"/><Relationship Id="rId135" Type="http://schemas.openxmlformats.org/officeDocument/2006/relationships/ctrlProp" Target="../ctrlProps/ctrlProp403.xml"/><Relationship Id="rId156" Type="http://schemas.openxmlformats.org/officeDocument/2006/relationships/ctrlProp" Target="../ctrlProps/ctrlProp424.xml"/><Relationship Id="rId177" Type="http://schemas.openxmlformats.org/officeDocument/2006/relationships/ctrlProp" Target="../ctrlProps/ctrlProp445.xml"/><Relationship Id="rId198" Type="http://schemas.openxmlformats.org/officeDocument/2006/relationships/ctrlProp" Target="../ctrlProps/ctrlProp466.xml"/><Relationship Id="rId202" Type="http://schemas.openxmlformats.org/officeDocument/2006/relationships/ctrlProp" Target="../ctrlProps/ctrlProp470.xml"/><Relationship Id="rId223" Type="http://schemas.openxmlformats.org/officeDocument/2006/relationships/ctrlProp" Target="../ctrlProps/ctrlProp491.xml"/><Relationship Id="rId18" Type="http://schemas.openxmlformats.org/officeDocument/2006/relationships/ctrlProp" Target="../ctrlProps/ctrlProp286.xml"/><Relationship Id="rId39" Type="http://schemas.openxmlformats.org/officeDocument/2006/relationships/ctrlProp" Target="../ctrlProps/ctrlProp307.xml"/><Relationship Id="rId50" Type="http://schemas.openxmlformats.org/officeDocument/2006/relationships/ctrlProp" Target="../ctrlProps/ctrlProp318.xml"/><Relationship Id="rId104" Type="http://schemas.openxmlformats.org/officeDocument/2006/relationships/ctrlProp" Target="../ctrlProps/ctrlProp372.xml"/><Relationship Id="rId125" Type="http://schemas.openxmlformats.org/officeDocument/2006/relationships/ctrlProp" Target="../ctrlProps/ctrlProp393.xml"/><Relationship Id="rId146" Type="http://schemas.openxmlformats.org/officeDocument/2006/relationships/ctrlProp" Target="../ctrlProps/ctrlProp414.xml"/><Relationship Id="rId167" Type="http://schemas.openxmlformats.org/officeDocument/2006/relationships/ctrlProp" Target="../ctrlProps/ctrlProp435.xml"/><Relationship Id="rId188" Type="http://schemas.openxmlformats.org/officeDocument/2006/relationships/ctrlProp" Target="../ctrlProps/ctrlProp456.xml"/><Relationship Id="rId71" Type="http://schemas.openxmlformats.org/officeDocument/2006/relationships/ctrlProp" Target="../ctrlProps/ctrlProp339.xml"/><Relationship Id="rId92" Type="http://schemas.openxmlformats.org/officeDocument/2006/relationships/ctrlProp" Target="../ctrlProps/ctrlProp360.xml"/><Relationship Id="rId213" Type="http://schemas.openxmlformats.org/officeDocument/2006/relationships/ctrlProp" Target="../ctrlProps/ctrlProp481.xml"/><Relationship Id="rId234" Type="http://schemas.openxmlformats.org/officeDocument/2006/relationships/ctrlProp" Target="../ctrlProps/ctrlProp502.xml"/><Relationship Id="rId2" Type="http://schemas.openxmlformats.org/officeDocument/2006/relationships/drawing" Target="../drawings/drawing3.xml"/><Relationship Id="rId29" Type="http://schemas.openxmlformats.org/officeDocument/2006/relationships/ctrlProp" Target="../ctrlProps/ctrlProp297.xml"/><Relationship Id="rId40" Type="http://schemas.openxmlformats.org/officeDocument/2006/relationships/ctrlProp" Target="../ctrlProps/ctrlProp308.xml"/><Relationship Id="rId115" Type="http://schemas.openxmlformats.org/officeDocument/2006/relationships/ctrlProp" Target="../ctrlProps/ctrlProp383.xml"/><Relationship Id="rId136" Type="http://schemas.openxmlformats.org/officeDocument/2006/relationships/ctrlProp" Target="../ctrlProps/ctrlProp404.xml"/><Relationship Id="rId157" Type="http://schemas.openxmlformats.org/officeDocument/2006/relationships/ctrlProp" Target="../ctrlProps/ctrlProp425.xml"/><Relationship Id="rId178" Type="http://schemas.openxmlformats.org/officeDocument/2006/relationships/ctrlProp" Target="../ctrlProps/ctrlProp446.xml"/><Relationship Id="rId61" Type="http://schemas.openxmlformats.org/officeDocument/2006/relationships/ctrlProp" Target="../ctrlProps/ctrlProp329.xml"/><Relationship Id="rId82" Type="http://schemas.openxmlformats.org/officeDocument/2006/relationships/ctrlProp" Target="../ctrlProps/ctrlProp350.xml"/><Relationship Id="rId199" Type="http://schemas.openxmlformats.org/officeDocument/2006/relationships/ctrlProp" Target="../ctrlProps/ctrlProp467.xml"/><Relationship Id="rId203" Type="http://schemas.openxmlformats.org/officeDocument/2006/relationships/ctrlProp" Target="../ctrlProps/ctrlProp471.xml"/><Relationship Id="rId19" Type="http://schemas.openxmlformats.org/officeDocument/2006/relationships/ctrlProp" Target="../ctrlProps/ctrlProp287.xml"/><Relationship Id="rId224" Type="http://schemas.openxmlformats.org/officeDocument/2006/relationships/ctrlProp" Target="../ctrlProps/ctrlProp492.xml"/><Relationship Id="rId30" Type="http://schemas.openxmlformats.org/officeDocument/2006/relationships/ctrlProp" Target="../ctrlProps/ctrlProp298.xml"/><Relationship Id="rId105" Type="http://schemas.openxmlformats.org/officeDocument/2006/relationships/ctrlProp" Target="../ctrlProps/ctrlProp373.xml"/><Relationship Id="rId126" Type="http://schemas.openxmlformats.org/officeDocument/2006/relationships/ctrlProp" Target="../ctrlProps/ctrlProp394.xml"/><Relationship Id="rId147" Type="http://schemas.openxmlformats.org/officeDocument/2006/relationships/ctrlProp" Target="../ctrlProps/ctrlProp415.xml"/><Relationship Id="rId168" Type="http://schemas.openxmlformats.org/officeDocument/2006/relationships/ctrlProp" Target="../ctrlProps/ctrlProp436.xml"/><Relationship Id="rId51" Type="http://schemas.openxmlformats.org/officeDocument/2006/relationships/ctrlProp" Target="../ctrlProps/ctrlProp319.xml"/><Relationship Id="rId72" Type="http://schemas.openxmlformats.org/officeDocument/2006/relationships/ctrlProp" Target="../ctrlProps/ctrlProp340.xml"/><Relationship Id="rId93" Type="http://schemas.openxmlformats.org/officeDocument/2006/relationships/ctrlProp" Target="../ctrlProps/ctrlProp361.xml"/><Relationship Id="rId189" Type="http://schemas.openxmlformats.org/officeDocument/2006/relationships/ctrlProp" Target="../ctrlProps/ctrlProp457.xml"/><Relationship Id="rId3" Type="http://schemas.openxmlformats.org/officeDocument/2006/relationships/vmlDrawing" Target="../drawings/vmlDrawing3.vml"/><Relationship Id="rId214" Type="http://schemas.openxmlformats.org/officeDocument/2006/relationships/ctrlProp" Target="../ctrlProps/ctrlProp482.xml"/><Relationship Id="rId235" Type="http://schemas.openxmlformats.org/officeDocument/2006/relationships/ctrlProp" Target="../ctrlProps/ctrlProp503.xml"/><Relationship Id="rId116" Type="http://schemas.openxmlformats.org/officeDocument/2006/relationships/ctrlProp" Target="../ctrlProps/ctrlProp384.xml"/><Relationship Id="rId137" Type="http://schemas.openxmlformats.org/officeDocument/2006/relationships/ctrlProp" Target="../ctrlProps/ctrlProp405.xml"/><Relationship Id="rId158" Type="http://schemas.openxmlformats.org/officeDocument/2006/relationships/ctrlProp" Target="../ctrlProps/ctrlProp426.xml"/><Relationship Id="rId20" Type="http://schemas.openxmlformats.org/officeDocument/2006/relationships/ctrlProp" Target="../ctrlProps/ctrlProp288.xml"/><Relationship Id="rId41" Type="http://schemas.openxmlformats.org/officeDocument/2006/relationships/ctrlProp" Target="../ctrlProps/ctrlProp309.xml"/><Relationship Id="rId62" Type="http://schemas.openxmlformats.org/officeDocument/2006/relationships/ctrlProp" Target="../ctrlProps/ctrlProp330.xml"/><Relationship Id="rId83" Type="http://schemas.openxmlformats.org/officeDocument/2006/relationships/ctrlProp" Target="../ctrlProps/ctrlProp351.xml"/><Relationship Id="rId179" Type="http://schemas.openxmlformats.org/officeDocument/2006/relationships/ctrlProp" Target="../ctrlProps/ctrlProp447.xml"/></Relationships>
</file>

<file path=xl/worksheets/_rels/sheet4.xml.rels><?xml version="1.0" encoding="UTF-8" standalone="yes"?>
<Relationships xmlns="http://schemas.openxmlformats.org/package/2006/relationships"><Relationship Id="rId13" Type="http://schemas.openxmlformats.org/officeDocument/2006/relationships/ctrlProp" Target="../ctrlProps/ctrlProp518.xml"/><Relationship Id="rId18" Type="http://schemas.openxmlformats.org/officeDocument/2006/relationships/ctrlProp" Target="../ctrlProps/ctrlProp523.xml"/><Relationship Id="rId26" Type="http://schemas.openxmlformats.org/officeDocument/2006/relationships/ctrlProp" Target="../ctrlProps/ctrlProp531.xml"/><Relationship Id="rId39" Type="http://schemas.openxmlformats.org/officeDocument/2006/relationships/ctrlProp" Target="../ctrlProps/ctrlProp544.xml"/><Relationship Id="rId21" Type="http://schemas.openxmlformats.org/officeDocument/2006/relationships/ctrlProp" Target="../ctrlProps/ctrlProp526.xml"/><Relationship Id="rId34" Type="http://schemas.openxmlformats.org/officeDocument/2006/relationships/ctrlProp" Target="../ctrlProps/ctrlProp539.xml"/><Relationship Id="rId7" Type="http://schemas.openxmlformats.org/officeDocument/2006/relationships/ctrlProp" Target="../ctrlProps/ctrlProp512.xml"/><Relationship Id="rId12" Type="http://schemas.openxmlformats.org/officeDocument/2006/relationships/ctrlProp" Target="../ctrlProps/ctrlProp517.xml"/><Relationship Id="rId17" Type="http://schemas.openxmlformats.org/officeDocument/2006/relationships/ctrlProp" Target="../ctrlProps/ctrlProp522.xml"/><Relationship Id="rId25" Type="http://schemas.openxmlformats.org/officeDocument/2006/relationships/ctrlProp" Target="../ctrlProps/ctrlProp530.xml"/><Relationship Id="rId33" Type="http://schemas.openxmlformats.org/officeDocument/2006/relationships/ctrlProp" Target="../ctrlProps/ctrlProp538.xml"/><Relationship Id="rId38" Type="http://schemas.openxmlformats.org/officeDocument/2006/relationships/ctrlProp" Target="../ctrlProps/ctrlProp543.xml"/><Relationship Id="rId2" Type="http://schemas.openxmlformats.org/officeDocument/2006/relationships/drawing" Target="../drawings/drawing4.xml"/><Relationship Id="rId16" Type="http://schemas.openxmlformats.org/officeDocument/2006/relationships/ctrlProp" Target="../ctrlProps/ctrlProp521.xml"/><Relationship Id="rId20" Type="http://schemas.openxmlformats.org/officeDocument/2006/relationships/ctrlProp" Target="../ctrlProps/ctrlProp525.xml"/><Relationship Id="rId29" Type="http://schemas.openxmlformats.org/officeDocument/2006/relationships/ctrlProp" Target="../ctrlProps/ctrlProp534.xml"/><Relationship Id="rId1" Type="http://schemas.openxmlformats.org/officeDocument/2006/relationships/printerSettings" Target="../printerSettings/printerSettings4.bin"/><Relationship Id="rId6" Type="http://schemas.openxmlformats.org/officeDocument/2006/relationships/ctrlProp" Target="../ctrlProps/ctrlProp511.xml"/><Relationship Id="rId11" Type="http://schemas.openxmlformats.org/officeDocument/2006/relationships/ctrlProp" Target="../ctrlProps/ctrlProp516.xml"/><Relationship Id="rId24" Type="http://schemas.openxmlformats.org/officeDocument/2006/relationships/ctrlProp" Target="../ctrlProps/ctrlProp529.xml"/><Relationship Id="rId32" Type="http://schemas.openxmlformats.org/officeDocument/2006/relationships/ctrlProp" Target="../ctrlProps/ctrlProp537.xml"/><Relationship Id="rId37" Type="http://schemas.openxmlformats.org/officeDocument/2006/relationships/ctrlProp" Target="../ctrlProps/ctrlProp542.xml"/><Relationship Id="rId5" Type="http://schemas.openxmlformats.org/officeDocument/2006/relationships/ctrlProp" Target="../ctrlProps/ctrlProp510.xml"/><Relationship Id="rId15" Type="http://schemas.openxmlformats.org/officeDocument/2006/relationships/ctrlProp" Target="../ctrlProps/ctrlProp520.xml"/><Relationship Id="rId23" Type="http://schemas.openxmlformats.org/officeDocument/2006/relationships/ctrlProp" Target="../ctrlProps/ctrlProp528.xml"/><Relationship Id="rId28" Type="http://schemas.openxmlformats.org/officeDocument/2006/relationships/ctrlProp" Target="../ctrlProps/ctrlProp533.xml"/><Relationship Id="rId36" Type="http://schemas.openxmlformats.org/officeDocument/2006/relationships/ctrlProp" Target="../ctrlProps/ctrlProp541.xml"/><Relationship Id="rId10" Type="http://schemas.openxmlformats.org/officeDocument/2006/relationships/ctrlProp" Target="../ctrlProps/ctrlProp515.xml"/><Relationship Id="rId19" Type="http://schemas.openxmlformats.org/officeDocument/2006/relationships/ctrlProp" Target="../ctrlProps/ctrlProp524.xml"/><Relationship Id="rId31" Type="http://schemas.openxmlformats.org/officeDocument/2006/relationships/ctrlProp" Target="../ctrlProps/ctrlProp536.xml"/><Relationship Id="rId4" Type="http://schemas.openxmlformats.org/officeDocument/2006/relationships/ctrlProp" Target="../ctrlProps/ctrlProp509.xml"/><Relationship Id="rId9" Type="http://schemas.openxmlformats.org/officeDocument/2006/relationships/ctrlProp" Target="../ctrlProps/ctrlProp514.xml"/><Relationship Id="rId14" Type="http://schemas.openxmlformats.org/officeDocument/2006/relationships/ctrlProp" Target="../ctrlProps/ctrlProp519.xml"/><Relationship Id="rId22" Type="http://schemas.openxmlformats.org/officeDocument/2006/relationships/ctrlProp" Target="../ctrlProps/ctrlProp527.xml"/><Relationship Id="rId27" Type="http://schemas.openxmlformats.org/officeDocument/2006/relationships/ctrlProp" Target="../ctrlProps/ctrlProp532.xml"/><Relationship Id="rId30" Type="http://schemas.openxmlformats.org/officeDocument/2006/relationships/ctrlProp" Target="../ctrlProps/ctrlProp535.xml"/><Relationship Id="rId35" Type="http://schemas.openxmlformats.org/officeDocument/2006/relationships/ctrlProp" Target="../ctrlProps/ctrlProp540.xml"/><Relationship Id="rId8" Type="http://schemas.openxmlformats.org/officeDocument/2006/relationships/ctrlProp" Target="../ctrlProps/ctrlProp513.xml"/><Relationship Id="rId3" Type="http://schemas.openxmlformats.org/officeDocument/2006/relationships/vmlDrawing" Target="../drawings/vmlDrawing4.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tabColor theme="8" tint="0.59999389629810485"/>
  </sheetPr>
  <dimension ref="A1:J134"/>
  <sheetViews>
    <sheetView tabSelected="1" view="pageBreakPreview" zoomScaleNormal="100" zoomScaleSheetLayoutView="100" workbookViewId="0">
      <selection activeCell="C2" sqref="C2"/>
    </sheetView>
  </sheetViews>
  <sheetFormatPr defaultRowHeight="11.25"/>
  <cols>
    <col min="1" max="1" width="3.25" style="1" customWidth="1"/>
    <col min="2" max="2" width="10.75" style="66" customWidth="1"/>
    <col min="3" max="3" width="41" style="1" customWidth="1"/>
    <col min="4" max="4" width="8.75" style="1" customWidth="1"/>
    <col min="5" max="5" width="20.25" style="1" customWidth="1"/>
    <col min="6" max="8" width="5" style="1" customWidth="1"/>
    <col min="9" max="16384" width="9" style="1"/>
  </cols>
  <sheetData>
    <row r="1" spans="1:8" ht="18" thickBot="1">
      <c r="A1" s="409" t="s">
        <v>287</v>
      </c>
      <c r="B1" s="409"/>
      <c r="C1" s="409"/>
      <c r="D1" s="409"/>
      <c r="E1" s="409"/>
      <c r="F1" s="409"/>
      <c r="G1" s="409"/>
      <c r="H1" s="409"/>
    </row>
    <row r="2" spans="1:8" ht="30" customHeight="1" thickTop="1">
      <c r="A2" s="410" t="s">
        <v>0</v>
      </c>
      <c r="B2" s="411"/>
      <c r="C2" s="76"/>
      <c r="D2" s="2"/>
      <c r="E2" s="2"/>
      <c r="F2" s="2"/>
      <c r="G2" s="2"/>
      <c r="H2" s="3"/>
    </row>
    <row r="3" spans="1:8" ht="30" customHeight="1">
      <c r="A3" s="412" t="s">
        <v>1</v>
      </c>
      <c r="B3" s="413"/>
      <c r="C3" s="177"/>
      <c r="D3" s="132"/>
      <c r="E3" s="132"/>
      <c r="F3" s="132"/>
      <c r="G3" s="132"/>
      <c r="H3" s="4"/>
    </row>
    <row r="4" spans="1:8" ht="30" customHeight="1" thickBot="1">
      <c r="A4" s="414" t="s">
        <v>2</v>
      </c>
      <c r="B4" s="415"/>
      <c r="C4" s="5" t="s">
        <v>3</v>
      </c>
      <c r="D4" s="5"/>
      <c r="E4" s="5"/>
      <c r="F4" s="5"/>
      <c r="G4" s="5"/>
      <c r="H4" s="6"/>
    </row>
    <row r="5" spans="1:8" ht="95.25" customHeight="1" thickTop="1">
      <c r="B5" s="7"/>
      <c r="C5" s="7"/>
      <c r="D5" s="7"/>
      <c r="E5" s="7"/>
      <c r="F5" s="7"/>
      <c r="G5" s="7"/>
      <c r="H5" s="7"/>
    </row>
    <row r="6" spans="1:8" ht="15.4" customHeight="1">
      <c r="A6" s="416" t="s">
        <v>4</v>
      </c>
      <c r="B6" s="417"/>
      <c r="C6" s="420" t="s">
        <v>5</v>
      </c>
      <c r="D6" s="420" t="s">
        <v>6</v>
      </c>
      <c r="E6" s="422" t="s">
        <v>7</v>
      </c>
      <c r="F6" s="424" t="s">
        <v>8</v>
      </c>
      <c r="G6" s="425"/>
      <c r="H6" s="426"/>
    </row>
    <row r="7" spans="1:8" ht="15.4" customHeight="1">
      <c r="A7" s="418"/>
      <c r="B7" s="419"/>
      <c r="C7" s="421"/>
      <c r="D7" s="421"/>
      <c r="E7" s="423"/>
      <c r="F7" s="123" t="s">
        <v>9</v>
      </c>
      <c r="G7" s="123" t="s">
        <v>71</v>
      </c>
      <c r="H7" s="67" t="s">
        <v>72</v>
      </c>
    </row>
    <row r="8" spans="1:8" ht="24.95" customHeight="1">
      <c r="A8" s="8" t="s">
        <v>10</v>
      </c>
      <c r="B8" s="9"/>
      <c r="C8" s="9"/>
      <c r="D8" s="9"/>
      <c r="E8" s="10"/>
      <c r="F8" s="9"/>
      <c r="G8" s="9"/>
      <c r="H8" s="11"/>
    </row>
    <row r="9" spans="1:8" ht="99.4" customHeight="1">
      <c r="A9" s="133">
        <v>1</v>
      </c>
      <c r="B9" s="12" t="s">
        <v>11</v>
      </c>
      <c r="C9" s="13" t="s">
        <v>102</v>
      </c>
      <c r="D9" s="96" t="s">
        <v>156</v>
      </c>
      <c r="E9" s="134" t="s">
        <v>12</v>
      </c>
      <c r="F9" s="14"/>
      <c r="G9" s="14"/>
      <c r="H9" s="14"/>
    </row>
    <row r="10" spans="1:8" ht="25.5" customHeight="1">
      <c r="A10" s="8" t="s">
        <v>13</v>
      </c>
      <c r="B10" s="9"/>
      <c r="C10" s="9"/>
      <c r="D10" s="15"/>
      <c r="E10" s="10"/>
      <c r="F10" s="9"/>
      <c r="G10" s="9"/>
      <c r="H10" s="11"/>
    </row>
    <row r="11" spans="1:8" ht="82.5" customHeight="1">
      <c r="A11" s="349">
        <v>2</v>
      </c>
      <c r="B11" s="355" t="s">
        <v>14</v>
      </c>
      <c r="C11" s="68" t="s">
        <v>274</v>
      </c>
      <c r="D11" s="186" t="s">
        <v>234</v>
      </c>
      <c r="E11" s="355" t="s">
        <v>83</v>
      </c>
      <c r="F11" s="347"/>
      <c r="G11" s="347"/>
      <c r="H11" s="347"/>
    </row>
    <row r="12" spans="1:8" ht="62.25" customHeight="1">
      <c r="A12" s="350"/>
      <c r="B12" s="356"/>
      <c r="C12" s="174" t="s">
        <v>140</v>
      </c>
      <c r="D12" s="162" t="s">
        <v>207</v>
      </c>
      <c r="E12" s="356"/>
      <c r="F12" s="367"/>
      <c r="G12" s="367"/>
      <c r="H12" s="367"/>
    </row>
    <row r="13" spans="1:8" ht="98.25" customHeight="1">
      <c r="A13" s="350"/>
      <c r="B13" s="356"/>
      <c r="C13" s="195" t="s">
        <v>275</v>
      </c>
      <c r="D13" s="187" t="s">
        <v>208</v>
      </c>
      <c r="E13" s="427"/>
      <c r="F13" s="189"/>
      <c r="G13" s="189"/>
      <c r="H13" s="189"/>
    </row>
    <row r="14" spans="1:8" ht="56.25" customHeight="1">
      <c r="A14" s="350"/>
      <c r="B14" s="356"/>
      <c r="C14" s="68" t="s">
        <v>205</v>
      </c>
      <c r="D14" s="102" t="s">
        <v>235</v>
      </c>
      <c r="E14" s="191"/>
      <c r="F14" s="14"/>
      <c r="G14" s="14"/>
      <c r="H14" s="14"/>
    </row>
    <row r="15" spans="1:8" ht="60" customHeight="1">
      <c r="A15" s="350"/>
      <c r="B15" s="356"/>
      <c r="C15" s="174" t="s">
        <v>203</v>
      </c>
      <c r="D15" s="364" t="s">
        <v>206</v>
      </c>
      <c r="E15" s="191"/>
      <c r="F15" s="41"/>
      <c r="G15" s="41"/>
      <c r="H15" s="41"/>
    </row>
    <row r="16" spans="1:8" ht="78" customHeight="1">
      <c r="A16" s="108"/>
      <c r="B16" s="191"/>
      <c r="C16" s="200" t="s">
        <v>204</v>
      </c>
      <c r="D16" s="364"/>
      <c r="E16" s="191"/>
      <c r="F16" s="41"/>
      <c r="G16" s="41"/>
      <c r="H16" s="41"/>
    </row>
    <row r="17" spans="1:10" ht="58.5" customHeight="1">
      <c r="A17" s="100"/>
      <c r="B17" s="192"/>
      <c r="C17" s="195" t="s">
        <v>209</v>
      </c>
      <c r="D17" s="365"/>
      <c r="E17" s="192"/>
      <c r="F17" s="75"/>
      <c r="G17" s="75"/>
      <c r="H17" s="75"/>
      <c r="J17" s="69"/>
    </row>
    <row r="18" spans="1:10" ht="98.25" customHeight="1">
      <c r="A18" s="108">
        <v>2</v>
      </c>
      <c r="B18" s="141" t="s">
        <v>154</v>
      </c>
      <c r="C18" s="138" t="s">
        <v>74</v>
      </c>
      <c r="D18" s="119" t="s">
        <v>236</v>
      </c>
      <c r="E18" s="138" t="s">
        <v>84</v>
      </c>
      <c r="F18" s="428"/>
      <c r="G18" s="428"/>
      <c r="H18" s="428"/>
    </row>
    <row r="19" spans="1:10" ht="162" customHeight="1">
      <c r="A19" s="108"/>
      <c r="B19" s="141"/>
      <c r="C19" s="178" t="s">
        <v>143</v>
      </c>
      <c r="D19" s="179" t="s">
        <v>210</v>
      </c>
      <c r="E19" s="138"/>
      <c r="F19" s="367"/>
      <c r="G19" s="367"/>
      <c r="H19" s="367"/>
    </row>
    <row r="20" spans="1:10" ht="53.25" customHeight="1">
      <c r="A20" s="108"/>
      <c r="B20" s="141"/>
      <c r="C20" s="120" t="s">
        <v>104</v>
      </c>
      <c r="D20" s="97" t="s">
        <v>157</v>
      </c>
      <c r="E20" s="121"/>
      <c r="F20" s="16"/>
      <c r="G20" s="16"/>
      <c r="H20" s="16"/>
    </row>
    <row r="21" spans="1:10" ht="57.75" customHeight="1">
      <c r="A21" s="108"/>
      <c r="B21" s="141"/>
      <c r="C21" s="17" t="s">
        <v>141</v>
      </c>
      <c r="D21" s="119" t="s">
        <v>237</v>
      </c>
      <c r="E21" s="139"/>
      <c r="F21" s="50"/>
      <c r="G21" s="50"/>
      <c r="H21" s="50"/>
    </row>
    <row r="22" spans="1:10" ht="65.25" customHeight="1">
      <c r="A22" s="108"/>
      <c r="B22" s="141"/>
      <c r="C22" s="128" t="s">
        <v>77</v>
      </c>
      <c r="D22" s="71" t="s">
        <v>238</v>
      </c>
      <c r="E22" s="148"/>
      <c r="F22" s="135"/>
      <c r="G22" s="135"/>
      <c r="H22" s="135"/>
    </row>
    <row r="23" spans="1:10" ht="36.75" customHeight="1">
      <c r="A23" s="108"/>
      <c r="B23" s="141"/>
      <c r="C23" s="24" t="s">
        <v>73</v>
      </c>
      <c r="D23" s="345" t="s">
        <v>239</v>
      </c>
      <c r="E23" s="138"/>
      <c r="F23" s="14"/>
      <c r="G23" s="14"/>
      <c r="H23" s="14"/>
    </row>
    <row r="24" spans="1:10" ht="167.25" customHeight="1">
      <c r="A24" s="100"/>
      <c r="B24" s="140"/>
      <c r="C24" s="172" t="s">
        <v>332</v>
      </c>
      <c r="D24" s="361"/>
      <c r="E24" s="70"/>
      <c r="F24" s="143"/>
      <c r="G24" s="143"/>
      <c r="H24" s="143"/>
    </row>
    <row r="25" spans="1:10" ht="26.25" customHeight="1">
      <c r="A25" s="349">
        <v>3</v>
      </c>
      <c r="B25" s="352" t="s">
        <v>15</v>
      </c>
      <c r="C25" s="18" t="s">
        <v>75</v>
      </c>
      <c r="D25" s="363" t="s">
        <v>240</v>
      </c>
      <c r="E25" s="355" t="s">
        <v>16</v>
      </c>
      <c r="F25" s="188"/>
      <c r="G25" s="188"/>
      <c r="H25" s="19"/>
    </row>
    <row r="26" spans="1:10" ht="26.25" customHeight="1">
      <c r="A26" s="350"/>
      <c r="B26" s="353"/>
      <c r="C26" s="39" t="s">
        <v>76</v>
      </c>
      <c r="D26" s="364"/>
      <c r="E26" s="356"/>
      <c r="F26" s="41"/>
      <c r="G26" s="41"/>
      <c r="H26" s="41"/>
    </row>
    <row r="27" spans="1:10" ht="36.75" customHeight="1">
      <c r="A27" s="350"/>
      <c r="B27" s="353"/>
      <c r="C27" s="21" t="s">
        <v>78</v>
      </c>
      <c r="D27" s="364"/>
      <c r="E27" s="357"/>
      <c r="F27" s="184"/>
      <c r="G27" s="20"/>
      <c r="H27" s="20"/>
    </row>
    <row r="28" spans="1:10" ht="27.75" customHeight="1">
      <c r="A28" s="350"/>
      <c r="B28" s="353"/>
      <c r="C28" s="201" t="s">
        <v>17</v>
      </c>
      <c r="D28" s="364"/>
      <c r="E28" s="194"/>
      <c r="F28" s="184"/>
      <c r="G28" s="184"/>
      <c r="H28" s="184"/>
    </row>
    <row r="29" spans="1:10" ht="45.4" customHeight="1">
      <c r="A29" s="350"/>
      <c r="B29" s="353"/>
      <c r="C29" s="191" t="s">
        <v>105</v>
      </c>
      <c r="D29" s="364"/>
      <c r="E29" s="194"/>
      <c r="F29" s="184"/>
      <c r="G29" s="184"/>
      <c r="H29" s="184"/>
    </row>
    <row r="30" spans="1:10" ht="54.75" customHeight="1">
      <c r="A30" s="351"/>
      <c r="B30" s="354"/>
      <c r="C30" s="22" t="s">
        <v>18</v>
      </c>
      <c r="D30" s="365"/>
      <c r="E30" s="195"/>
      <c r="F30" s="189"/>
      <c r="G30" s="23"/>
      <c r="H30" s="23"/>
    </row>
    <row r="31" spans="1:10" ht="25.5" customHeight="1">
      <c r="A31" s="358" t="s">
        <v>19</v>
      </c>
      <c r="B31" s="359"/>
      <c r="C31" s="359"/>
      <c r="D31" s="359"/>
      <c r="E31" s="359"/>
      <c r="F31" s="359"/>
      <c r="G31" s="359"/>
      <c r="H31" s="360"/>
    </row>
    <row r="32" spans="1:10" ht="71.25" customHeight="1">
      <c r="A32" s="349">
        <v>4</v>
      </c>
      <c r="B32" s="355" t="s">
        <v>20</v>
      </c>
      <c r="C32" s="193" t="s">
        <v>106</v>
      </c>
      <c r="D32" s="363" t="s">
        <v>241</v>
      </c>
      <c r="E32" s="24" t="s">
        <v>107</v>
      </c>
      <c r="F32" s="14"/>
      <c r="G32" s="14"/>
      <c r="H32" s="25"/>
    </row>
    <row r="33" spans="1:8" ht="71.25" customHeight="1">
      <c r="A33" s="350"/>
      <c r="B33" s="356"/>
      <c r="C33" s="200" t="s">
        <v>276</v>
      </c>
      <c r="D33" s="364"/>
      <c r="E33" s="194" t="s">
        <v>21</v>
      </c>
      <c r="F33" s="366"/>
      <c r="G33" s="366"/>
      <c r="H33" s="366"/>
    </row>
    <row r="34" spans="1:8" ht="71.25" customHeight="1">
      <c r="A34" s="350"/>
      <c r="B34" s="356"/>
      <c r="C34" s="194" t="s">
        <v>142</v>
      </c>
      <c r="D34" s="364"/>
      <c r="E34" s="174"/>
      <c r="F34" s="367"/>
      <c r="G34" s="367"/>
      <c r="H34" s="367"/>
    </row>
    <row r="35" spans="1:8" ht="56.25" customHeight="1">
      <c r="A35" s="350"/>
      <c r="B35" s="356"/>
      <c r="C35" s="55" t="s">
        <v>79</v>
      </c>
      <c r="D35" s="364"/>
      <c r="E35" s="174"/>
      <c r="F35" s="185"/>
      <c r="G35" s="185"/>
      <c r="H35" s="26"/>
    </row>
    <row r="36" spans="1:8" ht="56.25" customHeight="1">
      <c r="A36" s="350"/>
      <c r="B36" s="356"/>
      <c r="C36" s="174" t="s">
        <v>80</v>
      </c>
      <c r="D36" s="364"/>
      <c r="E36" s="174" t="s">
        <v>99</v>
      </c>
      <c r="F36" s="185"/>
      <c r="G36" s="185"/>
      <c r="H36" s="26"/>
    </row>
    <row r="37" spans="1:8" ht="36.75" customHeight="1">
      <c r="A37" s="350"/>
      <c r="B37" s="356"/>
      <c r="C37" s="194" t="s">
        <v>81</v>
      </c>
      <c r="D37" s="364"/>
      <c r="E37" s="194" t="s">
        <v>100</v>
      </c>
      <c r="F37" s="366"/>
      <c r="G37" s="366"/>
      <c r="H37" s="366"/>
    </row>
    <row r="38" spans="1:8" ht="56.25" customHeight="1">
      <c r="A38" s="350"/>
      <c r="B38" s="356"/>
      <c r="C38" s="174" t="s">
        <v>151</v>
      </c>
      <c r="D38" s="364"/>
      <c r="E38" s="194"/>
      <c r="F38" s="367"/>
      <c r="G38" s="367"/>
      <c r="H38" s="367"/>
    </row>
    <row r="39" spans="1:8" ht="37.5" customHeight="1">
      <c r="A39" s="350"/>
      <c r="B39" s="356"/>
      <c r="C39" s="174" t="s">
        <v>82</v>
      </c>
      <c r="D39" s="364"/>
      <c r="E39" s="174" t="s">
        <v>98</v>
      </c>
      <c r="F39" s="185"/>
      <c r="G39" s="185"/>
      <c r="H39" s="26"/>
    </row>
    <row r="40" spans="1:8" ht="46.5" customHeight="1">
      <c r="A40" s="350"/>
      <c r="B40" s="356"/>
      <c r="C40" s="194" t="s">
        <v>211</v>
      </c>
      <c r="D40" s="364"/>
      <c r="E40" s="194"/>
      <c r="F40" s="185"/>
      <c r="G40" s="185"/>
      <c r="H40" s="20"/>
    </row>
    <row r="41" spans="1:8" ht="252" customHeight="1">
      <c r="A41" s="350"/>
      <c r="B41" s="356"/>
      <c r="C41" s="194" t="s">
        <v>214</v>
      </c>
      <c r="D41" s="364"/>
      <c r="E41" s="194"/>
      <c r="F41" s="196"/>
      <c r="G41" s="196"/>
      <c r="H41" s="41"/>
    </row>
    <row r="42" spans="1:8" ht="49.5" customHeight="1">
      <c r="A42" s="350"/>
      <c r="B42" s="356"/>
      <c r="C42" s="55" t="s">
        <v>212</v>
      </c>
      <c r="D42" s="364"/>
      <c r="E42" s="55"/>
      <c r="F42" s="41"/>
      <c r="G42" s="41"/>
      <c r="H42" s="41"/>
    </row>
    <row r="43" spans="1:8" ht="49.5" customHeight="1">
      <c r="A43" s="350"/>
      <c r="B43" s="362"/>
      <c r="C43" s="194" t="s">
        <v>213</v>
      </c>
      <c r="D43" s="365"/>
      <c r="E43" s="194"/>
      <c r="F43" s="189"/>
      <c r="G43" s="189"/>
      <c r="H43" s="189"/>
    </row>
    <row r="44" spans="1:8" ht="25.5" customHeight="1">
      <c r="A44" s="358" t="s">
        <v>22</v>
      </c>
      <c r="B44" s="359"/>
      <c r="C44" s="359"/>
      <c r="D44" s="359"/>
      <c r="E44" s="359"/>
      <c r="F44" s="359"/>
      <c r="G44" s="359"/>
      <c r="H44" s="360"/>
    </row>
    <row r="45" spans="1:8" ht="79.5" customHeight="1">
      <c r="A45" s="429">
        <v>5</v>
      </c>
      <c r="B45" s="430" t="s">
        <v>159</v>
      </c>
      <c r="C45" s="104" t="s">
        <v>318</v>
      </c>
      <c r="D45" s="345" t="s">
        <v>242</v>
      </c>
      <c r="E45" s="126" t="s">
        <v>216</v>
      </c>
      <c r="F45" s="347"/>
      <c r="G45" s="347"/>
      <c r="H45" s="347"/>
    </row>
    <row r="46" spans="1:8" ht="70.5" customHeight="1">
      <c r="A46" s="429"/>
      <c r="B46" s="431"/>
      <c r="C46" s="105" t="s">
        <v>319</v>
      </c>
      <c r="D46" s="346"/>
      <c r="E46" s="130"/>
      <c r="F46" s="348"/>
      <c r="G46" s="348"/>
      <c r="H46" s="348"/>
    </row>
    <row r="47" spans="1:8" ht="69.75" customHeight="1">
      <c r="A47" s="127">
        <v>6</v>
      </c>
      <c r="B47" s="27" t="s">
        <v>23</v>
      </c>
      <c r="C47" s="128" t="s">
        <v>24</v>
      </c>
      <c r="D47" s="102" t="s">
        <v>243</v>
      </c>
      <c r="E47" s="355" t="s">
        <v>320</v>
      </c>
      <c r="F47" s="142"/>
      <c r="G47" s="142"/>
      <c r="H47" s="19"/>
    </row>
    <row r="48" spans="1:8" ht="74.25" customHeight="1">
      <c r="A48" s="127">
        <v>7</v>
      </c>
      <c r="B48" s="128" t="s">
        <v>25</v>
      </c>
      <c r="C48" s="128" t="s">
        <v>108</v>
      </c>
      <c r="D48" s="28" t="s">
        <v>244</v>
      </c>
      <c r="E48" s="362"/>
      <c r="F48" s="30"/>
      <c r="G48" s="30"/>
      <c r="H48" s="31"/>
    </row>
    <row r="49" spans="1:9" ht="74.25" customHeight="1">
      <c r="A49" s="349">
        <v>8</v>
      </c>
      <c r="B49" s="355" t="s">
        <v>26</v>
      </c>
      <c r="C49" s="24" t="s">
        <v>160</v>
      </c>
      <c r="D49" s="35" t="s">
        <v>245</v>
      </c>
      <c r="E49" s="355" t="s">
        <v>321</v>
      </c>
      <c r="F49" s="14"/>
      <c r="G49" s="14"/>
      <c r="H49" s="25"/>
    </row>
    <row r="50" spans="1:9" ht="68.25" customHeight="1">
      <c r="A50" s="351"/>
      <c r="B50" s="362"/>
      <c r="C50" s="33" t="s">
        <v>109</v>
      </c>
      <c r="D50" s="101"/>
      <c r="E50" s="362"/>
      <c r="F50" s="136"/>
      <c r="G50" s="136"/>
      <c r="H50" s="181"/>
    </row>
    <row r="51" spans="1:9" ht="110.25" customHeight="1">
      <c r="A51" s="122">
        <v>9</v>
      </c>
      <c r="B51" s="117" t="s">
        <v>27</v>
      </c>
      <c r="C51" s="29" t="s">
        <v>161</v>
      </c>
      <c r="D51" s="101" t="s">
        <v>246</v>
      </c>
      <c r="E51" s="29" t="s">
        <v>322</v>
      </c>
      <c r="F51" s="30"/>
      <c r="G51" s="30"/>
      <c r="H51" s="31"/>
    </row>
    <row r="52" spans="1:9" ht="75.400000000000006" customHeight="1">
      <c r="A52" s="127">
        <v>10</v>
      </c>
      <c r="B52" s="128" t="s">
        <v>28</v>
      </c>
      <c r="C52" s="29" t="s">
        <v>162</v>
      </c>
      <c r="D52" s="35" t="s">
        <v>247</v>
      </c>
      <c r="E52" s="29" t="s">
        <v>29</v>
      </c>
      <c r="F52" s="16"/>
      <c r="G52" s="16"/>
      <c r="H52" s="20"/>
    </row>
    <row r="53" spans="1:9" ht="102.75" customHeight="1">
      <c r="A53" s="349">
        <v>11</v>
      </c>
      <c r="B53" s="355" t="s">
        <v>30</v>
      </c>
      <c r="C53" s="36" t="s">
        <v>110</v>
      </c>
      <c r="D53" s="102" t="s">
        <v>248</v>
      </c>
      <c r="E53" s="355" t="s">
        <v>112</v>
      </c>
      <c r="F53" s="176"/>
      <c r="G53" s="188"/>
      <c r="H53" s="19"/>
    </row>
    <row r="54" spans="1:9" ht="87.75" customHeight="1">
      <c r="A54" s="351"/>
      <c r="B54" s="362"/>
      <c r="C54" s="192" t="s">
        <v>111</v>
      </c>
      <c r="D54" s="34"/>
      <c r="E54" s="362"/>
      <c r="F54" s="50"/>
      <c r="G54" s="50"/>
      <c r="H54" s="50"/>
    </row>
    <row r="55" spans="1:9" ht="93.75" customHeight="1">
      <c r="A55" s="127">
        <v>12</v>
      </c>
      <c r="B55" s="128" t="s">
        <v>221</v>
      </c>
      <c r="C55" s="29" t="s">
        <v>222</v>
      </c>
      <c r="D55" s="28" t="s">
        <v>249</v>
      </c>
      <c r="E55" s="29"/>
      <c r="F55" s="30"/>
      <c r="G55" s="30"/>
      <c r="H55" s="30"/>
    </row>
    <row r="56" spans="1:9" ht="76.5" customHeight="1">
      <c r="A56" s="123">
        <v>13</v>
      </c>
      <c r="B56" s="118" t="s">
        <v>223</v>
      </c>
      <c r="C56" s="129" t="s">
        <v>224</v>
      </c>
      <c r="D56" s="102" t="s">
        <v>250</v>
      </c>
      <c r="E56" s="126" t="s">
        <v>217</v>
      </c>
      <c r="F56" s="135"/>
      <c r="G56" s="135"/>
      <c r="H56" s="19"/>
    </row>
    <row r="57" spans="1:9" ht="60" customHeight="1">
      <c r="A57" s="127">
        <v>14</v>
      </c>
      <c r="B57" s="128" t="s">
        <v>31</v>
      </c>
      <c r="C57" s="29" t="s">
        <v>225</v>
      </c>
      <c r="D57" s="102" t="s">
        <v>310</v>
      </c>
      <c r="E57" s="126"/>
      <c r="F57" s="30"/>
      <c r="G57" s="30"/>
      <c r="H57" s="30"/>
    </row>
    <row r="58" spans="1:9" ht="64.5" customHeight="1">
      <c r="A58" s="144">
        <v>15</v>
      </c>
      <c r="B58" s="145" t="s">
        <v>163</v>
      </c>
      <c r="C58" s="106" t="s">
        <v>164</v>
      </c>
      <c r="D58" s="149" t="s">
        <v>251</v>
      </c>
      <c r="E58" s="29" t="s">
        <v>101</v>
      </c>
      <c r="F58" s="30"/>
      <c r="G58" s="30"/>
      <c r="H58" s="31"/>
    </row>
    <row r="59" spans="1:9" ht="51" customHeight="1">
      <c r="A59" s="349">
        <v>16</v>
      </c>
      <c r="B59" s="355" t="s">
        <v>32</v>
      </c>
      <c r="C59" s="36" t="s">
        <v>113</v>
      </c>
      <c r="D59" s="102" t="s">
        <v>252</v>
      </c>
      <c r="E59" s="190" t="s">
        <v>114</v>
      </c>
      <c r="F59" s="188"/>
      <c r="G59" s="188"/>
      <c r="H59" s="19"/>
    </row>
    <row r="60" spans="1:9" ht="58.5" customHeight="1">
      <c r="A60" s="350"/>
      <c r="B60" s="356"/>
      <c r="C60" s="38" t="s">
        <v>165</v>
      </c>
      <c r="D60" s="103"/>
      <c r="E60" s="432" t="s">
        <v>218</v>
      </c>
      <c r="F60" s="41"/>
      <c r="G60" s="41"/>
      <c r="H60" s="42"/>
    </row>
    <row r="61" spans="1:9" s="46" customFormat="1" ht="191.25" customHeight="1">
      <c r="A61" s="350"/>
      <c r="B61" s="356"/>
      <c r="C61" s="107" t="s">
        <v>226</v>
      </c>
      <c r="D61" s="150"/>
      <c r="E61" s="432"/>
      <c r="F61" s="44"/>
      <c r="G61" s="344"/>
      <c r="H61" s="44"/>
      <c r="I61" s="45"/>
    </row>
    <row r="62" spans="1:9" s="46" customFormat="1" ht="105" customHeight="1">
      <c r="A62" s="350"/>
      <c r="B62" s="356"/>
      <c r="C62" s="38" t="s">
        <v>215</v>
      </c>
      <c r="D62" s="151"/>
      <c r="E62" s="432"/>
      <c r="F62" s="47"/>
      <c r="G62" s="47"/>
      <c r="H62" s="47"/>
      <c r="I62" s="45"/>
    </row>
    <row r="63" spans="1:9" ht="54" customHeight="1">
      <c r="A63" s="350"/>
      <c r="B63" s="356"/>
      <c r="C63" s="43" t="s">
        <v>115</v>
      </c>
      <c r="D63" s="85" t="s">
        <v>166</v>
      </c>
      <c r="E63" s="432"/>
      <c r="F63" s="41"/>
      <c r="G63" s="41"/>
      <c r="H63" s="41"/>
    </row>
    <row r="64" spans="1:9" ht="70.5" customHeight="1">
      <c r="A64" s="351"/>
      <c r="B64" s="362"/>
      <c r="C64" s="206" t="s">
        <v>168</v>
      </c>
      <c r="D64" s="207" t="s">
        <v>167</v>
      </c>
      <c r="E64" s="433"/>
      <c r="F64" s="189"/>
      <c r="G64" s="189"/>
      <c r="H64" s="189"/>
    </row>
    <row r="65" spans="1:8" ht="95.25" customHeight="1">
      <c r="A65" s="144">
        <v>17</v>
      </c>
      <c r="B65" s="145" t="s">
        <v>33</v>
      </c>
      <c r="C65" s="29" t="s">
        <v>227</v>
      </c>
      <c r="D65" s="28" t="s">
        <v>169</v>
      </c>
      <c r="E65" s="48" t="s">
        <v>34</v>
      </c>
      <c r="F65" s="30"/>
      <c r="G65" s="30"/>
      <c r="H65" s="30"/>
    </row>
    <row r="66" spans="1:8" ht="93" customHeight="1">
      <c r="A66" s="349">
        <v>18</v>
      </c>
      <c r="B66" s="397" t="s">
        <v>228</v>
      </c>
      <c r="C66" s="126" t="s">
        <v>229</v>
      </c>
      <c r="D66" s="345" t="s">
        <v>253</v>
      </c>
      <c r="E66" s="49" t="s">
        <v>219</v>
      </c>
      <c r="F66" s="14"/>
      <c r="G66" s="14"/>
      <c r="H66" s="14"/>
    </row>
    <row r="67" spans="1:8" ht="60" customHeight="1">
      <c r="A67" s="350"/>
      <c r="B67" s="398"/>
      <c r="C67" s="38" t="s">
        <v>230</v>
      </c>
      <c r="D67" s="361"/>
      <c r="E67" s="39" t="s">
        <v>35</v>
      </c>
      <c r="F67" s="41"/>
      <c r="G67" s="41"/>
      <c r="H67" s="41"/>
    </row>
    <row r="68" spans="1:8" ht="62.25" customHeight="1">
      <c r="A68" s="349">
        <v>19</v>
      </c>
      <c r="B68" s="397" t="s">
        <v>175</v>
      </c>
      <c r="C68" s="36" t="s">
        <v>174</v>
      </c>
      <c r="D68" s="345" t="s">
        <v>254</v>
      </c>
      <c r="E68" s="355" t="s">
        <v>311</v>
      </c>
      <c r="F68" s="14"/>
      <c r="G68" s="14"/>
      <c r="H68" s="14"/>
    </row>
    <row r="69" spans="1:8" ht="57" customHeight="1">
      <c r="A69" s="350"/>
      <c r="B69" s="398"/>
      <c r="C69" s="38" t="s">
        <v>170</v>
      </c>
      <c r="D69" s="346"/>
      <c r="E69" s="356"/>
      <c r="F69" s="41"/>
      <c r="G69" s="41"/>
      <c r="H69" s="41"/>
    </row>
    <row r="70" spans="1:8" ht="70.5" customHeight="1">
      <c r="A70" s="350"/>
      <c r="B70" s="398"/>
      <c r="C70" s="38" t="s">
        <v>171</v>
      </c>
      <c r="D70" s="346"/>
      <c r="E70" s="356"/>
      <c r="F70" s="41"/>
      <c r="G70" s="41"/>
      <c r="H70" s="41"/>
    </row>
    <row r="71" spans="1:8" ht="61.5" customHeight="1">
      <c r="A71" s="350"/>
      <c r="B71" s="398"/>
      <c r="C71" s="137" t="s">
        <v>172</v>
      </c>
      <c r="D71" s="346"/>
      <c r="E71" s="356"/>
      <c r="F71" s="41"/>
      <c r="G71" s="41"/>
      <c r="H71" s="41"/>
    </row>
    <row r="72" spans="1:8" ht="71.25" customHeight="1">
      <c r="A72" s="350"/>
      <c r="B72" s="398"/>
      <c r="C72" s="86" t="s">
        <v>277</v>
      </c>
      <c r="D72" s="346"/>
      <c r="E72" s="356"/>
      <c r="F72" s="41"/>
      <c r="G72" s="41"/>
      <c r="H72" s="41"/>
    </row>
    <row r="73" spans="1:8" ht="87.75" customHeight="1">
      <c r="A73" s="351"/>
      <c r="B73" s="398"/>
      <c r="C73" s="161" t="s">
        <v>173</v>
      </c>
      <c r="D73" s="346"/>
      <c r="E73" s="356"/>
      <c r="F73" s="164"/>
      <c r="G73" s="164"/>
      <c r="H73" s="164"/>
    </row>
    <row r="74" spans="1:8" ht="105" customHeight="1">
      <c r="A74" s="349">
        <v>20</v>
      </c>
      <c r="B74" s="397" t="s">
        <v>312</v>
      </c>
      <c r="C74" s="193" t="s">
        <v>231</v>
      </c>
      <c r="D74" s="32" t="s">
        <v>255</v>
      </c>
      <c r="E74" s="190"/>
      <c r="F74" s="199"/>
      <c r="G74" s="199"/>
      <c r="H74" s="199"/>
    </row>
    <row r="75" spans="1:8" ht="57" customHeight="1">
      <c r="A75" s="351"/>
      <c r="B75" s="399"/>
      <c r="C75" s="37" t="s">
        <v>232</v>
      </c>
      <c r="D75" s="34" t="s">
        <v>256</v>
      </c>
      <c r="E75" s="192"/>
      <c r="F75" s="50"/>
      <c r="G75" s="50"/>
      <c r="H75" s="152"/>
    </row>
    <row r="76" spans="1:8" ht="52.5" customHeight="1">
      <c r="A76" s="349">
        <v>20</v>
      </c>
      <c r="B76" s="355" t="s">
        <v>313</v>
      </c>
      <c r="C76" s="130" t="s">
        <v>233</v>
      </c>
      <c r="D76" s="35" t="s">
        <v>257</v>
      </c>
      <c r="E76" s="53" t="s">
        <v>279</v>
      </c>
      <c r="F76" s="147"/>
      <c r="G76" s="147"/>
      <c r="H76" s="26"/>
    </row>
    <row r="77" spans="1:8" ht="45" customHeight="1">
      <c r="A77" s="350"/>
      <c r="B77" s="356"/>
      <c r="C77" s="38" t="s">
        <v>176</v>
      </c>
      <c r="D77" s="103" t="s">
        <v>158</v>
      </c>
      <c r="E77" s="38" t="s">
        <v>278</v>
      </c>
      <c r="F77" s="41"/>
      <c r="G77" s="41"/>
      <c r="H77" s="42"/>
    </row>
    <row r="78" spans="1:8" ht="39" customHeight="1">
      <c r="A78" s="351"/>
      <c r="B78" s="362"/>
      <c r="C78" s="130" t="s">
        <v>177</v>
      </c>
      <c r="D78" s="34"/>
      <c r="E78" s="51" t="s">
        <v>88</v>
      </c>
      <c r="F78" s="41"/>
      <c r="G78" s="41"/>
      <c r="H78" s="40"/>
    </row>
    <row r="79" spans="1:8" ht="116.25" customHeight="1">
      <c r="A79" s="127">
        <v>21</v>
      </c>
      <c r="B79" s="128" t="s">
        <v>37</v>
      </c>
      <c r="C79" s="29" t="s">
        <v>147</v>
      </c>
      <c r="D79" s="28" t="s">
        <v>258</v>
      </c>
      <c r="E79" s="29" t="s">
        <v>220</v>
      </c>
      <c r="F79" s="30"/>
      <c r="G79" s="30"/>
      <c r="H79" s="31"/>
    </row>
    <row r="80" spans="1:8" ht="64.5" customHeight="1">
      <c r="A80" s="127">
        <v>22</v>
      </c>
      <c r="B80" s="117" t="s">
        <v>38</v>
      </c>
      <c r="C80" s="29" t="s">
        <v>121</v>
      </c>
      <c r="D80" s="28" t="s">
        <v>259</v>
      </c>
      <c r="E80" s="29" t="s">
        <v>280</v>
      </c>
      <c r="F80" s="135"/>
      <c r="G80" s="135"/>
      <c r="H80" s="19"/>
    </row>
    <row r="81" spans="1:8" ht="63" customHeight="1">
      <c r="A81" s="349">
        <v>23</v>
      </c>
      <c r="B81" s="352" t="s">
        <v>39</v>
      </c>
      <c r="C81" s="126" t="s">
        <v>178</v>
      </c>
      <c r="D81" s="102" t="s">
        <v>260</v>
      </c>
      <c r="E81" s="126" t="s">
        <v>122</v>
      </c>
      <c r="F81" s="135"/>
      <c r="G81" s="135"/>
      <c r="H81" s="135"/>
    </row>
    <row r="82" spans="1:8" ht="43.5" customHeight="1">
      <c r="A82" s="351"/>
      <c r="B82" s="354"/>
      <c r="C82" s="37" t="s">
        <v>179</v>
      </c>
      <c r="D82" s="34"/>
      <c r="E82" s="37" t="s">
        <v>85</v>
      </c>
      <c r="F82" s="50"/>
      <c r="G82" s="50"/>
      <c r="H82" s="50"/>
    </row>
    <row r="83" spans="1:8" ht="207.75" customHeight="1">
      <c r="A83" s="202">
        <v>24</v>
      </c>
      <c r="B83" s="175" t="s">
        <v>40</v>
      </c>
      <c r="C83" s="84" t="s">
        <v>180</v>
      </c>
      <c r="D83" s="102" t="s">
        <v>261</v>
      </c>
      <c r="E83" s="29" t="s">
        <v>12</v>
      </c>
      <c r="F83" s="30"/>
      <c r="G83" s="30"/>
      <c r="H83" s="30"/>
    </row>
    <row r="84" spans="1:8" ht="55.35" customHeight="1">
      <c r="A84" s="349">
        <v>25</v>
      </c>
      <c r="B84" s="352" t="s">
        <v>41</v>
      </c>
      <c r="C84" s="126" t="s">
        <v>123</v>
      </c>
      <c r="D84" s="363" t="s">
        <v>262</v>
      </c>
      <c r="E84" s="126" t="s">
        <v>42</v>
      </c>
      <c r="F84" s="135"/>
      <c r="G84" s="135"/>
      <c r="H84" s="19"/>
    </row>
    <row r="85" spans="1:8" ht="60" customHeight="1">
      <c r="A85" s="350"/>
      <c r="B85" s="353"/>
      <c r="C85" s="38" t="s">
        <v>124</v>
      </c>
      <c r="D85" s="364"/>
      <c r="E85" s="38" t="s">
        <v>43</v>
      </c>
      <c r="F85" s="41"/>
      <c r="G85" s="41"/>
      <c r="H85" s="42"/>
    </row>
    <row r="86" spans="1:8" ht="43.5" customHeight="1">
      <c r="A86" s="350"/>
      <c r="B86" s="353"/>
      <c r="C86" s="38" t="s">
        <v>148</v>
      </c>
      <c r="D86" s="364"/>
      <c r="E86" s="38" t="s">
        <v>44</v>
      </c>
      <c r="F86" s="41"/>
      <c r="G86" s="41"/>
      <c r="H86" s="42"/>
    </row>
    <row r="87" spans="1:8" ht="204" customHeight="1">
      <c r="A87" s="350"/>
      <c r="B87" s="353"/>
      <c r="C87" s="110" t="s">
        <v>182</v>
      </c>
      <c r="D87" s="364"/>
      <c r="E87" s="131" t="s">
        <v>130</v>
      </c>
      <c r="F87" s="41"/>
      <c r="G87" s="41"/>
      <c r="H87" s="40"/>
    </row>
    <row r="88" spans="1:8" ht="102.75" customHeight="1">
      <c r="A88" s="350"/>
      <c r="B88" s="353"/>
      <c r="C88" s="110" t="s">
        <v>181</v>
      </c>
      <c r="D88" s="364"/>
      <c r="E88" s="435" t="s">
        <v>202</v>
      </c>
      <c r="F88" s="366"/>
      <c r="G88" s="366"/>
      <c r="H88" s="366"/>
    </row>
    <row r="89" spans="1:8" ht="61.5" customHeight="1">
      <c r="A89" s="350"/>
      <c r="B89" s="353"/>
      <c r="C89" s="89" t="s">
        <v>132</v>
      </c>
      <c r="D89" s="364"/>
      <c r="E89" s="378"/>
      <c r="F89" s="428"/>
      <c r="G89" s="428"/>
      <c r="H89" s="428"/>
    </row>
    <row r="90" spans="1:8" ht="47.25" customHeight="1">
      <c r="A90" s="350"/>
      <c r="B90" s="353"/>
      <c r="C90" s="90" t="s">
        <v>133</v>
      </c>
      <c r="D90" s="365"/>
      <c r="E90" s="379"/>
      <c r="F90" s="348"/>
      <c r="G90" s="348"/>
      <c r="H90" s="348"/>
    </row>
    <row r="91" spans="1:8" ht="83.25" customHeight="1">
      <c r="A91" s="349">
        <v>26</v>
      </c>
      <c r="B91" s="377" t="s">
        <v>90</v>
      </c>
      <c r="C91" s="109" t="s">
        <v>316</v>
      </c>
      <c r="D91" s="443" t="s">
        <v>263</v>
      </c>
      <c r="E91" s="377" t="s">
        <v>281</v>
      </c>
      <c r="F91" s="73"/>
      <c r="G91" s="73"/>
      <c r="H91" s="14"/>
    </row>
    <row r="92" spans="1:8" ht="102.75" customHeight="1">
      <c r="A92" s="350"/>
      <c r="B92" s="378"/>
      <c r="C92" s="91" t="s">
        <v>314</v>
      </c>
      <c r="D92" s="444"/>
      <c r="E92" s="378"/>
      <c r="F92" s="74"/>
      <c r="G92" s="74"/>
      <c r="H92" s="41"/>
    </row>
    <row r="93" spans="1:8" ht="60" customHeight="1">
      <c r="A93" s="351"/>
      <c r="B93" s="379"/>
      <c r="C93" s="89" t="s">
        <v>315</v>
      </c>
      <c r="D93" s="445"/>
      <c r="E93" s="379"/>
      <c r="F93" s="73"/>
      <c r="G93" s="73"/>
      <c r="H93" s="50"/>
    </row>
    <row r="94" spans="1:8" ht="75.75" customHeight="1">
      <c r="A94" s="127">
        <v>27</v>
      </c>
      <c r="B94" s="54" t="s">
        <v>45</v>
      </c>
      <c r="C94" s="128" t="s">
        <v>183</v>
      </c>
      <c r="D94" s="102" t="s">
        <v>264</v>
      </c>
      <c r="E94" s="29" t="s">
        <v>46</v>
      </c>
      <c r="F94" s="30"/>
      <c r="G94" s="30"/>
      <c r="H94" s="30"/>
    </row>
    <row r="95" spans="1:8" ht="82.5" customHeight="1">
      <c r="A95" s="349">
        <v>28</v>
      </c>
      <c r="B95" s="355" t="s">
        <v>47</v>
      </c>
      <c r="C95" s="24" t="s">
        <v>186</v>
      </c>
      <c r="D95" s="102" t="s">
        <v>265</v>
      </c>
      <c r="E95" s="36" t="s">
        <v>92</v>
      </c>
      <c r="F95" s="14"/>
      <c r="G95" s="14"/>
      <c r="H95" s="14"/>
    </row>
    <row r="96" spans="1:8" ht="54" customHeight="1">
      <c r="A96" s="350"/>
      <c r="B96" s="356"/>
      <c r="C96" s="55" t="s">
        <v>184</v>
      </c>
      <c r="D96" s="103"/>
      <c r="E96" s="39" t="s">
        <v>93</v>
      </c>
      <c r="F96" s="41"/>
      <c r="G96" s="41"/>
      <c r="H96" s="42"/>
    </row>
    <row r="97" spans="1:8" ht="52.5" customHeight="1">
      <c r="A97" s="350"/>
      <c r="B97" s="356"/>
      <c r="C97" s="93" t="s">
        <v>185</v>
      </c>
      <c r="D97" s="101"/>
      <c r="E97" s="39" t="s">
        <v>91</v>
      </c>
      <c r="F97" s="41"/>
      <c r="G97" s="41"/>
      <c r="H97" s="42"/>
    </row>
    <row r="98" spans="1:8" ht="60" customHeight="1">
      <c r="A98" s="439">
        <v>29</v>
      </c>
      <c r="B98" s="441" t="s">
        <v>48</v>
      </c>
      <c r="C98" s="24" t="s">
        <v>125</v>
      </c>
      <c r="D98" s="345" t="s">
        <v>266</v>
      </c>
      <c r="E98" s="49" t="s">
        <v>126</v>
      </c>
      <c r="F98" s="14"/>
      <c r="G98" s="14"/>
      <c r="H98" s="14"/>
    </row>
    <row r="99" spans="1:8" ht="70.5" customHeight="1">
      <c r="A99" s="440"/>
      <c r="B99" s="442"/>
      <c r="C99" s="110" t="s">
        <v>323</v>
      </c>
      <c r="D99" s="346"/>
      <c r="E99" s="436" t="s">
        <v>94</v>
      </c>
      <c r="F99" s="434"/>
      <c r="G99" s="434"/>
      <c r="H99" s="434"/>
    </row>
    <row r="100" spans="1:8" ht="138.75" customHeight="1">
      <c r="A100" s="440"/>
      <c r="B100" s="442"/>
      <c r="C100" s="91" t="s">
        <v>329</v>
      </c>
      <c r="D100" s="361"/>
      <c r="E100" s="362"/>
      <c r="F100" s="399"/>
      <c r="G100" s="399"/>
      <c r="H100" s="399"/>
    </row>
    <row r="101" spans="1:8" ht="60" customHeight="1">
      <c r="A101" s="349">
        <v>30</v>
      </c>
      <c r="B101" s="437" t="s">
        <v>49</v>
      </c>
      <c r="C101" s="126" t="s">
        <v>127</v>
      </c>
      <c r="D101" s="345" t="s">
        <v>267</v>
      </c>
      <c r="E101" s="355" t="s">
        <v>50</v>
      </c>
      <c r="F101" s="135"/>
      <c r="G101" s="135"/>
      <c r="H101" s="14"/>
    </row>
    <row r="102" spans="1:8" ht="76.5" customHeight="1">
      <c r="A102" s="351"/>
      <c r="B102" s="438"/>
      <c r="C102" s="87" t="s">
        <v>134</v>
      </c>
      <c r="D102" s="361"/>
      <c r="E102" s="362"/>
      <c r="F102" s="50"/>
      <c r="G102" s="50"/>
      <c r="H102" s="16"/>
    </row>
    <row r="103" spans="1:8" ht="67.5" customHeight="1">
      <c r="A103" s="349">
        <v>31</v>
      </c>
      <c r="B103" s="355" t="s">
        <v>51</v>
      </c>
      <c r="C103" s="116" t="s">
        <v>187</v>
      </c>
      <c r="D103" s="35" t="s">
        <v>268</v>
      </c>
      <c r="E103" s="193" t="s">
        <v>188</v>
      </c>
      <c r="F103" s="14"/>
      <c r="G103" s="14"/>
      <c r="H103" s="14"/>
    </row>
    <row r="104" spans="1:8" ht="78" customHeight="1">
      <c r="A104" s="351"/>
      <c r="B104" s="362"/>
      <c r="C104" s="198" t="s">
        <v>144</v>
      </c>
      <c r="D104" s="115"/>
      <c r="E104" s="197" t="s">
        <v>149</v>
      </c>
      <c r="F104" s="189"/>
      <c r="G104" s="189"/>
      <c r="H104" s="189"/>
    </row>
    <row r="105" spans="1:8" ht="78" customHeight="1">
      <c r="A105" s="127">
        <v>32</v>
      </c>
      <c r="B105" s="56" t="s">
        <v>53</v>
      </c>
      <c r="C105" s="27" t="s">
        <v>54</v>
      </c>
      <c r="D105" s="94" t="s">
        <v>269</v>
      </c>
      <c r="E105" s="57" t="s">
        <v>55</v>
      </c>
      <c r="F105" s="30"/>
      <c r="G105" s="30"/>
      <c r="H105" s="30"/>
    </row>
    <row r="106" spans="1:8" ht="60" customHeight="1">
      <c r="A106" s="127">
        <v>33</v>
      </c>
      <c r="B106" s="128" t="s">
        <v>56</v>
      </c>
      <c r="C106" s="58" t="s">
        <v>128</v>
      </c>
      <c r="D106" s="102" t="s">
        <v>270</v>
      </c>
      <c r="E106" s="58" t="s">
        <v>52</v>
      </c>
      <c r="F106" s="30"/>
      <c r="G106" s="30"/>
      <c r="H106" s="30"/>
    </row>
    <row r="107" spans="1:8" ht="67.5" customHeight="1">
      <c r="A107" s="349">
        <v>34</v>
      </c>
      <c r="B107" s="355" t="s">
        <v>57</v>
      </c>
      <c r="C107" s="126" t="s">
        <v>95</v>
      </c>
      <c r="D107" s="363" t="s">
        <v>282</v>
      </c>
      <c r="E107" s="355" t="s">
        <v>96</v>
      </c>
      <c r="F107" s="347"/>
      <c r="G107" s="347"/>
      <c r="H107" s="347"/>
    </row>
    <row r="108" spans="1:8" ht="68.25" customHeight="1">
      <c r="A108" s="350"/>
      <c r="B108" s="356"/>
      <c r="C108" s="130" t="s">
        <v>58</v>
      </c>
      <c r="D108" s="364"/>
      <c r="E108" s="356"/>
      <c r="F108" s="367"/>
      <c r="G108" s="367"/>
      <c r="H108" s="367"/>
    </row>
    <row r="109" spans="1:8" ht="67.5" customHeight="1">
      <c r="A109" s="350"/>
      <c r="B109" s="356"/>
      <c r="C109" s="38" t="s">
        <v>189</v>
      </c>
      <c r="D109" s="364"/>
      <c r="E109" s="356"/>
      <c r="F109" s="41"/>
      <c r="G109" s="41"/>
      <c r="H109" s="41"/>
    </row>
    <row r="110" spans="1:8" ht="74.25" customHeight="1">
      <c r="A110" s="350"/>
      <c r="B110" s="356"/>
      <c r="C110" s="92" t="s">
        <v>190</v>
      </c>
      <c r="D110" s="364"/>
      <c r="E110" s="356"/>
      <c r="F110" s="41"/>
      <c r="G110" s="41"/>
      <c r="H110" s="41"/>
    </row>
    <row r="111" spans="1:8" ht="85.5" customHeight="1">
      <c r="A111" s="350"/>
      <c r="B111" s="356"/>
      <c r="C111" s="38" t="s">
        <v>192</v>
      </c>
      <c r="D111" s="364"/>
      <c r="E111" s="356"/>
      <c r="F111" s="41"/>
      <c r="G111" s="41"/>
      <c r="H111" s="41"/>
    </row>
    <row r="112" spans="1:8" s="59" customFormat="1" ht="81.75" customHeight="1">
      <c r="A112" s="351"/>
      <c r="B112" s="362"/>
      <c r="C112" s="37" t="s">
        <v>191</v>
      </c>
      <c r="D112" s="365"/>
      <c r="E112" s="362"/>
      <c r="F112" s="50"/>
      <c r="G112" s="50"/>
      <c r="H112" s="50"/>
    </row>
    <row r="113" spans="1:8" s="59" customFormat="1" ht="79.5" customHeight="1">
      <c r="A113" s="349">
        <v>35</v>
      </c>
      <c r="B113" s="355" t="s">
        <v>59</v>
      </c>
      <c r="C113" s="98" t="s">
        <v>324</v>
      </c>
      <c r="D113" s="400" t="s">
        <v>283</v>
      </c>
      <c r="E113" s="403" t="s">
        <v>131</v>
      </c>
      <c r="F113" s="180"/>
      <c r="G113" s="180"/>
      <c r="H113" s="180"/>
    </row>
    <row r="114" spans="1:8" s="59" customFormat="1" ht="48" customHeight="1">
      <c r="A114" s="350"/>
      <c r="B114" s="356"/>
      <c r="C114" s="93" t="s">
        <v>193</v>
      </c>
      <c r="D114" s="401"/>
      <c r="E114" s="404"/>
      <c r="F114" s="41"/>
      <c r="G114" s="41"/>
      <c r="H114" s="41"/>
    </row>
    <row r="115" spans="1:8" s="59" customFormat="1" ht="63.75" customHeight="1">
      <c r="A115" s="351"/>
      <c r="B115" s="362"/>
      <c r="C115" s="37" t="s">
        <v>325</v>
      </c>
      <c r="D115" s="402"/>
      <c r="E115" s="405"/>
      <c r="F115" s="50"/>
      <c r="G115" s="50"/>
      <c r="H115" s="50"/>
    </row>
    <row r="116" spans="1:8" s="59" customFormat="1" ht="48.75" customHeight="1">
      <c r="A116" s="349">
        <v>35</v>
      </c>
      <c r="B116" s="397" t="s">
        <v>152</v>
      </c>
      <c r="C116" s="153" t="s">
        <v>194</v>
      </c>
      <c r="D116" s="406" t="s">
        <v>284</v>
      </c>
      <c r="E116" s="403" t="s">
        <v>317</v>
      </c>
      <c r="F116" s="147"/>
      <c r="G116" s="147"/>
      <c r="H116" s="147"/>
    </row>
    <row r="117" spans="1:8" s="59" customFormat="1" ht="56.25" customHeight="1">
      <c r="A117" s="350"/>
      <c r="B117" s="398"/>
      <c r="C117" s="38" t="s">
        <v>195</v>
      </c>
      <c r="D117" s="407"/>
      <c r="E117" s="404"/>
      <c r="F117" s="41"/>
      <c r="G117" s="41"/>
      <c r="H117" s="41"/>
    </row>
    <row r="118" spans="1:8" s="59" customFormat="1" ht="71.25" customHeight="1">
      <c r="A118" s="350"/>
      <c r="B118" s="398"/>
      <c r="C118" s="72" t="s">
        <v>145</v>
      </c>
      <c r="D118" s="407"/>
      <c r="E118" s="404"/>
      <c r="F118" s="41"/>
      <c r="G118" s="41"/>
      <c r="H118" s="41"/>
    </row>
    <row r="119" spans="1:8" ht="71.25" customHeight="1">
      <c r="A119" s="351"/>
      <c r="B119" s="399"/>
      <c r="C119" s="83" t="s">
        <v>196</v>
      </c>
      <c r="D119" s="408"/>
      <c r="E119" s="405"/>
      <c r="F119" s="16"/>
      <c r="G119" s="16"/>
      <c r="H119" s="182"/>
    </row>
    <row r="120" spans="1:8" ht="126.75" customHeight="1">
      <c r="A120" s="388">
        <v>36</v>
      </c>
      <c r="B120" s="391" t="s">
        <v>60</v>
      </c>
      <c r="C120" s="60" t="s">
        <v>197</v>
      </c>
      <c r="D120" s="394" t="s">
        <v>271</v>
      </c>
      <c r="E120" s="124" t="s">
        <v>97</v>
      </c>
      <c r="F120" s="61"/>
      <c r="G120" s="61"/>
      <c r="H120" s="61"/>
    </row>
    <row r="121" spans="1:8" ht="66.75" customHeight="1">
      <c r="A121" s="389"/>
      <c r="B121" s="392"/>
      <c r="C121" s="154" t="s">
        <v>61</v>
      </c>
      <c r="D121" s="395"/>
      <c r="E121" s="155" t="s">
        <v>62</v>
      </c>
      <c r="F121" s="156"/>
      <c r="G121" s="156"/>
      <c r="H121" s="156"/>
    </row>
    <row r="122" spans="1:8" s="79" customFormat="1" ht="57" customHeight="1">
      <c r="A122" s="390"/>
      <c r="B122" s="393"/>
      <c r="C122" s="62" t="s">
        <v>198</v>
      </c>
      <c r="D122" s="396"/>
      <c r="E122" s="75" t="s">
        <v>63</v>
      </c>
      <c r="F122" s="63"/>
      <c r="G122" s="63"/>
      <c r="H122" s="63"/>
    </row>
    <row r="123" spans="1:8" s="79" customFormat="1" ht="59.25" customHeight="1">
      <c r="A123" s="383">
        <v>37</v>
      </c>
      <c r="B123" s="374" t="s">
        <v>135</v>
      </c>
      <c r="C123" s="77" t="s">
        <v>199</v>
      </c>
      <c r="D123" s="377" t="s">
        <v>327</v>
      </c>
      <c r="E123" s="380" t="s">
        <v>285</v>
      </c>
      <c r="F123" s="78"/>
      <c r="G123" s="78"/>
      <c r="H123" s="173"/>
    </row>
    <row r="124" spans="1:8" s="79" customFormat="1" ht="57" customHeight="1">
      <c r="A124" s="384"/>
      <c r="B124" s="375"/>
      <c r="C124" s="80" t="s">
        <v>155</v>
      </c>
      <c r="D124" s="378"/>
      <c r="E124" s="381"/>
      <c r="F124" s="372"/>
      <c r="G124" s="369"/>
      <c r="H124" s="369"/>
    </row>
    <row r="125" spans="1:8" s="79" customFormat="1" ht="156" customHeight="1">
      <c r="A125" s="385"/>
      <c r="B125" s="376"/>
      <c r="C125" s="81" t="s">
        <v>136</v>
      </c>
      <c r="D125" s="379"/>
      <c r="E125" s="382"/>
      <c r="F125" s="373"/>
      <c r="G125" s="370"/>
      <c r="H125" s="370"/>
    </row>
    <row r="126" spans="1:8" s="79" customFormat="1" ht="28.5" customHeight="1">
      <c r="A126" s="383">
        <v>37</v>
      </c>
      <c r="B126" s="374" t="s">
        <v>153</v>
      </c>
      <c r="C126" s="205" t="s">
        <v>137</v>
      </c>
      <c r="D126" s="377" t="s">
        <v>327</v>
      </c>
      <c r="E126" s="380" t="s">
        <v>286</v>
      </c>
      <c r="F126" s="371"/>
      <c r="G126" s="371"/>
      <c r="H126" s="371"/>
    </row>
    <row r="127" spans="1:8" s="79" customFormat="1" ht="155.25" customHeight="1">
      <c r="A127" s="385"/>
      <c r="B127" s="376"/>
      <c r="C127" s="81" t="s">
        <v>138</v>
      </c>
      <c r="D127" s="379"/>
      <c r="E127" s="382"/>
      <c r="F127" s="370"/>
      <c r="G127" s="370"/>
      <c r="H127" s="370"/>
    </row>
    <row r="128" spans="1:8" s="79" customFormat="1" ht="33.75" customHeight="1">
      <c r="A128" s="383">
        <v>37</v>
      </c>
      <c r="B128" s="374" t="s">
        <v>153</v>
      </c>
      <c r="C128" s="203" t="s">
        <v>326</v>
      </c>
      <c r="D128" s="386" t="s">
        <v>327</v>
      </c>
      <c r="E128" s="380" t="s">
        <v>333</v>
      </c>
      <c r="F128" s="183"/>
      <c r="G128" s="183"/>
      <c r="H128" s="204"/>
    </row>
    <row r="129" spans="1:8" ht="45.75" customHeight="1">
      <c r="A129" s="385"/>
      <c r="B129" s="376"/>
      <c r="C129" s="81" t="s">
        <v>139</v>
      </c>
      <c r="D129" s="387"/>
      <c r="E129" s="382"/>
      <c r="F129" s="82"/>
      <c r="G129" s="82"/>
      <c r="H129" s="88"/>
    </row>
    <row r="130" spans="1:8" ht="74.25" customHeight="1">
      <c r="A130" s="95">
        <v>38</v>
      </c>
      <c r="B130" s="65" t="s">
        <v>64</v>
      </c>
      <c r="C130" s="64" t="s">
        <v>200</v>
      </c>
      <c r="D130" s="99" t="s">
        <v>328</v>
      </c>
      <c r="E130" s="125" t="s">
        <v>65</v>
      </c>
      <c r="F130" s="47"/>
      <c r="G130" s="47"/>
      <c r="H130" s="47"/>
    </row>
    <row r="131" spans="1:8" ht="66.75" customHeight="1">
      <c r="A131" s="349">
        <v>39</v>
      </c>
      <c r="B131" s="352" t="s">
        <v>66</v>
      </c>
      <c r="C131" s="126" t="s">
        <v>129</v>
      </c>
      <c r="D131" s="32" t="s">
        <v>272</v>
      </c>
      <c r="E131" s="126" t="s">
        <v>67</v>
      </c>
      <c r="F131" s="14"/>
      <c r="G131" s="14"/>
      <c r="H131" s="14"/>
    </row>
    <row r="132" spans="1:8" ht="151.5" customHeight="1">
      <c r="A132" s="351"/>
      <c r="B132" s="368"/>
      <c r="C132" s="33" t="s">
        <v>201</v>
      </c>
      <c r="D132" s="101" t="s">
        <v>273</v>
      </c>
      <c r="E132" s="37" t="s">
        <v>150</v>
      </c>
      <c r="F132" s="136"/>
      <c r="G132" s="136"/>
      <c r="H132" s="136"/>
    </row>
    <row r="133" spans="1:8" ht="35.25" customHeight="1">
      <c r="A133" s="111" t="s">
        <v>68</v>
      </c>
      <c r="B133" s="112"/>
      <c r="C133" s="112"/>
      <c r="D133" s="113"/>
      <c r="E133" s="112"/>
      <c r="F133" s="112"/>
      <c r="G133" s="112"/>
      <c r="H133" s="114"/>
    </row>
    <row r="134" spans="1:8" ht="152.25" customHeight="1">
      <c r="A134" s="127">
        <v>40</v>
      </c>
      <c r="B134" s="54" t="s">
        <v>69</v>
      </c>
      <c r="C134" s="29" t="s">
        <v>331</v>
      </c>
      <c r="D134" s="28" t="s">
        <v>330</v>
      </c>
      <c r="E134" s="29" t="s">
        <v>70</v>
      </c>
      <c r="F134" s="30"/>
      <c r="G134" s="30"/>
      <c r="H134" s="30"/>
    </row>
  </sheetData>
  <mergeCells count="128">
    <mergeCell ref="D84:D90"/>
    <mergeCell ref="D91:D93"/>
    <mergeCell ref="D101:D102"/>
    <mergeCell ref="D98:D100"/>
    <mergeCell ref="A95:A97"/>
    <mergeCell ref="B81:B82"/>
    <mergeCell ref="A84:A90"/>
    <mergeCell ref="B84:B90"/>
    <mergeCell ref="A91:A93"/>
    <mergeCell ref="B91:B93"/>
    <mergeCell ref="A101:A102"/>
    <mergeCell ref="B101:B102"/>
    <mergeCell ref="A98:A100"/>
    <mergeCell ref="B98:B100"/>
    <mergeCell ref="E101:E102"/>
    <mergeCell ref="F99:F100"/>
    <mergeCell ref="G99:G100"/>
    <mergeCell ref="H99:H100"/>
    <mergeCell ref="F88:F90"/>
    <mergeCell ref="G88:G90"/>
    <mergeCell ref="H88:H90"/>
    <mergeCell ref="F107:F108"/>
    <mergeCell ref="G107:G108"/>
    <mergeCell ref="H107:H108"/>
    <mergeCell ref="E88:E90"/>
    <mergeCell ref="E91:E93"/>
    <mergeCell ref="E99:E100"/>
    <mergeCell ref="A59:A64"/>
    <mergeCell ref="B76:B78"/>
    <mergeCell ref="A76:A78"/>
    <mergeCell ref="E47:E48"/>
    <mergeCell ref="A49:A50"/>
    <mergeCell ref="B49:B50"/>
    <mergeCell ref="E49:E50"/>
    <mergeCell ref="A53:A54"/>
    <mergeCell ref="B53:B54"/>
    <mergeCell ref="E53:E54"/>
    <mergeCell ref="A66:A67"/>
    <mergeCell ref="B66:B67"/>
    <mergeCell ref="D66:D67"/>
    <mergeCell ref="B59:B64"/>
    <mergeCell ref="B68:B73"/>
    <mergeCell ref="B74:B75"/>
    <mergeCell ref="A68:A73"/>
    <mergeCell ref="A74:A75"/>
    <mergeCell ref="E60:E64"/>
    <mergeCell ref="E68:E73"/>
    <mergeCell ref="D68:D73"/>
    <mergeCell ref="B95:B97"/>
    <mergeCell ref="A81:A82"/>
    <mergeCell ref="F11:F12"/>
    <mergeCell ref="G11:G12"/>
    <mergeCell ref="A1:H1"/>
    <mergeCell ref="A2:B2"/>
    <mergeCell ref="A3:B3"/>
    <mergeCell ref="A4:B4"/>
    <mergeCell ref="A6:B7"/>
    <mergeCell ref="C6:C7"/>
    <mergeCell ref="D6:D7"/>
    <mergeCell ref="E6:E7"/>
    <mergeCell ref="F6:H6"/>
    <mergeCell ref="H11:H12"/>
    <mergeCell ref="A11:A15"/>
    <mergeCell ref="B11:B15"/>
    <mergeCell ref="E11:E13"/>
    <mergeCell ref="D15:D17"/>
    <mergeCell ref="F18:F19"/>
    <mergeCell ref="G18:G19"/>
    <mergeCell ref="H18:H19"/>
    <mergeCell ref="A44:H44"/>
    <mergeCell ref="A45:A46"/>
    <mergeCell ref="B45:B46"/>
    <mergeCell ref="A103:A104"/>
    <mergeCell ref="D107:D112"/>
    <mergeCell ref="E107:E112"/>
    <mergeCell ref="A120:A122"/>
    <mergeCell ref="B120:B122"/>
    <mergeCell ref="D120:D122"/>
    <mergeCell ref="A113:A115"/>
    <mergeCell ref="B113:B115"/>
    <mergeCell ref="A116:A119"/>
    <mergeCell ref="B116:B119"/>
    <mergeCell ref="D113:D115"/>
    <mergeCell ref="E113:E115"/>
    <mergeCell ref="D116:D119"/>
    <mergeCell ref="E116:E119"/>
    <mergeCell ref="B103:B104"/>
    <mergeCell ref="A107:A112"/>
    <mergeCell ref="B107:B112"/>
    <mergeCell ref="A131:A132"/>
    <mergeCell ref="B131:B132"/>
    <mergeCell ref="G124:G125"/>
    <mergeCell ref="H124:H125"/>
    <mergeCell ref="F126:F127"/>
    <mergeCell ref="G126:G127"/>
    <mergeCell ref="H126:H127"/>
    <mergeCell ref="F124:F125"/>
    <mergeCell ref="B123:B125"/>
    <mergeCell ref="D123:D125"/>
    <mergeCell ref="E123:E125"/>
    <mergeCell ref="A123:A125"/>
    <mergeCell ref="B126:B127"/>
    <mergeCell ref="A126:A127"/>
    <mergeCell ref="D126:D127"/>
    <mergeCell ref="E126:E127"/>
    <mergeCell ref="B128:B129"/>
    <mergeCell ref="A128:A129"/>
    <mergeCell ref="D128:D129"/>
    <mergeCell ref="E128:E129"/>
    <mergeCell ref="D45:D46"/>
    <mergeCell ref="F45:F46"/>
    <mergeCell ref="G45:G46"/>
    <mergeCell ref="A32:A43"/>
    <mergeCell ref="A25:A30"/>
    <mergeCell ref="B25:B30"/>
    <mergeCell ref="E25:E27"/>
    <mergeCell ref="A31:H31"/>
    <mergeCell ref="D23:D24"/>
    <mergeCell ref="B32:B43"/>
    <mergeCell ref="D32:D43"/>
    <mergeCell ref="D25:D30"/>
    <mergeCell ref="F33:F34"/>
    <mergeCell ref="G33:G34"/>
    <mergeCell ref="H33:H34"/>
    <mergeCell ref="F37:F38"/>
    <mergeCell ref="G37:G38"/>
    <mergeCell ref="H37:H38"/>
    <mergeCell ref="H45:H46"/>
  </mergeCells>
  <phoneticPr fontId="15"/>
  <printOptions horizontalCentered="1"/>
  <pageMargins left="0.39370078740157483" right="0.39370078740157483" top="0.43307086614173229" bottom="0.39370078740157483" header="0.31496062992125984" footer="0.19685039370078741"/>
  <pageSetup paperSize="9" scale="87" fitToHeight="0" orientation="portrait" r:id="rId1"/>
  <headerFooter alignWithMargins="0">
    <oddFooter>&amp;R&amp;"ＭＳ Ｐ明朝,標準"&amp;9自己点検シート（通所介護・介護予防通所介護）&amp;P</oddFooter>
  </headerFooter>
  <rowBreaks count="11" manualBreakCount="11">
    <brk id="17" max="16383" man="1"/>
    <brk id="30" max="16383" man="1"/>
    <brk id="43" max="16383" man="1"/>
    <brk id="54" max="16383" man="1"/>
    <brk id="64" max="16383" man="1"/>
    <brk id="75" max="16383" man="1"/>
    <brk id="83" max="16383" man="1"/>
    <brk id="93" max="16383" man="1"/>
    <brk id="104" max="16383" man="1"/>
    <brk id="115" max="16383" man="1"/>
    <brk id="127" max="7" man="1"/>
  </rowBreaks>
  <colBreaks count="1" manualBreakCount="1">
    <brk id="8"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85725</xdr:colOff>
                    <xdr:row>8</xdr:row>
                    <xdr:rowOff>476250</xdr:rowOff>
                  </from>
                  <to>
                    <xdr:col>5</xdr:col>
                    <xdr:colOff>304800</xdr:colOff>
                    <xdr:row>8</xdr:row>
                    <xdr:rowOff>6953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6</xdr:col>
                    <xdr:colOff>95250</xdr:colOff>
                    <xdr:row>8</xdr:row>
                    <xdr:rowOff>476250</xdr:rowOff>
                  </from>
                  <to>
                    <xdr:col>6</xdr:col>
                    <xdr:colOff>314325</xdr:colOff>
                    <xdr:row>8</xdr:row>
                    <xdr:rowOff>695325</xdr:rowOff>
                  </to>
                </anchor>
              </controlPr>
            </control>
          </mc:Choice>
        </mc:AlternateContent>
        <mc:AlternateContent xmlns:mc="http://schemas.openxmlformats.org/markup-compatibility/2006">
          <mc:Choice Requires="x14">
            <control shapeId="1028" r:id="rId6" name="Check Box 4">
              <controlPr defaultSize="0" autoFill="0" autoLine="0" autoPict="0">
                <anchor moveWithCells="1">
                  <from>
                    <xdr:col>6</xdr:col>
                    <xdr:colOff>76200</xdr:colOff>
                    <xdr:row>10</xdr:row>
                    <xdr:rowOff>790575</xdr:rowOff>
                  </from>
                  <to>
                    <xdr:col>6</xdr:col>
                    <xdr:colOff>295275</xdr:colOff>
                    <xdr:row>10</xdr:row>
                    <xdr:rowOff>1009650</xdr:rowOff>
                  </to>
                </anchor>
              </controlPr>
            </control>
          </mc:Choice>
        </mc:AlternateContent>
        <mc:AlternateContent xmlns:mc="http://schemas.openxmlformats.org/markup-compatibility/2006">
          <mc:Choice Requires="x14">
            <control shapeId="1029" r:id="rId7" name="Check Box 5">
              <controlPr defaultSize="0" autoFill="0" autoLine="0" autoPict="0">
                <anchor moveWithCells="1">
                  <from>
                    <xdr:col>5</xdr:col>
                    <xdr:colOff>85725</xdr:colOff>
                    <xdr:row>10</xdr:row>
                    <xdr:rowOff>790575</xdr:rowOff>
                  </from>
                  <to>
                    <xdr:col>5</xdr:col>
                    <xdr:colOff>304800</xdr:colOff>
                    <xdr:row>10</xdr:row>
                    <xdr:rowOff>1009650</xdr:rowOff>
                  </to>
                </anchor>
              </controlPr>
            </control>
          </mc:Choice>
        </mc:AlternateContent>
        <mc:AlternateContent xmlns:mc="http://schemas.openxmlformats.org/markup-compatibility/2006">
          <mc:Choice Requires="x14">
            <control shapeId="1030" r:id="rId8" name="Check Box 6">
              <controlPr defaultSize="0" autoFill="0" autoLine="0" autoPict="0">
                <anchor moveWithCells="1">
                  <from>
                    <xdr:col>6</xdr:col>
                    <xdr:colOff>95250</xdr:colOff>
                    <xdr:row>12</xdr:row>
                    <xdr:rowOff>504825</xdr:rowOff>
                  </from>
                  <to>
                    <xdr:col>6</xdr:col>
                    <xdr:colOff>314325</xdr:colOff>
                    <xdr:row>12</xdr:row>
                    <xdr:rowOff>723900</xdr:rowOff>
                  </to>
                </anchor>
              </controlPr>
            </control>
          </mc:Choice>
        </mc:AlternateContent>
        <mc:AlternateContent xmlns:mc="http://schemas.openxmlformats.org/markup-compatibility/2006">
          <mc:Choice Requires="x14">
            <control shapeId="1031" r:id="rId9" name="Check Box 7">
              <controlPr defaultSize="0" autoFill="0" autoLine="0" autoPict="0">
                <anchor moveWithCells="1">
                  <from>
                    <xdr:col>5</xdr:col>
                    <xdr:colOff>66675</xdr:colOff>
                    <xdr:row>12</xdr:row>
                    <xdr:rowOff>504825</xdr:rowOff>
                  </from>
                  <to>
                    <xdr:col>5</xdr:col>
                    <xdr:colOff>285750</xdr:colOff>
                    <xdr:row>12</xdr:row>
                    <xdr:rowOff>723900</xdr:rowOff>
                  </to>
                </anchor>
              </controlPr>
            </control>
          </mc:Choice>
        </mc:AlternateContent>
        <mc:AlternateContent xmlns:mc="http://schemas.openxmlformats.org/markup-compatibility/2006">
          <mc:Choice Requires="x14">
            <control shapeId="1033" r:id="rId10" name="Check Box 9">
              <controlPr defaultSize="0" autoFill="0" autoLine="0" autoPict="0">
                <anchor moveWithCells="1">
                  <from>
                    <xdr:col>7</xdr:col>
                    <xdr:colOff>95250</xdr:colOff>
                    <xdr:row>14</xdr:row>
                    <xdr:rowOff>266700</xdr:rowOff>
                  </from>
                  <to>
                    <xdr:col>7</xdr:col>
                    <xdr:colOff>314325</xdr:colOff>
                    <xdr:row>14</xdr:row>
                    <xdr:rowOff>485775</xdr:rowOff>
                  </to>
                </anchor>
              </controlPr>
            </control>
          </mc:Choice>
        </mc:AlternateContent>
        <mc:AlternateContent xmlns:mc="http://schemas.openxmlformats.org/markup-compatibility/2006">
          <mc:Choice Requires="x14">
            <control shapeId="1034" r:id="rId11" name="Check Box 10">
              <controlPr defaultSize="0" autoFill="0" autoLine="0" autoPict="0">
                <anchor moveWithCells="1">
                  <from>
                    <xdr:col>6</xdr:col>
                    <xdr:colOff>85725</xdr:colOff>
                    <xdr:row>14</xdr:row>
                    <xdr:rowOff>266700</xdr:rowOff>
                  </from>
                  <to>
                    <xdr:col>6</xdr:col>
                    <xdr:colOff>304800</xdr:colOff>
                    <xdr:row>14</xdr:row>
                    <xdr:rowOff>485775</xdr:rowOff>
                  </to>
                </anchor>
              </controlPr>
            </control>
          </mc:Choice>
        </mc:AlternateContent>
        <mc:AlternateContent xmlns:mc="http://schemas.openxmlformats.org/markup-compatibility/2006">
          <mc:Choice Requires="x14">
            <control shapeId="1035" r:id="rId12" name="Check Box 11">
              <controlPr defaultSize="0" autoFill="0" autoLine="0" autoPict="0">
                <anchor moveWithCells="1">
                  <from>
                    <xdr:col>5</xdr:col>
                    <xdr:colOff>95250</xdr:colOff>
                    <xdr:row>14</xdr:row>
                    <xdr:rowOff>266700</xdr:rowOff>
                  </from>
                  <to>
                    <xdr:col>5</xdr:col>
                    <xdr:colOff>314325</xdr:colOff>
                    <xdr:row>14</xdr:row>
                    <xdr:rowOff>485775</xdr:rowOff>
                  </to>
                </anchor>
              </controlPr>
            </control>
          </mc:Choice>
        </mc:AlternateContent>
        <mc:AlternateContent xmlns:mc="http://schemas.openxmlformats.org/markup-compatibility/2006">
          <mc:Choice Requires="x14">
            <control shapeId="1036" r:id="rId13" name="Check Box 12">
              <controlPr defaultSize="0" autoFill="0" autoLine="0" autoPict="0">
                <anchor moveWithCells="1">
                  <from>
                    <xdr:col>7</xdr:col>
                    <xdr:colOff>85725</xdr:colOff>
                    <xdr:row>15</xdr:row>
                    <xdr:rowOff>390525</xdr:rowOff>
                  </from>
                  <to>
                    <xdr:col>7</xdr:col>
                    <xdr:colOff>304800</xdr:colOff>
                    <xdr:row>15</xdr:row>
                    <xdr:rowOff>609600</xdr:rowOff>
                  </to>
                </anchor>
              </controlPr>
            </control>
          </mc:Choice>
        </mc:AlternateContent>
        <mc:AlternateContent xmlns:mc="http://schemas.openxmlformats.org/markup-compatibility/2006">
          <mc:Choice Requires="x14">
            <control shapeId="1037" r:id="rId14" name="Check Box 13">
              <controlPr defaultSize="0" autoFill="0" autoLine="0" autoPict="0">
                <anchor moveWithCells="1">
                  <from>
                    <xdr:col>6</xdr:col>
                    <xdr:colOff>95250</xdr:colOff>
                    <xdr:row>15</xdr:row>
                    <xdr:rowOff>390525</xdr:rowOff>
                  </from>
                  <to>
                    <xdr:col>6</xdr:col>
                    <xdr:colOff>314325</xdr:colOff>
                    <xdr:row>15</xdr:row>
                    <xdr:rowOff>609600</xdr:rowOff>
                  </to>
                </anchor>
              </controlPr>
            </control>
          </mc:Choice>
        </mc:AlternateContent>
        <mc:AlternateContent xmlns:mc="http://schemas.openxmlformats.org/markup-compatibility/2006">
          <mc:Choice Requires="x14">
            <control shapeId="1038" r:id="rId15" name="Check Box 14">
              <controlPr defaultSize="0" autoFill="0" autoLine="0" autoPict="0">
                <anchor moveWithCells="1">
                  <from>
                    <xdr:col>5</xdr:col>
                    <xdr:colOff>66675</xdr:colOff>
                    <xdr:row>15</xdr:row>
                    <xdr:rowOff>390525</xdr:rowOff>
                  </from>
                  <to>
                    <xdr:col>5</xdr:col>
                    <xdr:colOff>285750</xdr:colOff>
                    <xdr:row>15</xdr:row>
                    <xdr:rowOff>609600</xdr:rowOff>
                  </to>
                </anchor>
              </controlPr>
            </control>
          </mc:Choice>
        </mc:AlternateContent>
        <mc:AlternateContent xmlns:mc="http://schemas.openxmlformats.org/markup-compatibility/2006">
          <mc:Choice Requires="x14">
            <control shapeId="1039" r:id="rId16" name="Check Box 15">
              <controlPr defaultSize="0" autoFill="0" autoLine="0" autoPict="0">
                <anchor moveWithCells="1">
                  <from>
                    <xdr:col>6</xdr:col>
                    <xdr:colOff>76200</xdr:colOff>
                    <xdr:row>18</xdr:row>
                    <xdr:rowOff>285750</xdr:rowOff>
                  </from>
                  <to>
                    <xdr:col>6</xdr:col>
                    <xdr:colOff>295275</xdr:colOff>
                    <xdr:row>18</xdr:row>
                    <xdr:rowOff>504825</xdr:rowOff>
                  </to>
                </anchor>
              </controlPr>
            </control>
          </mc:Choice>
        </mc:AlternateContent>
        <mc:AlternateContent xmlns:mc="http://schemas.openxmlformats.org/markup-compatibility/2006">
          <mc:Choice Requires="x14">
            <control shapeId="1040" r:id="rId17" name="Check Box 16">
              <controlPr defaultSize="0" autoFill="0" autoLine="0" autoPict="0">
                <anchor moveWithCells="1">
                  <from>
                    <xdr:col>7</xdr:col>
                    <xdr:colOff>76200</xdr:colOff>
                    <xdr:row>19</xdr:row>
                    <xdr:rowOff>238125</xdr:rowOff>
                  </from>
                  <to>
                    <xdr:col>7</xdr:col>
                    <xdr:colOff>295275</xdr:colOff>
                    <xdr:row>19</xdr:row>
                    <xdr:rowOff>457200</xdr:rowOff>
                  </to>
                </anchor>
              </controlPr>
            </control>
          </mc:Choice>
        </mc:AlternateContent>
        <mc:AlternateContent xmlns:mc="http://schemas.openxmlformats.org/markup-compatibility/2006">
          <mc:Choice Requires="x14">
            <control shapeId="1041" r:id="rId18" name="Check Box 17">
              <controlPr defaultSize="0" autoFill="0" autoLine="0" autoPict="0">
                <anchor moveWithCells="1">
                  <from>
                    <xdr:col>6</xdr:col>
                    <xdr:colOff>123825</xdr:colOff>
                    <xdr:row>20</xdr:row>
                    <xdr:rowOff>228600</xdr:rowOff>
                  </from>
                  <to>
                    <xdr:col>6</xdr:col>
                    <xdr:colOff>342900</xdr:colOff>
                    <xdr:row>20</xdr:row>
                    <xdr:rowOff>447675</xdr:rowOff>
                  </to>
                </anchor>
              </controlPr>
            </control>
          </mc:Choice>
        </mc:AlternateContent>
        <mc:AlternateContent xmlns:mc="http://schemas.openxmlformats.org/markup-compatibility/2006">
          <mc:Choice Requires="x14">
            <control shapeId="1042" r:id="rId19" name="Check Box 18">
              <controlPr defaultSize="0" autoFill="0" autoLine="0" autoPict="0">
                <anchor moveWithCells="1">
                  <from>
                    <xdr:col>6</xdr:col>
                    <xdr:colOff>104775</xdr:colOff>
                    <xdr:row>21</xdr:row>
                    <xdr:rowOff>285750</xdr:rowOff>
                  </from>
                  <to>
                    <xdr:col>6</xdr:col>
                    <xdr:colOff>323850</xdr:colOff>
                    <xdr:row>21</xdr:row>
                    <xdr:rowOff>504825</xdr:rowOff>
                  </to>
                </anchor>
              </controlPr>
            </control>
          </mc:Choice>
        </mc:AlternateContent>
        <mc:AlternateContent xmlns:mc="http://schemas.openxmlformats.org/markup-compatibility/2006">
          <mc:Choice Requires="x14">
            <control shapeId="1043" r:id="rId20" name="Check Box 19">
              <controlPr defaultSize="0" autoFill="0" autoLine="0" autoPict="0">
                <anchor moveWithCells="1">
                  <from>
                    <xdr:col>5</xdr:col>
                    <xdr:colOff>85725</xdr:colOff>
                    <xdr:row>18</xdr:row>
                    <xdr:rowOff>285750</xdr:rowOff>
                  </from>
                  <to>
                    <xdr:col>5</xdr:col>
                    <xdr:colOff>304800</xdr:colOff>
                    <xdr:row>18</xdr:row>
                    <xdr:rowOff>504825</xdr:rowOff>
                  </to>
                </anchor>
              </controlPr>
            </control>
          </mc:Choice>
        </mc:AlternateContent>
        <mc:AlternateContent xmlns:mc="http://schemas.openxmlformats.org/markup-compatibility/2006">
          <mc:Choice Requires="x14">
            <control shapeId="1044" r:id="rId21" name="Check Box 20">
              <controlPr defaultSize="0" autoFill="0" autoLine="0" autoPict="0">
                <anchor moveWithCells="1">
                  <from>
                    <xdr:col>6</xdr:col>
                    <xdr:colOff>76200</xdr:colOff>
                    <xdr:row>19</xdr:row>
                    <xdr:rowOff>238125</xdr:rowOff>
                  </from>
                  <to>
                    <xdr:col>6</xdr:col>
                    <xdr:colOff>295275</xdr:colOff>
                    <xdr:row>19</xdr:row>
                    <xdr:rowOff>457200</xdr:rowOff>
                  </to>
                </anchor>
              </controlPr>
            </control>
          </mc:Choice>
        </mc:AlternateContent>
        <mc:AlternateContent xmlns:mc="http://schemas.openxmlformats.org/markup-compatibility/2006">
          <mc:Choice Requires="x14">
            <control shapeId="1045" r:id="rId22" name="Check Box 21">
              <controlPr defaultSize="0" autoFill="0" autoLine="0" autoPict="0">
                <anchor moveWithCells="1">
                  <from>
                    <xdr:col>5</xdr:col>
                    <xdr:colOff>85725</xdr:colOff>
                    <xdr:row>19</xdr:row>
                    <xdr:rowOff>238125</xdr:rowOff>
                  </from>
                  <to>
                    <xdr:col>5</xdr:col>
                    <xdr:colOff>304800</xdr:colOff>
                    <xdr:row>19</xdr:row>
                    <xdr:rowOff>457200</xdr:rowOff>
                  </to>
                </anchor>
              </controlPr>
            </control>
          </mc:Choice>
        </mc:AlternateContent>
        <mc:AlternateContent xmlns:mc="http://schemas.openxmlformats.org/markup-compatibility/2006">
          <mc:Choice Requires="x14">
            <control shapeId="1046" r:id="rId23" name="Check Box 22">
              <controlPr defaultSize="0" autoFill="0" autoLine="0" autoPict="0">
                <anchor moveWithCells="1">
                  <from>
                    <xdr:col>5</xdr:col>
                    <xdr:colOff>104775</xdr:colOff>
                    <xdr:row>20</xdr:row>
                    <xdr:rowOff>228600</xdr:rowOff>
                  </from>
                  <to>
                    <xdr:col>5</xdr:col>
                    <xdr:colOff>323850</xdr:colOff>
                    <xdr:row>20</xdr:row>
                    <xdr:rowOff>447675</xdr:rowOff>
                  </to>
                </anchor>
              </controlPr>
            </control>
          </mc:Choice>
        </mc:AlternateContent>
        <mc:AlternateContent xmlns:mc="http://schemas.openxmlformats.org/markup-compatibility/2006">
          <mc:Choice Requires="x14">
            <control shapeId="1047" r:id="rId24" name="Check Box 23">
              <controlPr defaultSize="0" autoFill="0" autoLine="0" autoPict="0">
                <anchor moveWithCells="1">
                  <from>
                    <xdr:col>5</xdr:col>
                    <xdr:colOff>57150</xdr:colOff>
                    <xdr:row>21</xdr:row>
                    <xdr:rowOff>285750</xdr:rowOff>
                  </from>
                  <to>
                    <xdr:col>5</xdr:col>
                    <xdr:colOff>276225</xdr:colOff>
                    <xdr:row>21</xdr:row>
                    <xdr:rowOff>504825</xdr:rowOff>
                  </to>
                </anchor>
              </controlPr>
            </control>
          </mc:Choice>
        </mc:AlternateContent>
        <mc:AlternateContent xmlns:mc="http://schemas.openxmlformats.org/markup-compatibility/2006">
          <mc:Choice Requires="x14">
            <control shapeId="1049" r:id="rId25" name="Check Box 25">
              <controlPr defaultSize="0" autoFill="0" autoLine="0" autoPict="0">
                <anchor moveWithCells="1">
                  <from>
                    <xdr:col>6</xdr:col>
                    <xdr:colOff>104775</xdr:colOff>
                    <xdr:row>22</xdr:row>
                    <xdr:rowOff>161925</xdr:rowOff>
                  </from>
                  <to>
                    <xdr:col>6</xdr:col>
                    <xdr:colOff>323850</xdr:colOff>
                    <xdr:row>22</xdr:row>
                    <xdr:rowOff>381000</xdr:rowOff>
                  </to>
                </anchor>
              </controlPr>
            </control>
          </mc:Choice>
        </mc:AlternateContent>
        <mc:AlternateContent xmlns:mc="http://schemas.openxmlformats.org/markup-compatibility/2006">
          <mc:Choice Requires="x14">
            <control shapeId="1050" r:id="rId26" name="Check Box 26">
              <controlPr defaultSize="0" autoFill="0" autoLine="0" autoPict="0">
                <anchor moveWithCells="1">
                  <from>
                    <xdr:col>5</xdr:col>
                    <xdr:colOff>104775</xdr:colOff>
                    <xdr:row>22</xdr:row>
                    <xdr:rowOff>161925</xdr:rowOff>
                  </from>
                  <to>
                    <xdr:col>5</xdr:col>
                    <xdr:colOff>323850</xdr:colOff>
                    <xdr:row>22</xdr:row>
                    <xdr:rowOff>381000</xdr:rowOff>
                  </to>
                </anchor>
              </controlPr>
            </control>
          </mc:Choice>
        </mc:AlternateContent>
        <mc:AlternateContent xmlns:mc="http://schemas.openxmlformats.org/markup-compatibility/2006">
          <mc:Choice Requires="x14">
            <control shapeId="1051" r:id="rId27" name="Check Box 27">
              <controlPr defaultSize="0" autoFill="0" autoLine="0" autoPict="0">
                <anchor moveWithCells="1">
                  <from>
                    <xdr:col>6</xdr:col>
                    <xdr:colOff>85725</xdr:colOff>
                    <xdr:row>23</xdr:row>
                    <xdr:rowOff>942975</xdr:rowOff>
                  </from>
                  <to>
                    <xdr:col>6</xdr:col>
                    <xdr:colOff>304800</xdr:colOff>
                    <xdr:row>23</xdr:row>
                    <xdr:rowOff>1162050</xdr:rowOff>
                  </to>
                </anchor>
              </controlPr>
            </control>
          </mc:Choice>
        </mc:AlternateContent>
        <mc:AlternateContent xmlns:mc="http://schemas.openxmlformats.org/markup-compatibility/2006">
          <mc:Choice Requires="x14">
            <control shapeId="1052" r:id="rId28" name="Check Box 28">
              <controlPr defaultSize="0" autoFill="0" autoLine="0" autoPict="0">
                <anchor moveWithCells="1">
                  <from>
                    <xdr:col>5</xdr:col>
                    <xdr:colOff>85725</xdr:colOff>
                    <xdr:row>23</xdr:row>
                    <xdr:rowOff>942975</xdr:rowOff>
                  </from>
                  <to>
                    <xdr:col>5</xdr:col>
                    <xdr:colOff>304800</xdr:colOff>
                    <xdr:row>23</xdr:row>
                    <xdr:rowOff>1162050</xdr:rowOff>
                  </to>
                </anchor>
              </controlPr>
            </control>
          </mc:Choice>
        </mc:AlternateContent>
        <mc:AlternateContent xmlns:mc="http://schemas.openxmlformats.org/markup-compatibility/2006">
          <mc:Choice Requires="x14">
            <control shapeId="1054" r:id="rId29" name="Check Box 30">
              <controlPr defaultSize="0" autoFill="0" autoLine="0" autoPict="0">
                <anchor moveWithCells="1">
                  <from>
                    <xdr:col>6</xdr:col>
                    <xdr:colOff>95250</xdr:colOff>
                    <xdr:row>24</xdr:row>
                    <xdr:rowOff>95250</xdr:rowOff>
                  </from>
                  <to>
                    <xdr:col>6</xdr:col>
                    <xdr:colOff>314325</xdr:colOff>
                    <xdr:row>24</xdr:row>
                    <xdr:rowOff>314325</xdr:rowOff>
                  </to>
                </anchor>
              </controlPr>
            </control>
          </mc:Choice>
        </mc:AlternateContent>
        <mc:AlternateContent xmlns:mc="http://schemas.openxmlformats.org/markup-compatibility/2006">
          <mc:Choice Requires="x14">
            <control shapeId="1055" r:id="rId30" name="Check Box 31">
              <controlPr defaultSize="0" autoFill="0" autoLine="0" autoPict="0">
                <anchor moveWithCells="1">
                  <from>
                    <xdr:col>6</xdr:col>
                    <xdr:colOff>95250</xdr:colOff>
                    <xdr:row>25</xdr:row>
                    <xdr:rowOff>85725</xdr:rowOff>
                  </from>
                  <to>
                    <xdr:col>6</xdr:col>
                    <xdr:colOff>314325</xdr:colOff>
                    <xdr:row>25</xdr:row>
                    <xdr:rowOff>304800</xdr:rowOff>
                  </to>
                </anchor>
              </controlPr>
            </control>
          </mc:Choice>
        </mc:AlternateContent>
        <mc:AlternateContent xmlns:mc="http://schemas.openxmlformats.org/markup-compatibility/2006">
          <mc:Choice Requires="x14">
            <control shapeId="1056" r:id="rId31" name="Check Box 32">
              <controlPr defaultSize="0" autoFill="0" autoLine="0" autoPict="0">
                <anchor moveWithCells="1">
                  <from>
                    <xdr:col>5</xdr:col>
                    <xdr:colOff>95250</xdr:colOff>
                    <xdr:row>24</xdr:row>
                    <xdr:rowOff>95250</xdr:rowOff>
                  </from>
                  <to>
                    <xdr:col>5</xdr:col>
                    <xdr:colOff>314325</xdr:colOff>
                    <xdr:row>24</xdr:row>
                    <xdr:rowOff>314325</xdr:rowOff>
                  </to>
                </anchor>
              </controlPr>
            </control>
          </mc:Choice>
        </mc:AlternateContent>
        <mc:AlternateContent xmlns:mc="http://schemas.openxmlformats.org/markup-compatibility/2006">
          <mc:Choice Requires="x14">
            <control shapeId="1057" r:id="rId32" name="Check Box 33">
              <controlPr defaultSize="0" autoFill="0" autoLine="0" autoPict="0">
                <anchor moveWithCells="1">
                  <from>
                    <xdr:col>5</xdr:col>
                    <xdr:colOff>85725</xdr:colOff>
                    <xdr:row>25</xdr:row>
                    <xdr:rowOff>85725</xdr:rowOff>
                  </from>
                  <to>
                    <xdr:col>5</xdr:col>
                    <xdr:colOff>304800</xdr:colOff>
                    <xdr:row>25</xdr:row>
                    <xdr:rowOff>304800</xdr:rowOff>
                  </to>
                </anchor>
              </controlPr>
            </control>
          </mc:Choice>
        </mc:AlternateContent>
        <mc:AlternateContent xmlns:mc="http://schemas.openxmlformats.org/markup-compatibility/2006">
          <mc:Choice Requires="x14">
            <control shapeId="1059" r:id="rId33" name="Check Box 35">
              <controlPr defaultSize="0" autoFill="0" autoLine="0" autoPict="0">
                <anchor moveWithCells="1">
                  <from>
                    <xdr:col>6</xdr:col>
                    <xdr:colOff>95250</xdr:colOff>
                    <xdr:row>31</xdr:row>
                    <xdr:rowOff>333375</xdr:rowOff>
                  </from>
                  <to>
                    <xdr:col>6</xdr:col>
                    <xdr:colOff>314325</xdr:colOff>
                    <xdr:row>31</xdr:row>
                    <xdr:rowOff>552450</xdr:rowOff>
                  </to>
                </anchor>
              </controlPr>
            </control>
          </mc:Choice>
        </mc:AlternateContent>
        <mc:AlternateContent xmlns:mc="http://schemas.openxmlformats.org/markup-compatibility/2006">
          <mc:Choice Requires="x14">
            <control shapeId="1061" r:id="rId34" name="Check Box 37">
              <controlPr defaultSize="0" autoFill="0" autoLine="0" autoPict="0">
                <anchor moveWithCells="1">
                  <from>
                    <xdr:col>5</xdr:col>
                    <xdr:colOff>85725</xdr:colOff>
                    <xdr:row>31</xdr:row>
                    <xdr:rowOff>333375</xdr:rowOff>
                  </from>
                  <to>
                    <xdr:col>5</xdr:col>
                    <xdr:colOff>304800</xdr:colOff>
                    <xdr:row>31</xdr:row>
                    <xdr:rowOff>552450</xdr:rowOff>
                  </to>
                </anchor>
              </controlPr>
            </control>
          </mc:Choice>
        </mc:AlternateContent>
        <mc:AlternateContent xmlns:mc="http://schemas.openxmlformats.org/markup-compatibility/2006">
          <mc:Choice Requires="x14">
            <control shapeId="1062" r:id="rId35" name="Check Box 38">
              <controlPr defaultSize="0" autoFill="0" autoLine="0" autoPict="0">
                <anchor moveWithCells="1">
                  <from>
                    <xdr:col>6</xdr:col>
                    <xdr:colOff>95250</xdr:colOff>
                    <xdr:row>32</xdr:row>
                    <xdr:rowOff>790575</xdr:rowOff>
                  </from>
                  <to>
                    <xdr:col>6</xdr:col>
                    <xdr:colOff>314325</xdr:colOff>
                    <xdr:row>33</xdr:row>
                    <xdr:rowOff>104775</xdr:rowOff>
                  </to>
                </anchor>
              </controlPr>
            </control>
          </mc:Choice>
        </mc:AlternateContent>
        <mc:AlternateContent xmlns:mc="http://schemas.openxmlformats.org/markup-compatibility/2006">
          <mc:Choice Requires="x14">
            <control shapeId="1063" r:id="rId36" name="Check Box 39">
              <controlPr defaultSize="0" autoFill="0" autoLine="0" autoPict="0">
                <anchor moveWithCells="1">
                  <from>
                    <xdr:col>5</xdr:col>
                    <xdr:colOff>66675</xdr:colOff>
                    <xdr:row>32</xdr:row>
                    <xdr:rowOff>781050</xdr:rowOff>
                  </from>
                  <to>
                    <xdr:col>5</xdr:col>
                    <xdr:colOff>285750</xdr:colOff>
                    <xdr:row>33</xdr:row>
                    <xdr:rowOff>95250</xdr:rowOff>
                  </to>
                </anchor>
              </controlPr>
            </control>
          </mc:Choice>
        </mc:AlternateContent>
        <mc:AlternateContent xmlns:mc="http://schemas.openxmlformats.org/markup-compatibility/2006">
          <mc:Choice Requires="x14">
            <control shapeId="1065" r:id="rId37" name="Check Box 41">
              <controlPr defaultSize="0" autoFill="0" autoLine="0" autoPict="0">
                <anchor moveWithCells="1">
                  <from>
                    <xdr:col>6</xdr:col>
                    <xdr:colOff>76200</xdr:colOff>
                    <xdr:row>34</xdr:row>
                    <xdr:rowOff>257175</xdr:rowOff>
                  </from>
                  <to>
                    <xdr:col>6</xdr:col>
                    <xdr:colOff>295275</xdr:colOff>
                    <xdr:row>34</xdr:row>
                    <xdr:rowOff>476250</xdr:rowOff>
                  </to>
                </anchor>
              </controlPr>
            </control>
          </mc:Choice>
        </mc:AlternateContent>
        <mc:AlternateContent xmlns:mc="http://schemas.openxmlformats.org/markup-compatibility/2006">
          <mc:Choice Requires="x14">
            <control shapeId="1066" r:id="rId38" name="Check Box 42">
              <controlPr defaultSize="0" autoFill="0" autoLine="0" autoPict="0">
                <anchor moveWithCells="1">
                  <from>
                    <xdr:col>5</xdr:col>
                    <xdr:colOff>95250</xdr:colOff>
                    <xdr:row>34</xdr:row>
                    <xdr:rowOff>257175</xdr:rowOff>
                  </from>
                  <to>
                    <xdr:col>5</xdr:col>
                    <xdr:colOff>314325</xdr:colOff>
                    <xdr:row>34</xdr:row>
                    <xdr:rowOff>476250</xdr:rowOff>
                  </to>
                </anchor>
              </controlPr>
            </control>
          </mc:Choice>
        </mc:AlternateContent>
        <mc:AlternateContent xmlns:mc="http://schemas.openxmlformats.org/markup-compatibility/2006">
          <mc:Choice Requires="x14">
            <control shapeId="1067" r:id="rId39" name="Check Box 43">
              <controlPr defaultSize="0" autoFill="0" autoLine="0" autoPict="0">
                <anchor moveWithCells="1">
                  <from>
                    <xdr:col>6</xdr:col>
                    <xdr:colOff>85725</xdr:colOff>
                    <xdr:row>35</xdr:row>
                    <xdr:rowOff>266700</xdr:rowOff>
                  </from>
                  <to>
                    <xdr:col>6</xdr:col>
                    <xdr:colOff>304800</xdr:colOff>
                    <xdr:row>35</xdr:row>
                    <xdr:rowOff>485775</xdr:rowOff>
                  </to>
                </anchor>
              </controlPr>
            </control>
          </mc:Choice>
        </mc:AlternateContent>
        <mc:AlternateContent xmlns:mc="http://schemas.openxmlformats.org/markup-compatibility/2006">
          <mc:Choice Requires="x14">
            <control shapeId="1068" r:id="rId40" name="Check Box 44">
              <controlPr defaultSize="0" autoFill="0" autoLine="0" autoPict="0">
                <anchor moveWithCells="1">
                  <from>
                    <xdr:col>5</xdr:col>
                    <xdr:colOff>95250</xdr:colOff>
                    <xdr:row>35</xdr:row>
                    <xdr:rowOff>257175</xdr:rowOff>
                  </from>
                  <to>
                    <xdr:col>5</xdr:col>
                    <xdr:colOff>314325</xdr:colOff>
                    <xdr:row>35</xdr:row>
                    <xdr:rowOff>476250</xdr:rowOff>
                  </to>
                </anchor>
              </controlPr>
            </control>
          </mc:Choice>
        </mc:AlternateContent>
        <mc:AlternateContent xmlns:mc="http://schemas.openxmlformats.org/markup-compatibility/2006">
          <mc:Choice Requires="x14">
            <control shapeId="1069" r:id="rId41" name="Check Box 45">
              <controlPr defaultSize="0" autoFill="0" autoLine="0" autoPict="0">
                <anchor moveWithCells="1">
                  <from>
                    <xdr:col>6</xdr:col>
                    <xdr:colOff>85725</xdr:colOff>
                    <xdr:row>36</xdr:row>
                    <xdr:rowOff>447675</xdr:rowOff>
                  </from>
                  <to>
                    <xdr:col>6</xdr:col>
                    <xdr:colOff>304800</xdr:colOff>
                    <xdr:row>37</xdr:row>
                    <xdr:rowOff>200025</xdr:rowOff>
                  </to>
                </anchor>
              </controlPr>
            </control>
          </mc:Choice>
        </mc:AlternateContent>
        <mc:AlternateContent xmlns:mc="http://schemas.openxmlformats.org/markup-compatibility/2006">
          <mc:Choice Requires="x14">
            <control shapeId="1070" r:id="rId42" name="Check Box 46">
              <controlPr defaultSize="0" autoFill="0" autoLine="0" autoPict="0">
                <anchor moveWithCells="1">
                  <from>
                    <xdr:col>5</xdr:col>
                    <xdr:colOff>76200</xdr:colOff>
                    <xdr:row>36</xdr:row>
                    <xdr:rowOff>438150</xdr:rowOff>
                  </from>
                  <to>
                    <xdr:col>5</xdr:col>
                    <xdr:colOff>295275</xdr:colOff>
                    <xdr:row>37</xdr:row>
                    <xdr:rowOff>190500</xdr:rowOff>
                  </to>
                </anchor>
              </controlPr>
            </control>
          </mc:Choice>
        </mc:AlternateContent>
        <mc:AlternateContent xmlns:mc="http://schemas.openxmlformats.org/markup-compatibility/2006">
          <mc:Choice Requires="x14">
            <control shapeId="1071" r:id="rId43" name="Check Box 47">
              <controlPr defaultSize="0" autoFill="0" autoLine="0" autoPict="0">
                <anchor moveWithCells="1">
                  <from>
                    <xdr:col>6</xdr:col>
                    <xdr:colOff>104775</xdr:colOff>
                    <xdr:row>38</xdr:row>
                    <xdr:rowOff>152400</xdr:rowOff>
                  </from>
                  <to>
                    <xdr:col>6</xdr:col>
                    <xdr:colOff>323850</xdr:colOff>
                    <xdr:row>38</xdr:row>
                    <xdr:rowOff>371475</xdr:rowOff>
                  </to>
                </anchor>
              </controlPr>
            </control>
          </mc:Choice>
        </mc:AlternateContent>
        <mc:AlternateContent xmlns:mc="http://schemas.openxmlformats.org/markup-compatibility/2006">
          <mc:Choice Requires="x14">
            <control shapeId="1072" r:id="rId44" name="Check Box 48">
              <controlPr defaultSize="0" autoFill="0" autoLine="0" autoPict="0">
                <anchor moveWithCells="1">
                  <from>
                    <xdr:col>5</xdr:col>
                    <xdr:colOff>66675</xdr:colOff>
                    <xdr:row>38</xdr:row>
                    <xdr:rowOff>142875</xdr:rowOff>
                  </from>
                  <to>
                    <xdr:col>5</xdr:col>
                    <xdr:colOff>285750</xdr:colOff>
                    <xdr:row>38</xdr:row>
                    <xdr:rowOff>361950</xdr:rowOff>
                  </to>
                </anchor>
              </controlPr>
            </control>
          </mc:Choice>
        </mc:AlternateContent>
        <mc:AlternateContent xmlns:mc="http://schemas.openxmlformats.org/markup-compatibility/2006">
          <mc:Choice Requires="x14">
            <control shapeId="1073" r:id="rId45" name="Check Box 49">
              <controlPr defaultSize="0" autoFill="0" autoLine="0" autoPict="0">
                <anchor moveWithCells="1">
                  <from>
                    <xdr:col>6</xdr:col>
                    <xdr:colOff>114300</xdr:colOff>
                    <xdr:row>39</xdr:row>
                    <xdr:rowOff>209550</xdr:rowOff>
                  </from>
                  <to>
                    <xdr:col>6</xdr:col>
                    <xdr:colOff>333375</xdr:colOff>
                    <xdr:row>39</xdr:row>
                    <xdr:rowOff>428625</xdr:rowOff>
                  </to>
                </anchor>
              </controlPr>
            </control>
          </mc:Choice>
        </mc:AlternateContent>
        <mc:AlternateContent xmlns:mc="http://schemas.openxmlformats.org/markup-compatibility/2006">
          <mc:Choice Requires="x14">
            <control shapeId="1074" r:id="rId46" name="Check Box 50">
              <controlPr defaultSize="0" autoFill="0" autoLine="0" autoPict="0">
                <anchor moveWithCells="1">
                  <from>
                    <xdr:col>5</xdr:col>
                    <xdr:colOff>76200</xdr:colOff>
                    <xdr:row>39</xdr:row>
                    <xdr:rowOff>209550</xdr:rowOff>
                  </from>
                  <to>
                    <xdr:col>5</xdr:col>
                    <xdr:colOff>295275</xdr:colOff>
                    <xdr:row>39</xdr:row>
                    <xdr:rowOff>428625</xdr:rowOff>
                  </to>
                </anchor>
              </controlPr>
            </control>
          </mc:Choice>
        </mc:AlternateContent>
        <mc:AlternateContent xmlns:mc="http://schemas.openxmlformats.org/markup-compatibility/2006">
          <mc:Choice Requires="x14">
            <control shapeId="1075" r:id="rId47" name="Check Box 51">
              <controlPr defaultSize="0" autoFill="0" autoLine="0" autoPict="0">
                <anchor moveWithCells="1">
                  <from>
                    <xdr:col>7</xdr:col>
                    <xdr:colOff>76200</xdr:colOff>
                    <xdr:row>40</xdr:row>
                    <xdr:rowOff>1352550</xdr:rowOff>
                  </from>
                  <to>
                    <xdr:col>7</xdr:col>
                    <xdr:colOff>295275</xdr:colOff>
                    <xdr:row>40</xdr:row>
                    <xdr:rowOff>1571625</xdr:rowOff>
                  </to>
                </anchor>
              </controlPr>
            </control>
          </mc:Choice>
        </mc:AlternateContent>
        <mc:AlternateContent xmlns:mc="http://schemas.openxmlformats.org/markup-compatibility/2006">
          <mc:Choice Requires="x14">
            <control shapeId="1076" r:id="rId48" name="Check Box 52">
              <controlPr defaultSize="0" autoFill="0" autoLine="0" autoPict="0">
                <anchor moveWithCells="1">
                  <from>
                    <xdr:col>6</xdr:col>
                    <xdr:colOff>76200</xdr:colOff>
                    <xdr:row>40</xdr:row>
                    <xdr:rowOff>1352550</xdr:rowOff>
                  </from>
                  <to>
                    <xdr:col>6</xdr:col>
                    <xdr:colOff>295275</xdr:colOff>
                    <xdr:row>40</xdr:row>
                    <xdr:rowOff>1571625</xdr:rowOff>
                  </to>
                </anchor>
              </controlPr>
            </control>
          </mc:Choice>
        </mc:AlternateContent>
        <mc:AlternateContent xmlns:mc="http://schemas.openxmlformats.org/markup-compatibility/2006">
          <mc:Choice Requires="x14">
            <control shapeId="1077" r:id="rId49" name="Check Box 53">
              <controlPr defaultSize="0" autoFill="0" autoLine="0" autoPict="0">
                <anchor moveWithCells="1">
                  <from>
                    <xdr:col>5</xdr:col>
                    <xdr:colOff>95250</xdr:colOff>
                    <xdr:row>40</xdr:row>
                    <xdr:rowOff>1343025</xdr:rowOff>
                  </from>
                  <to>
                    <xdr:col>5</xdr:col>
                    <xdr:colOff>314325</xdr:colOff>
                    <xdr:row>40</xdr:row>
                    <xdr:rowOff>1562100</xdr:rowOff>
                  </to>
                </anchor>
              </controlPr>
            </control>
          </mc:Choice>
        </mc:AlternateContent>
        <mc:AlternateContent xmlns:mc="http://schemas.openxmlformats.org/markup-compatibility/2006">
          <mc:Choice Requires="x14">
            <control shapeId="1078" r:id="rId50" name="Check Box 54">
              <controlPr defaultSize="0" autoFill="0" autoLine="0" autoPict="0">
                <anchor moveWithCells="1">
                  <from>
                    <xdr:col>7</xdr:col>
                    <xdr:colOff>95250</xdr:colOff>
                    <xdr:row>41</xdr:row>
                    <xdr:rowOff>228600</xdr:rowOff>
                  </from>
                  <to>
                    <xdr:col>7</xdr:col>
                    <xdr:colOff>314325</xdr:colOff>
                    <xdr:row>41</xdr:row>
                    <xdr:rowOff>447675</xdr:rowOff>
                  </to>
                </anchor>
              </controlPr>
            </control>
          </mc:Choice>
        </mc:AlternateContent>
        <mc:AlternateContent xmlns:mc="http://schemas.openxmlformats.org/markup-compatibility/2006">
          <mc:Choice Requires="x14">
            <control shapeId="1079" r:id="rId51" name="Check Box 55">
              <controlPr defaultSize="0" autoFill="0" autoLine="0" autoPict="0">
                <anchor moveWithCells="1">
                  <from>
                    <xdr:col>6</xdr:col>
                    <xdr:colOff>76200</xdr:colOff>
                    <xdr:row>41</xdr:row>
                    <xdr:rowOff>228600</xdr:rowOff>
                  </from>
                  <to>
                    <xdr:col>6</xdr:col>
                    <xdr:colOff>295275</xdr:colOff>
                    <xdr:row>41</xdr:row>
                    <xdr:rowOff>447675</xdr:rowOff>
                  </to>
                </anchor>
              </controlPr>
            </control>
          </mc:Choice>
        </mc:AlternateContent>
        <mc:AlternateContent xmlns:mc="http://schemas.openxmlformats.org/markup-compatibility/2006">
          <mc:Choice Requires="x14">
            <control shapeId="1080" r:id="rId52" name="Check Box 56">
              <controlPr defaultSize="0" autoFill="0" autoLine="0" autoPict="0">
                <anchor moveWithCells="1">
                  <from>
                    <xdr:col>5</xdr:col>
                    <xdr:colOff>85725</xdr:colOff>
                    <xdr:row>41</xdr:row>
                    <xdr:rowOff>219075</xdr:rowOff>
                  </from>
                  <to>
                    <xdr:col>5</xdr:col>
                    <xdr:colOff>304800</xdr:colOff>
                    <xdr:row>41</xdr:row>
                    <xdr:rowOff>438150</xdr:rowOff>
                  </to>
                </anchor>
              </controlPr>
            </control>
          </mc:Choice>
        </mc:AlternateContent>
        <mc:AlternateContent xmlns:mc="http://schemas.openxmlformats.org/markup-compatibility/2006">
          <mc:Choice Requires="x14">
            <control shapeId="1081" r:id="rId53" name="Check Box 57">
              <controlPr defaultSize="0" autoFill="0" autoLine="0" autoPict="0">
                <anchor moveWithCells="1">
                  <from>
                    <xdr:col>7</xdr:col>
                    <xdr:colOff>76200</xdr:colOff>
                    <xdr:row>42</xdr:row>
                    <xdr:rowOff>161925</xdr:rowOff>
                  </from>
                  <to>
                    <xdr:col>7</xdr:col>
                    <xdr:colOff>295275</xdr:colOff>
                    <xdr:row>42</xdr:row>
                    <xdr:rowOff>381000</xdr:rowOff>
                  </to>
                </anchor>
              </controlPr>
            </control>
          </mc:Choice>
        </mc:AlternateContent>
        <mc:AlternateContent xmlns:mc="http://schemas.openxmlformats.org/markup-compatibility/2006">
          <mc:Choice Requires="x14">
            <control shapeId="1083" r:id="rId54" name="Check Box 59">
              <controlPr defaultSize="0" autoFill="0" autoLine="0" autoPict="0">
                <anchor moveWithCells="1">
                  <from>
                    <xdr:col>6</xdr:col>
                    <xdr:colOff>85725</xdr:colOff>
                    <xdr:row>42</xdr:row>
                    <xdr:rowOff>161925</xdr:rowOff>
                  </from>
                  <to>
                    <xdr:col>6</xdr:col>
                    <xdr:colOff>304800</xdr:colOff>
                    <xdr:row>42</xdr:row>
                    <xdr:rowOff>381000</xdr:rowOff>
                  </to>
                </anchor>
              </controlPr>
            </control>
          </mc:Choice>
        </mc:AlternateContent>
        <mc:AlternateContent xmlns:mc="http://schemas.openxmlformats.org/markup-compatibility/2006">
          <mc:Choice Requires="x14">
            <control shapeId="1085" r:id="rId55" name="Check Box 61">
              <controlPr defaultSize="0" autoFill="0" autoLine="0" autoPict="0">
                <anchor moveWithCells="1">
                  <from>
                    <xdr:col>5</xdr:col>
                    <xdr:colOff>85725</xdr:colOff>
                    <xdr:row>42</xdr:row>
                    <xdr:rowOff>152400</xdr:rowOff>
                  </from>
                  <to>
                    <xdr:col>5</xdr:col>
                    <xdr:colOff>304800</xdr:colOff>
                    <xdr:row>42</xdr:row>
                    <xdr:rowOff>371475</xdr:rowOff>
                  </to>
                </anchor>
              </controlPr>
            </control>
          </mc:Choice>
        </mc:AlternateContent>
        <mc:AlternateContent xmlns:mc="http://schemas.openxmlformats.org/markup-compatibility/2006">
          <mc:Choice Requires="x14">
            <control shapeId="1086" r:id="rId56" name="Check Box 62">
              <controlPr defaultSize="0" autoFill="0" autoLine="0" autoPict="0">
                <anchor moveWithCells="1">
                  <from>
                    <xdr:col>5</xdr:col>
                    <xdr:colOff>85725</xdr:colOff>
                    <xdr:row>44</xdr:row>
                    <xdr:rowOff>876300</xdr:rowOff>
                  </from>
                  <to>
                    <xdr:col>5</xdr:col>
                    <xdr:colOff>304800</xdr:colOff>
                    <xdr:row>45</xdr:row>
                    <xdr:rowOff>85725</xdr:rowOff>
                  </to>
                </anchor>
              </controlPr>
            </control>
          </mc:Choice>
        </mc:AlternateContent>
        <mc:AlternateContent xmlns:mc="http://schemas.openxmlformats.org/markup-compatibility/2006">
          <mc:Choice Requires="x14">
            <control shapeId="1087" r:id="rId57" name="Check Box 63">
              <controlPr defaultSize="0" autoFill="0" autoLine="0" autoPict="0">
                <anchor moveWithCells="1">
                  <from>
                    <xdr:col>6</xdr:col>
                    <xdr:colOff>123825</xdr:colOff>
                    <xdr:row>44</xdr:row>
                    <xdr:rowOff>885825</xdr:rowOff>
                  </from>
                  <to>
                    <xdr:col>6</xdr:col>
                    <xdr:colOff>342900</xdr:colOff>
                    <xdr:row>45</xdr:row>
                    <xdr:rowOff>95250</xdr:rowOff>
                  </to>
                </anchor>
              </controlPr>
            </control>
          </mc:Choice>
        </mc:AlternateContent>
        <mc:AlternateContent xmlns:mc="http://schemas.openxmlformats.org/markup-compatibility/2006">
          <mc:Choice Requires="x14">
            <control shapeId="1089" r:id="rId58" name="Check Box 65">
              <controlPr defaultSize="0" autoFill="0" autoLine="0" autoPict="0">
                <anchor moveWithCells="1">
                  <from>
                    <xdr:col>6</xdr:col>
                    <xdr:colOff>85725</xdr:colOff>
                    <xdr:row>46</xdr:row>
                    <xdr:rowOff>352425</xdr:rowOff>
                  </from>
                  <to>
                    <xdr:col>6</xdr:col>
                    <xdr:colOff>304800</xdr:colOff>
                    <xdr:row>46</xdr:row>
                    <xdr:rowOff>571500</xdr:rowOff>
                  </to>
                </anchor>
              </controlPr>
            </control>
          </mc:Choice>
        </mc:AlternateContent>
        <mc:AlternateContent xmlns:mc="http://schemas.openxmlformats.org/markup-compatibility/2006">
          <mc:Choice Requires="x14">
            <control shapeId="1090" r:id="rId59" name="Check Box 66">
              <controlPr defaultSize="0" autoFill="0" autoLine="0" autoPict="0">
                <anchor moveWithCells="1">
                  <from>
                    <xdr:col>5</xdr:col>
                    <xdr:colOff>76200</xdr:colOff>
                    <xdr:row>46</xdr:row>
                    <xdr:rowOff>342900</xdr:rowOff>
                  </from>
                  <to>
                    <xdr:col>5</xdr:col>
                    <xdr:colOff>295275</xdr:colOff>
                    <xdr:row>46</xdr:row>
                    <xdr:rowOff>561975</xdr:rowOff>
                  </to>
                </anchor>
              </controlPr>
            </control>
          </mc:Choice>
        </mc:AlternateContent>
        <mc:AlternateContent xmlns:mc="http://schemas.openxmlformats.org/markup-compatibility/2006">
          <mc:Choice Requires="x14">
            <control shapeId="1091" r:id="rId60" name="Check Box 67">
              <controlPr defaultSize="0" autoFill="0" autoLine="0" autoPict="0">
                <anchor moveWithCells="1">
                  <from>
                    <xdr:col>6</xdr:col>
                    <xdr:colOff>95250</xdr:colOff>
                    <xdr:row>47</xdr:row>
                    <xdr:rowOff>342900</xdr:rowOff>
                  </from>
                  <to>
                    <xdr:col>6</xdr:col>
                    <xdr:colOff>314325</xdr:colOff>
                    <xdr:row>47</xdr:row>
                    <xdr:rowOff>561975</xdr:rowOff>
                  </to>
                </anchor>
              </controlPr>
            </control>
          </mc:Choice>
        </mc:AlternateContent>
        <mc:AlternateContent xmlns:mc="http://schemas.openxmlformats.org/markup-compatibility/2006">
          <mc:Choice Requires="x14">
            <control shapeId="1092" r:id="rId61" name="Check Box 68">
              <controlPr defaultSize="0" autoFill="0" autoLine="0" autoPict="0">
                <anchor moveWithCells="1">
                  <from>
                    <xdr:col>5</xdr:col>
                    <xdr:colOff>76200</xdr:colOff>
                    <xdr:row>47</xdr:row>
                    <xdr:rowOff>352425</xdr:rowOff>
                  </from>
                  <to>
                    <xdr:col>5</xdr:col>
                    <xdr:colOff>295275</xdr:colOff>
                    <xdr:row>47</xdr:row>
                    <xdr:rowOff>571500</xdr:rowOff>
                  </to>
                </anchor>
              </controlPr>
            </control>
          </mc:Choice>
        </mc:AlternateContent>
        <mc:AlternateContent xmlns:mc="http://schemas.openxmlformats.org/markup-compatibility/2006">
          <mc:Choice Requires="x14">
            <control shapeId="1093" r:id="rId62" name="Check Box 69">
              <controlPr defaultSize="0" autoFill="0" autoLine="0" autoPict="0">
                <anchor moveWithCells="1">
                  <from>
                    <xdr:col>7</xdr:col>
                    <xdr:colOff>76200</xdr:colOff>
                    <xdr:row>48</xdr:row>
                    <xdr:rowOff>400050</xdr:rowOff>
                  </from>
                  <to>
                    <xdr:col>7</xdr:col>
                    <xdr:colOff>295275</xdr:colOff>
                    <xdr:row>48</xdr:row>
                    <xdr:rowOff>619125</xdr:rowOff>
                  </to>
                </anchor>
              </controlPr>
            </control>
          </mc:Choice>
        </mc:AlternateContent>
        <mc:AlternateContent xmlns:mc="http://schemas.openxmlformats.org/markup-compatibility/2006">
          <mc:Choice Requires="x14">
            <control shapeId="1094" r:id="rId63" name="Check Box 70">
              <controlPr defaultSize="0" autoFill="0" autoLine="0" autoPict="0">
                <anchor moveWithCells="1">
                  <from>
                    <xdr:col>6</xdr:col>
                    <xdr:colOff>85725</xdr:colOff>
                    <xdr:row>48</xdr:row>
                    <xdr:rowOff>400050</xdr:rowOff>
                  </from>
                  <to>
                    <xdr:col>6</xdr:col>
                    <xdr:colOff>304800</xdr:colOff>
                    <xdr:row>48</xdr:row>
                    <xdr:rowOff>619125</xdr:rowOff>
                  </to>
                </anchor>
              </controlPr>
            </control>
          </mc:Choice>
        </mc:AlternateContent>
        <mc:AlternateContent xmlns:mc="http://schemas.openxmlformats.org/markup-compatibility/2006">
          <mc:Choice Requires="x14">
            <control shapeId="1095" r:id="rId64" name="Check Box 71">
              <controlPr defaultSize="0" autoFill="0" autoLine="0" autoPict="0">
                <anchor moveWithCells="1">
                  <from>
                    <xdr:col>5</xdr:col>
                    <xdr:colOff>85725</xdr:colOff>
                    <xdr:row>48</xdr:row>
                    <xdr:rowOff>400050</xdr:rowOff>
                  </from>
                  <to>
                    <xdr:col>5</xdr:col>
                    <xdr:colOff>304800</xdr:colOff>
                    <xdr:row>48</xdr:row>
                    <xdr:rowOff>619125</xdr:rowOff>
                  </to>
                </anchor>
              </controlPr>
            </control>
          </mc:Choice>
        </mc:AlternateContent>
        <mc:AlternateContent xmlns:mc="http://schemas.openxmlformats.org/markup-compatibility/2006">
          <mc:Choice Requires="x14">
            <control shapeId="1097" r:id="rId65" name="Check Box 73">
              <controlPr defaultSize="0" autoFill="0" autoLine="0" autoPict="0">
                <anchor moveWithCells="1">
                  <from>
                    <xdr:col>6</xdr:col>
                    <xdr:colOff>104775</xdr:colOff>
                    <xdr:row>49</xdr:row>
                    <xdr:rowOff>323850</xdr:rowOff>
                  </from>
                  <to>
                    <xdr:col>6</xdr:col>
                    <xdr:colOff>323850</xdr:colOff>
                    <xdr:row>49</xdr:row>
                    <xdr:rowOff>542925</xdr:rowOff>
                  </to>
                </anchor>
              </controlPr>
            </control>
          </mc:Choice>
        </mc:AlternateContent>
        <mc:AlternateContent xmlns:mc="http://schemas.openxmlformats.org/markup-compatibility/2006">
          <mc:Choice Requires="x14">
            <control shapeId="1098" r:id="rId66" name="Check Box 74">
              <controlPr defaultSize="0" autoFill="0" autoLine="0" autoPict="0">
                <anchor moveWithCells="1">
                  <from>
                    <xdr:col>5</xdr:col>
                    <xdr:colOff>95250</xdr:colOff>
                    <xdr:row>49</xdr:row>
                    <xdr:rowOff>323850</xdr:rowOff>
                  </from>
                  <to>
                    <xdr:col>5</xdr:col>
                    <xdr:colOff>314325</xdr:colOff>
                    <xdr:row>49</xdr:row>
                    <xdr:rowOff>542925</xdr:rowOff>
                  </to>
                </anchor>
              </controlPr>
            </control>
          </mc:Choice>
        </mc:AlternateContent>
        <mc:AlternateContent xmlns:mc="http://schemas.openxmlformats.org/markup-compatibility/2006">
          <mc:Choice Requires="x14">
            <control shapeId="1099" r:id="rId67" name="Check Box 75">
              <controlPr defaultSize="0" autoFill="0" autoLine="0" autoPict="0">
                <anchor moveWithCells="1">
                  <from>
                    <xdr:col>6</xdr:col>
                    <xdr:colOff>95250</xdr:colOff>
                    <xdr:row>50</xdr:row>
                    <xdr:rowOff>628650</xdr:rowOff>
                  </from>
                  <to>
                    <xdr:col>6</xdr:col>
                    <xdr:colOff>314325</xdr:colOff>
                    <xdr:row>50</xdr:row>
                    <xdr:rowOff>847725</xdr:rowOff>
                  </to>
                </anchor>
              </controlPr>
            </control>
          </mc:Choice>
        </mc:AlternateContent>
        <mc:AlternateContent xmlns:mc="http://schemas.openxmlformats.org/markup-compatibility/2006">
          <mc:Choice Requires="x14">
            <control shapeId="1100" r:id="rId68" name="Check Box 76">
              <controlPr defaultSize="0" autoFill="0" autoLine="0" autoPict="0">
                <anchor moveWithCells="1">
                  <from>
                    <xdr:col>5</xdr:col>
                    <xdr:colOff>66675</xdr:colOff>
                    <xdr:row>50</xdr:row>
                    <xdr:rowOff>619125</xdr:rowOff>
                  </from>
                  <to>
                    <xdr:col>5</xdr:col>
                    <xdr:colOff>285750</xdr:colOff>
                    <xdr:row>50</xdr:row>
                    <xdr:rowOff>838200</xdr:rowOff>
                  </to>
                </anchor>
              </controlPr>
            </control>
          </mc:Choice>
        </mc:AlternateContent>
        <mc:AlternateContent xmlns:mc="http://schemas.openxmlformats.org/markup-compatibility/2006">
          <mc:Choice Requires="x14">
            <control shapeId="1101" r:id="rId69" name="Check Box 77">
              <controlPr defaultSize="0" autoFill="0" autoLine="0" autoPict="0">
                <anchor moveWithCells="1">
                  <from>
                    <xdr:col>6</xdr:col>
                    <xdr:colOff>85725</xdr:colOff>
                    <xdr:row>51</xdr:row>
                    <xdr:rowOff>352425</xdr:rowOff>
                  </from>
                  <to>
                    <xdr:col>6</xdr:col>
                    <xdr:colOff>304800</xdr:colOff>
                    <xdr:row>51</xdr:row>
                    <xdr:rowOff>571500</xdr:rowOff>
                  </to>
                </anchor>
              </controlPr>
            </control>
          </mc:Choice>
        </mc:AlternateContent>
        <mc:AlternateContent xmlns:mc="http://schemas.openxmlformats.org/markup-compatibility/2006">
          <mc:Choice Requires="x14">
            <control shapeId="1102" r:id="rId70" name="Check Box 78">
              <controlPr defaultSize="0" autoFill="0" autoLine="0" autoPict="0">
                <anchor moveWithCells="1">
                  <from>
                    <xdr:col>5</xdr:col>
                    <xdr:colOff>95250</xdr:colOff>
                    <xdr:row>51</xdr:row>
                    <xdr:rowOff>352425</xdr:rowOff>
                  </from>
                  <to>
                    <xdr:col>5</xdr:col>
                    <xdr:colOff>314325</xdr:colOff>
                    <xdr:row>51</xdr:row>
                    <xdr:rowOff>571500</xdr:rowOff>
                  </to>
                </anchor>
              </controlPr>
            </control>
          </mc:Choice>
        </mc:AlternateContent>
        <mc:AlternateContent xmlns:mc="http://schemas.openxmlformats.org/markup-compatibility/2006">
          <mc:Choice Requires="x14">
            <control shapeId="1103" r:id="rId71" name="Check Box 79">
              <controlPr defaultSize="0" autoFill="0" autoLine="0" autoPict="0">
                <anchor moveWithCells="1">
                  <from>
                    <xdr:col>5</xdr:col>
                    <xdr:colOff>66675</xdr:colOff>
                    <xdr:row>52</xdr:row>
                    <xdr:rowOff>552450</xdr:rowOff>
                  </from>
                  <to>
                    <xdr:col>5</xdr:col>
                    <xdr:colOff>285750</xdr:colOff>
                    <xdr:row>52</xdr:row>
                    <xdr:rowOff>771525</xdr:rowOff>
                  </to>
                </anchor>
              </controlPr>
            </control>
          </mc:Choice>
        </mc:AlternateContent>
        <mc:AlternateContent xmlns:mc="http://schemas.openxmlformats.org/markup-compatibility/2006">
          <mc:Choice Requires="x14">
            <control shapeId="1104" r:id="rId72" name="Check Box 80">
              <controlPr defaultSize="0" autoFill="0" autoLine="0" autoPict="0">
                <anchor moveWithCells="1">
                  <from>
                    <xdr:col>6</xdr:col>
                    <xdr:colOff>95250</xdr:colOff>
                    <xdr:row>52</xdr:row>
                    <xdr:rowOff>542925</xdr:rowOff>
                  </from>
                  <to>
                    <xdr:col>6</xdr:col>
                    <xdr:colOff>314325</xdr:colOff>
                    <xdr:row>52</xdr:row>
                    <xdr:rowOff>762000</xdr:rowOff>
                  </to>
                </anchor>
              </controlPr>
            </control>
          </mc:Choice>
        </mc:AlternateContent>
        <mc:AlternateContent xmlns:mc="http://schemas.openxmlformats.org/markup-compatibility/2006">
          <mc:Choice Requires="x14">
            <control shapeId="1106" r:id="rId73" name="Check Box 82">
              <controlPr defaultSize="0" autoFill="0" autoLine="0" autoPict="0">
                <anchor moveWithCells="1">
                  <from>
                    <xdr:col>5</xdr:col>
                    <xdr:colOff>76200</xdr:colOff>
                    <xdr:row>53</xdr:row>
                    <xdr:rowOff>438150</xdr:rowOff>
                  </from>
                  <to>
                    <xdr:col>5</xdr:col>
                    <xdr:colOff>295275</xdr:colOff>
                    <xdr:row>53</xdr:row>
                    <xdr:rowOff>657225</xdr:rowOff>
                  </to>
                </anchor>
              </controlPr>
            </control>
          </mc:Choice>
        </mc:AlternateContent>
        <mc:AlternateContent xmlns:mc="http://schemas.openxmlformats.org/markup-compatibility/2006">
          <mc:Choice Requires="x14">
            <control shapeId="1108" r:id="rId74" name="Check Box 84">
              <controlPr defaultSize="0" autoFill="0" autoLine="0" autoPict="0">
                <anchor moveWithCells="1">
                  <from>
                    <xdr:col>6</xdr:col>
                    <xdr:colOff>85725</xdr:colOff>
                    <xdr:row>53</xdr:row>
                    <xdr:rowOff>438150</xdr:rowOff>
                  </from>
                  <to>
                    <xdr:col>6</xdr:col>
                    <xdr:colOff>304800</xdr:colOff>
                    <xdr:row>53</xdr:row>
                    <xdr:rowOff>657225</xdr:rowOff>
                  </to>
                </anchor>
              </controlPr>
            </control>
          </mc:Choice>
        </mc:AlternateContent>
        <mc:AlternateContent xmlns:mc="http://schemas.openxmlformats.org/markup-compatibility/2006">
          <mc:Choice Requires="x14">
            <control shapeId="1110" r:id="rId75" name="Check Box 86">
              <controlPr defaultSize="0" autoFill="0" autoLine="0" autoPict="0">
                <anchor moveWithCells="1">
                  <from>
                    <xdr:col>5</xdr:col>
                    <xdr:colOff>85725</xdr:colOff>
                    <xdr:row>54</xdr:row>
                    <xdr:rowOff>485775</xdr:rowOff>
                  </from>
                  <to>
                    <xdr:col>5</xdr:col>
                    <xdr:colOff>304800</xdr:colOff>
                    <xdr:row>54</xdr:row>
                    <xdr:rowOff>704850</xdr:rowOff>
                  </to>
                </anchor>
              </controlPr>
            </control>
          </mc:Choice>
        </mc:AlternateContent>
        <mc:AlternateContent xmlns:mc="http://schemas.openxmlformats.org/markup-compatibility/2006">
          <mc:Choice Requires="x14">
            <control shapeId="1111" r:id="rId76" name="Check Box 87">
              <controlPr defaultSize="0" autoFill="0" autoLine="0" autoPict="0">
                <anchor moveWithCells="1">
                  <from>
                    <xdr:col>6</xdr:col>
                    <xdr:colOff>95250</xdr:colOff>
                    <xdr:row>54</xdr:row>
                    <xdr:rowOff>485775</xdr:rowOff>
                  </from>
                  <to>
                    <xdr:col>6</xdr:col>
                    <xdr:colOff>314325</xdr:colOff>
                    <xdr:row>54</xdr:row>
                    <xdr:rowOff>704850</xdr:rowOff>
                  </to>
                </anchor>
              </controlPr>
            </control>
          </mc:Choice>
        </mc:AlternateContent>
        <mc:AlternateContent xmlns:mc="http://schemas.openxmlformats.org/markup-compatibility/2006">
          <mc:Choice Requires="x14">
            <control shapeId="1112" r:id="rId77" name="Check Box 88">
              <controlPr defaultSize="0" autoFill="0" autoLine="0" autoPict="0">
                <anchor moveWithCells="1">
                  <from>
                    <xdr:col>7</xdr:col>
                    <xdr:colOff>85725</xdr:colOff>
                    <xdr:row>54</xdr:row>
                    <xdr:rowOff>485775</xdr:rowOff>
                  </from>
                  <to>
                    <xdr:col>7</xdr:col>
                    <xdr:colOff>304800</xdr:colOff>
                    <xdr:row>54</xdr:row>
                    <xdr:rowOff>704850</xdr:rowOff>
                  </to>
                </anchor>
              </controlPr>
            </control>
          </mc:Choice>
        </mc:AlternateContent>
        <mc:AlternateContent xmlns:mc="http://schemas.openxmlformats.org/markup-compatibility/2006">
          <mc:Choice Requires="x14">
            <control shapeId="1113" r:id="rId78" name="Check Box 89">
              <controlPr defaultSize="0" autoFill="0" autoLine="0" autoPict="0">
                <anchor moveWithCells="1">
                  <from>
                    <xdr:col>6</xdr:col>
                    <xdr:colOff>95250</xdr:colOff>
                    <xdr:row>56</xdr:row>
                    <xdr:rowOff>266700</xdr:rowOff>
                  </from>
                  <to>
                    <xdr:col>6</xdr:col>
                    <xdr:colOff>314325</xdr:colOff>
                    <xdr:row>56</xdr:row>
                    <xdr:rowOff>485775</xdr:rowOff>
                  </to>
                </anchor>
              </controlPr>
            </control>
          </mc:Choice>
        </mc:AlternateContent>
        <mc:AlternateContent xmlns:mc="http://schemas.openxmlformats.org/markup-compatibility/2006">
          <mc:Choice Requires="x14">
            <control shapeId="1114" r:id="rId79" name="Check Box 90">
              <controlPr defaultSize="0" autoFill="0" autoLine="0" autoPict="0">
                <anchor moveWithCells="1">
                  <from>
                    <xdr:col>6</xdr:col>
                    <xdr:colOff>85725</xdr:colOff>
                    <xdr:row>55</xdr:row>
                    <xdr:rowOff>342900</xdr:rowOff>
                  </from>
                  <to>
                    <xdr:col>6</xdr:col>
                    <xdr:colOff>304800</xdr:colOff>
                    <xdr:row>55</xdr:row>
                    <xdr:rowOff>561975</xdr:rowOff>
                  </to>
                </anchor>
              </controlPr>
            </control>
          </mc:Choice>
        </mc:AlternateContent>
        <mc:AlternateContent xmlns:mc="http://schemas.openxmlformats.org/markup-compatibility/2006">
          <mc:Choice Requires="x14">
            <control shapeId="1116" r:id="rId80" name="Check Box 92">
              <controlPr defaultSize="0" autoFill="0" autoLine="0" autoPict="0">
                <anchor moveWithCells="1">
                  <from>
                    <xdr:col>5</xdr:col>
                    <xdr:colOff>95250</xdr:colOff>
                    <xdr:row>56</xdr:row>
                    <xdr:rowOff>276225</xdr:rowOff>
                  </from>
                  <to>
                    <xdr:col>5</xdr:col>
                    <xdr:colOff>314325</xdr:colOff>
                    <xdr:row>56</xdr:row>
                    <xdr:rowOff>495300</xdr:rowOff>
                  </to>
                </anchor>
              </controlPr>
            </control>
          </mc:Choice>
        </mc:AlternateContent>
        <mc:AlternateContent xmlns:mc="http://schemas.openxmlformats.org/markup-compatibility/2006">
          <mc:Choice Requires="x14">
            <control shapeId="1117" r:id="rId81" name="Check Box 93">
              <controlPr defaultSize="0" autoFill="0" autoLine="0" autoPict="0">
                <anchor moveWithCells="1">
                  <from>
                    <xdr:col>5</xdr:col>
                    <xdr:colOff>85725</xdr:colOff>
                    <xdr:row>55</xdr:row>
                    <xdr:rowOff>342900</xdr:rowOff>
                  </from>
                  <to>
                    <xdr:col>5</xdr:col>
                    <xdr:colOff>304800</xdr:colOff>
                    <xdr:row>55</xdr:row>
                    <xdr:rowOff>561975</xdr:rowOff>
                  </to>
                </anchor>
              </controlPr>
            </control>
          </mc:Choice>
        </mc:AlternateContent>
        <mc:AlternateContent xmlns:mc="http://schemas.openxmlformats.org/markup-compatibility/2006">
          <mc:Choice Requires="x14">
            <control shapeId="1119" r:id="rId82" name="Check Box 95">
              <controlPr defaultSize="0" autoFill="0" autoLine="0" autoPict="0">
                <anchor moveWithCells="1">
                  <from>
                    <xdr:col>5</xdr:col>
                    <xdr:colOff>95250</xdr:colOff>
                    <xdr:row>57</xdr:row>
                    <xdr:rowOff>276225</xdr:rowOff>
                  </from>
                  <to>
                    <xdr:col>5</xdr:col>
                    <xdr:colOff>314325</xdr:colOff>
                    <xdr:row>57</xdr:row>
                    <xdr:rowOff>495300</xdr:rowOff>
                  </to>
                </anchor>
              </controlPr>
            </control>
          </mc:Choice>
        </mc:AlternateContent>
        <mc:AlternateContent xmlns:mc="http://schemas.openxmlformats.org/markup-compatibility/2006">
          <mc:Choice Requires="x14">
            <control shapeId="1120" r:id="rId83" name="Check Box 96">
              <controlPr defaultSize="0" autoFill="0" autoLine="0" autoPict="0">
                <anchor moveWithCells="1">
                  <from>
                    <xdr:col>5</xdr:col>
                    <xdr:colOff>95250</xdr:colOff>
                    <xdr:row>58</xdr:row>
                    <xdr:rowOff>276225</xdr:rowOff>
                  </from>
                  <to>
                    <xdr:col>5</xdr:col>
                    <xdr:colOff>314325</xdr:colOff>
                    <xdr:row>58</xdr:row>
                    <xdr:rowOff>495300</xdr:rowOff>
                  </to>
                </anchor>
              </controlPr>
            </control>
          </mc:Choice>
        </mc:AlternateContent>
        <mc:AlternateContent xmlns:mc="http://schemas.openxmlformats.org/markup-compatibility/2006">
          <mc:Choice Requires="x14">
            <control shapeId="1122" r:id="rId84" name="Check Box 98">
              <controlPr defaultSize="0" autoFill="0" autoLine="0" autoPict="0">
                <anchor moveWithCells="1">
                  <from>
                    <xdr:col>5</xdr:col>
                    <xdr:colOff>95250</xdr:colOff>
                    <xdr:row>59</xdr:row>
                    <xdr:rowOff>276225</xdr:rowOff>
                  </from>
                  <to>
                    <xdr:col>5</xdr:col>
                    <xdr:colOff>314325</xdr:colOff>
                    <xdr:row>59</xdr:row>
                    <xdr:rowOff>495300</xdr:rowOff>
                  </to>
                </anchor>
              </controlPr>
            </control>
          </mc:Choice>
        </mc:AlternateContent>
        <mc:AlternateContent xmlns:mc="http://schemas.openxmlformats.org/markup-compatibility/2006">
          <mc:Choice Requires="x14">
            <control shapeId="1123" r:id="rId85" name="Check Box 99">
              <controlPr defaultSize="0" autoFill="0" autoLine="0" autoPict="0">
                <anchor moveWithCells="1">
                  <from>
                    <xdr:col>5</xdr:col>
                    <xdr:colOff>95250</xdr:colOff>
                    <xdr:row>60</xdr:row>
                    <xdr:rowOff>276225</xdr:rowOff>
                  </from>
                  <to>
                    <xdr:col>5</xdr:col>
                    <xdr:colOff>314325</xdr:colOff>
                    <xdr:row>60</xdr:row>
                    <xdr:rowOff>495300</xdr:rowOff>
                  </to>
                </anchor>
              </controlPr>
            </control>
          </mc:Choice>
        </mc:AlternateContent>
        <mc:AlternateContent xmlns:mc="http://schemas.openxmlformats.org/markup-compatibility/2006">
          <mc:Choice Requires="x14">
            <control shapeId="1124" r:id="rId86" name="Check Box 100">
              <controlPr defaultSize="0" autoFill="0" autoLine="0" autoPict="0">
                <anchor moveWithCells="1">
                  <from>
                    <xdr:col>5</xdr:col>
                    <xdr:colOff>95250</xdr:colOff>
                    <xdr:row>62</xdr:row>
                    <xdr:rowOff>276225</xdr:rowOff>
                  </from>
                  <to>
                    <xdr:col>5</xdr:col>
                    <xdr:colOff>314325</xdr:colOff>
                    <xdr:row>62</xdr:row>
                    <xdr:rowOff>495300</xdr:rowOff>
                  </to>
                </anchor>
              </controlPr>
            </control>
          </mc:Choice>
        </mc:AlternateContent>
        <mc:AlternateContent xmlns:mc="http://schemas.openxmlformats.org/markup-compatibility/2006">
          <mc:Choice Requires="x14">
            <control shapeId="1125" r:id="rId87" name="Check Box 101">
              <controlPr defaultSize="0" autoFill="0" autoLine="0" autoPict="0">
                <anchor moveWithCells="1">
                  <from>
                    <xdr:col>5</xdr:col>
                    <xdr:colOff>95250</xdr:colOff>
                    <xdr:row>63</xdr:row>
                    <xdr:rowOff>276225</xdr:rowOff>
                  </from>
                  <to>
                    <xdr:col>5</xdr:col>
                    <xdr:colOff>314325</xdr:colOff>
                    <xdr:row>63</xdr:row>
                    <xdr:rowOff>495300</xdr:rowOff>
                  </to>
                </anchor>
              </controlPr>
            </control>
          </mc:Choice>
        </mc:AlternateContent>
        <mc:AlternateContent xmlns:mc="http://schemas.openxmlformats.org/markup-compatibility/2006">
          <mc:Choice Requires="x14">
            <control shapeId="1126" r:id="rId88" name="Check Box 102">
              <controlPr defaultSize="0" autoFill="0" autoLine="0" autoPict="0">
                <anchor moveWithCells="1">
                  <from>
                    <xdr:col>5</xdr:col>
                    <xdr:colOff>95250</xdr:colOff>
                    <xdr:row>61</xdr:row>
                    <xdr:rowOff>276225</xdr:rowOff>
                  </from>
                  <to>
                    <xdr:col>5</xdr:col>
                    <xdr:colOff>314325</xdr:colOff>
                    <xdr:row>61</xdr:row>
                    <xdr:rowOff>495300</xdr:rowOff>
                  </to>
                </anchor>
              </controlPr>
            </control>
          </mc:Choice>
        </mc:AlternateContent>
        <mc:AlternateContent xmlns:mc="http://schemas.openxmlformats.org/markup-compatibility/2006">
          <mc:Choice Requires="x14">
            <control shapeId="1128" r:id="rId89" name="Check Box 104">
              <controlPr defaultSize="0" autoFill="0" autoLine="0" autoPict="0">
                <anchor moveWithCells="1">
                  <from>
                    <xdr:col>6</xdr:col>
                    <xdr:colOff>95250</xdr:colOff>
                    <xdr:row>57</xdr:row>
                    <xdr:rowOff>276225</xdr:rowOff>
                  </from>
                  <to>
                    <xdr:col>6</xdr:col>
                    <xdr:colOff>314325</xdr:colOff>
                    <xdr:row>57</xdr:row>
                    <xdr:rowOff>495300</xdr:rowOff>
                  </to>
                </anchor>
              </controlPr>
            </control>
          </mc:Choice>
        </mc:AlternateContent>
        <mc:AlternateContent xmlns:mc="http://schemas.openxmlformats.org/markup-compatibility/2006">
          <mc:Choice Requires="x14">
            <control shapeId="1129" r:id="rId90" name="Check Box 105">
              <controlPr defaultSize="0" autoFill="0" autoLine="0" autoPict="0">
                <anchor moveWithCells="1">
                  <from>
                    <xdr:col>6</xdr:col>
                    <xdr:colOff>95250</xdr:colOff>
                    <xdr:row>58</xdr:row>
                    <xdr:rowOff>276225</xdr:rowOff>
                  </from>
                  <to>
                    <xdr:col>6</xdr:col>
                    <xdr:colOff>314325</xdr:colOff>
                    <xdr:row>58</xdr:row>
                    <xdr:rowOff>495300</xdr:rowOff>
                  </to>
                </anchor>
              </controlPr>
            </control>
          </mc:Choice>
        </mc:AlternateContent>
        <mc:AlternateContent xmlns:mc="http://schemas.openxmlformats.org/markup-compatibility/2006">
          <mc:Choice Requires="x14">
            <control shapeId="1130" r:id="rId91" name="Check Box 106">
              <controlPr defaultSize="0" autoFill="0" autoLine="0" autoPict="0">
                <anchor moveWithCells="1">
                  <from>
                    <xdr:col>6</xdr:col>
                    <xdr:colOff>95250</xdr:colOff>
                    <xdr:row>59</xdr:row>
                    <xdr:rowOff>276225</xdr:rowOff>
                  </from>
                  <to>
                    <xdr:col>6</xdr:col>
                    <xdr:colOff>314325</xdr:colOff>
                    <xdr:row>59</xdr:row>
                    <xdr:rowOff>495300</xdr:rowOff>
                  </to>
                </anchor>
              </controlPr>
            </control>
          </mc:Choice>
        </mc:AlternateContent>
        <mc:AlternateContent xmlns:mc="http://schemas.openxmlformats.org/markup-compatibility/2006">
          <mc:Choice Requires="x14">
            <control shapeId="1132" r:id="rId92" name="Check Box 108">
              <controlPr defaultSize="0" autoFill="0" autoLine="0" autoPict="0">
                <anchor moveWithCells="1">
                  <from>
                    <xdr:col>6</xdr:col>
                    <xdr:colOff>95250</xdr:colOff>
                    <xdr:row>60</xdr:row>
                    <xdr:rowOff>276225</xdr:rowOff>
                  </from>
                  <to>
                    <xdr:col>6</xdr:col>
                    <xdr:colOff>314325</xdr:colOff>
                    <xdr:row>60</xdr:row>
                    <xdr:rowOff>495300</xdr:rowOff>
                  </to>
                </anchor>
              </controlPr>
            </control>
          </mc:Choice>
        </mc:AlternateContent>
        <mc:AlternateContent xmlns:mc="http://schemas.openxmlformats.org/markup-compatibility/2006">
          <mc:Choice Requires="x14">
            <control shapeId="1133" r:id="rId93" name="Check Box 109">
              <controlPr defaultSize="0" autoFill="0" autoLine="0" autoPict="0">
                <anchor moveWithCells="1">
                  <from>
                    <xdr:col>6</xdr:col>
                    <xdr:colOff>95250</xdr:colOff>
                    <xdr:row>61</xdr:row>
                    <xdr:rowOff>276225</xdr:rowOff>
                  </from>
                  <to>
                    <xdr:col>6</xdr:col>
                    <xdr:colOff>314325</xdr:colOff>
                    <xdr:row>61</xdr:row>
                    <xdr:rowOff>495300</xdr:rowOff>
                  </to>
                </anchor>
              </controlPr>
            </control>
          </mc:Choice>
        </mc:AlternateContent>
        <mc:AlternateContent xmlns:mc="http://schemas.openxmlformats.org/markup-compatibility/2006">
          <mc:Choice Requires="x14">
            <control shapeId="1134" r:id="rId94" name="Check Box 110">
              <controlPr defaultSize="0" autoFill="0" autoLine="0" autoPict="0">
                <anchor moveWithCells="1">
                  <from>
                    <xdr:col>6</xdr:col>
                    <xdr:colOff>95250</xdr:colOff>
                    <xdr:row>62</xdr:row>
                    <xdr:rowOff>276225</xdr:rowOff>
                  </from>
                  <to>
                    <xdr:col>6</xdr:col>
                    <xdr:colOff>314325</xdr:colOff>
                    <xdr:row>62</xdr:row>
                    <xdr:rowOff>495300</xdr:rowOff>
                  </to>
                </anchor>
              </controlPr>
            </control>
          </mc:Choice>
        </mc:AlternateContent>
        <mc:AlternateContent xmlns:mc="http://schemas.openxmlformats.org/markup-compatibility/2006">
          <mc:Choice Requires="x14">
            <control shapeId="1135" r:id="rId95" name="Check Box 111">
              <controlPr defaultSize="0" autoFill="0" autoLine="0" autoPict="0">
                <anchor moveWithCells="1">
                  <from>
                    <xdr:col>6</xdr:col>
                    <xdr:colOff>95250</xdr:colOff>
                    <xdr:row>63</xdr:row>
                    <xdr:rowOff>276225</xdr:rowOff>
                  </from>
                  <to>
                    <xdr:col>6</xdr:col>
                    <xdr:colOff>314325</xdr:colOff>
                    <xdr:row>63</xdr:row>
                    <xdr:rowOff>495300</xdr:rowOff>
                  </to>
                </anchor>
              </controlPr>
            </control>
          </mc:Choice>
        </mc:AlternateContent>
        <mc:AlternateContent xmlns:mc="http://schemas.openxmlformats.org/markup-compatibility/2006">
          <mc:Choice Requires="x14">
            <control shapeId="1136" r:id="rId96" name="Check Box 112">
              <controlPr defaultSize="0" autoFill="0" autoLine="0" autoPict="0">
                <anchor moveWithCells="1">
                  <from>
                    <xdr:col>7</xdr:col>
                    <xdr:colOff>95250</xdr:colOff>
                    <xdr:row>61</xdr:row>
                    <xdr:rowOff>276225</xdr:rowOff>
                  </from>
                  <to>
                    <xdr:col>7</xdr:col>
                    <xdr:colOff>314325</xdr:colOff>
                    <xdr:row>61</xdr:row>
                    <xdr:rowOff>495300</xdr:rowOff>
                  </to>
                </anchor>
              </controlPr>
            </control>
          </mc:Choice>
        </mc:AlternateContent>
        <mc:AlternateContent xmlns:mc="http://schemas.openxmlformats.org/markup-compatibility/2006">
          <mc:Choice Requires="x14">
            <control shapeId="1137" r:id="rId97" name="Check Box 113">
              <controlPr defaultSize="0" autoFill="0" autoLine="0" autoPict="0">
                <anchor moveWithCells="1">
                  <from>
                    <xdr:col>5</xdr:col>
                    <xdr:colOff>95250</xdr:colOff>
                    <xdr:row>64</xdr:row>
                    <xdr:rowOff>276225</xdr:rowOff>
                  </from>
                  <to>
                    <xdr:col>5</xdr:col>
                    <xdr:colOff>314325</xdr:colOff>
                    <xdr:row>64</xdr:row>
                    <xdr:rowOff>495300</xdr:rowOff>
                  </to>
                </anchor>
              </controlPr>
            </control>
          </mc:Choice>
        </mc:AlternateContent>
        <mc:AlternateContent xmlns:mc="http://schemas.openxmlformats.org/markup-compatibility/2006">
          <mc:Choice Requires="x14">
            <control shapeId="1138" r:id="rId98" name="Check Box 114">
              <controlPr defaultSize="0" autoFill="0" autoLine="0" autoPict="0">
                <anchor moveWithCells="1">
                  <from>
                    <xdr:col>5</xdr:col>
                    <xdr:colOff>95250</xdr:colOff>
                    <xdr:row>65</xdr:row>
                    <xdr:rowOff>276225</xdr:rowOff>
                  </from>
                  <to>
                    <xdr:col>5</xdr:col>
                    <xdr:colOff>314325</xdr:colOff>
                    <xdr:row>65</xdr:row>
                    <xdr:rowOff>495300</xdr:rowOff>
                  </to>
                </anchor>
              </controlPr>
            </control>
          </mc:Choice>
        </mc:AlternateContent>
        <mc:AlternateContent xmlns:mc="http://schemas.openxmlformats.org/markup-compatibility/2006">
          <mc:Choice Requires="x14">
            <control shapeId="1139" r:id="rId99" name="Check Box 115">
              <controlPr defaultSize="0" autoFill="0" autoLine="0" autoPict="0">
                <anchor moveWithCells="1">
                  <from>
                    <xdr:col>5</xdr:col>
                    <xdr:colOff>95250</xdr:colOff>
                    <xdr:row>66</xdr:row>
                    <xdr:rowOff>276225</xdr:rowOff>
                  </from>
                  <to>
                    <xdr:col>5</xdr:col>
                    <xdr:colOff>314325</xdr:colOff>
                    <xdr:row>66</xdr:row>
                    <xdr:rowOff>495300</xdr:rowOff>
                  </to>
                </anchor>
              </controlPr>
            </control>
          </mc:Choice>
        </mc:AlternateContent>
        <mc:AlternateContent xmlns:mc="http://schemas.openxmlformats.org/markup-compatibility/2006">
          <mc:Choice Requires="x14">
            <control shapeId="1140" r:id="rId100" name="Check Box 116">
              <controlPr defaultSize="0" autoFill="0" autoLine="0" autoPict="0">
                <anchor moveWithCells="1">
                  <from>
                    <xdr:col>5</xdr:col>
                    <xdr:colOff>95250</xdr:colOff>
                    <xdr:row>67</xdr:row>
                    <xdr:rowOff>276225</xdr:rowOff>
                  </from>
                  <to>
                    <xdr:col>5</xdr:col>
                    <xdr:colOff>314325</xdr:colOff>
                    <xdr:row>67</xdr:row>
                    <xdr:rowOff>495300</xdr:rowOff>
                  </to>
                </anchor>
              </controlPr>
            </control>
          </mc:Choice>
        </mc:AlternateContent>
        <mc:AlternateContent xmlns:mc="http://schemas.openxmlformats.org/markup-compatibility/2006">
          <mc:Choice Requires="x14">
            <control shapeId="1141" r:id="rId101" name="Check Box 117">
              <controlPr defaultSize="0" autoFill="0" autoLine="0" autoPict="0">
                <anchor moveWithCells="1">
                  <from>
                    <xdr:col>5</xdr:col>
                    <xdr:colOff>95250</xdr:colOff>
                    <xdr:row>68</xdr:row>
                    <xdr:rowOff>276225</xdr:rowOff>
                  </from>
                  <to>
                    <xdr:col>5</xdr:col>
                    <xdr:colOff>314325</xdr:colOff>
                    <xdr:row>68</xdr:row>
                    <xdr:rowOff>495300</xdr:rowOff>
                  </to>
                </anchor>
              </controlPr>
            </control>
          </mc:Choice>
        </mc:AlternateContent>
        <mc:AlternateContent xmlns:mc="http://schemas.openxmlformats.org/markup-compatibility/2006">
          <mc:Choice Requires="x14">
            <control shapeId="1142" r:id="rId102" name="Check Box 118">
              <controlPr defaultSize="0" autoFill="0" autoLine="0" autoPict="0">
                <anchor moveWithCells="1">
                  <from>
                    <xdr:col>5</xdr:col>
                    <xdr:colOff>95250</xdr:colOff>
                    <xdr:row>69</xdr:row>
                    <xdr:rowOff>276225</xdr:rowOff>
                  </from>
                  <to>
                    <xdr:col>5</xdr:col>
                    <xdr:colOff>314325</xdr:colOff>
                    <xdr:row>69</xdr:row>
                    <xdr:rowOff>495300</xdr:rowOff>
                  </to>
                </anchor>
              </controlPr>
            </control>
          </mc:Choice>
        </mc:AlternateContent>
        <mc:AlternateContent xmlns:mc="http://schemas.openxmlformats.org/markup-compatibility/2006">
          <mc:Choice Requires="x14">
            <control shapeId="1144" r:id="rId103" name="Check Box 120">
              <controlPr defaultSize="0" autoFill="0" autoLine="0" autoPict="0">
                <anchor moveWithCells="1">
                  <from>
                    <xdr:col>5</xdr:col>
                    <xdr:colOff>95250</xdr:colOff>
                    <xdr:row>70</xdr:row>
                    <xdr:rowOff>276225</xdr:rowOff>
                  </from>
                  <to>
                    <xdr:col>5</xdr:col>
                    <xdr:colOff>314325</xdr:colOff>
                    <xdr:row>70</xdr:row>
                    <xdr:rowOff>495300</xdr:rowOff>
                  </to>
                </anchor>
              </controlPr>
            </control>
          </mc:Choice>
        </mc:AlternateContent>
        <mc:AlternateContent xmlns:mc="http://schemas.openxmlformats.org/markup-compatibility/2006">
          <mc:Choice Requires="x14">
            <control shapeId="1145" r:id="rId104" name="Check Box 121">
              <controlPr defaultSize="0" autoFill="0" autoLine="0" autoPict="0">
                <anchor moveWithCells="1">
                  <from>
                    <xdr:col>5</xdr:col>
                    <xdr:colOff>95250</xdr:colOff>
                    <xdr:row>71</xdr:row>
                    <xdr:rowOff>276225</xdr:rowOff>
                  </from>
                  <to>
                    <xdr:col>5</xdr:col>
                    <xdr:colOff>314325</xdr:colOff>
                    <xdr:row>71</xdr:row>
                    <xdr:rowOff>495300</xdr:rowOff>
                  </to>
                </anchor>
              </controlPr>
            </control>
          </mc:Choice>
        </mc:AlternateContent>
        <mc:AlternateContent xmlns:mc="http://schemas.openxmlformats.org/markup-compatibility/2006">
          <mc:Choice Requires="x14">
            <control shapeId="1147" r:id="rId105" name="Check Box 123">
              <controlPr defaultSize="0" autoFill="0" autoLine="0" autoPict="0">
                <anchor moveWithCells="1">
                  <from>
                    <xdr:col>5</xdr:col>
                    <xdr:colOff>95250</xdr:colOff>
                    <xdr:row>72</xdr:row>
                    <xdr:rowOff>276225</xdr:rowOff>
                  </from>
                  <to>
                    <xdr:col>5</xdr:col>
                    <xdr:colOff>314325</xdr:colOff>
                    <xdr:row>72</xdr:row>
                    <xdr:rowOff>495300</xdr:rowOff>
                  </to>
                </anchor>
              </controlPr>
            </control>
          </mc:Choice>
        </mc:AlternateContent>
        <mc:AlternateContent xmlns:mc="http://schemas.openxmlformats.org/markup-compatibility/2006">
          <mc:Choice Requires="x14">
            <control shapeId="1148" r:id="rId106" name="Check Box 124">
              <controlPr defaultSize="0" autoFill="0" autoLine="0" autoPict="0">
                <anchor moveWithCells="1">
                  <from>
                    <xdr:col>5</xdr:col>
                    <xdr:colOff>95250</xdr:colOff>
                    <xdr:row>73</xdr:row>
                    <xdr:rowOff>276225</xdr:rowOff>
                  </from>
                  <to>
                    <xdr:col>5</xdr:col>
                    <xdr:colOff>314325</xdr:colOff>
                    <xdr:row>73</xdr:row>
                    <xdr:rowOff>495300</xdr:rowOff>
                  </to>
                </anchor>
              </controlPr>
            </control>
          </mc:Choice>
        </mc:AlternateContent>
        <mc:AlternateContent xmlns:mc="http://schemas.openxmlformats.org/markup-compatibility/2006">
          <mc:Choice Requires="x14">
            <control shapeId="1149" r:id="rId107" name="Check Box 125">
              <controlPr defaultSize="0" autoFill="0" autoLine="0" autoPict="0">
                <anchor moveWithCells="1">
                  <from>
                    <xdr:col>5</xdr:col>
                    <xdr:colOff>95250</xdr:colOff>
                    <xdr:row>74</xdr:row>
                    <xdr:rowOff>276225</xdr:rowOff>
                  </from>
                  <to>
                    <xdr:col>5</xdr:col>
                    <xdr:colOff>314325</xdr:colOff>
                    <xdr:row>74</xdr:row>
                    <xdr:rowOff>495300</xdr:rowOff>
                  </to>
                </anchor>
              </controlPr>
            </control>
          </mc:Choice>
        </mc:AlternateContent>
        <mc:AlternateContent xmlns:mc="http://schemas.openxmlformats.org/markup-compatibility/2006">
          <mc:Choice Requires="x14">
            <control shapeId="1150" r:id="rId108" name="Check Box 126">
              <controlPr defaultSize="0" autoFill="0" autoLine="0" autoPict="0">
                <anchor moveWithCells="1">
                  <from>
                    <xdr:col>6</xdr:col>
                    <xdr:colOff>95250</xdr:colOff>
                    <xdr:row>64</xdr:row>
                    <xdr:rowOff>276225</xdr:rowOff>
                  </from>
                  <to>
                    <xdr:col>6</xdr:col>
                    <xdr:colOff>314325</xdr:colOff>
                    <xdr:row>64</xdr:row>
                    <xdr:rowOff>495300</xdr:rowOff>
                  </to>
                </anchor>
              </controlPr>
            </control>
          </mc:Choice>
        </mc:AlternateContent>
        <mc:AlternateContent xmlns:mc="http://schemas.openxmlformats.org/markup-compatibility/2006">
          <mc:Choice Requires="x14">
            <control shapeId="1151" r:id="rId109" name="Check Box 127">
              <controlPr defaultSize="0" autoFill="0" autoLine="0" autoPict="0">
                <anchor moveWithCells="1">
                  <from>
                    <xdr:col>6</xdr:col>
                    <xdr:colOff>95250</xdr:colOff>
                    <xdr:row>65</xdr:row>
                    <xdr:rowOff>276225</xdr:rowOff>
                  </from>
                  <to>
                    <xdr:col>6</xdr:col>
                    <xdr:colOff>314325</xdr:colOff>
                    <xdr:row>65</xdr:row>
                    <xdr:rowOff>495300</xdr:rowOff>
                  </to>
                </anchor>
              </controlPr>
            </control>
          </mc:Choice>
        </mc:AlternateContent>
        <mc:AlternateContent xmlns:mc="http://schemas.openxmlformats.org/markup-compatibility/2006">
          <mc:Choice Requires="x14">
            <control shapeId="1152" r:id="rId110" name="Check Box 128">
              <controlPr defaultSize="0" autoFill="0" autoLine="0" autoPict="0">
                <anchor moveWithCells="1">
                  <from>
                    <xdr:col>6</xdr:col>
                    <xdr:colOff>95250</xdr:colOff>
                    <xdr:row>66</xdr:row>
                    <xdr:rowOff>276225</xdr:rowOff>
                  </from>
                  <to>
                    <xdr:col>6</xdr:col>
                    <xdr:colOff>314325</xdr:colOff>
                    <xdr:row>66</xdr:row>
                    <xdr:rowOff>495300</xdr:rowOff>
                  </to>
                </anchor>
              </controlPr>
            </control>
          </mc:Choice>
        </mc:AlternateContent>
        <mc:AlternateContent xmlns:mc="http://schemas.openxmlformats.org/markup-compatibility/2006">
          <mc:Choice Requires="x14">
            <control shapeId="1153" r:id="rId111" name="Check Box 129">
              <controlPr defaultSize="0" autoFill="0" autoLine="0" autoPict="0">
                <anchor moveWithCells="1">
                  <from>
                    <xdr:col>6</xdr:col>
                    <xdr:colOff>95250</xdr:colOff>
                    <xdr:row>67</xdr:row>
                    <xdr:rowOff>276225</xdr:rowOff>
                  </from>
                  <to>
                    <xdr:col>6</xdr:col>
                    <xdr:colOff>314325</xdr:colOff>
                    <xdr:row>67</xdr:row>
                    <xdr:rowOff>495300</xdr:rowOff>
                  </to>
                </anchor>
              </controlPr>
            </control>
          </mc:Choice>
        </mc:AlternateContent>
        <mc:AlternateContent xmlns:mc="http://schemas.openxmlformats.org/markup-compatibility/2006">
          <mc:Choice Requires="x14">
            <control shapeId="1154" r:id="rId112" name="Check Box 130">
              <controlPr defaultSize="0" autoFill="0" autoLine="0" autoPict="0">
                <anchor moveWithCells="1">
                  <from>
                    <xdr:col>6</xdr:col>
                    <xdr:colOff>95250</xdr:colOff>
                    <xdr:row>68</xdr:row>
                    <xdr:rowOff>276225</xdr:rowOff>
                  </from>
                  <to>
                    <xdr:col>6</xdr:col>
                    <xdr:colOff>314325</xdr:colOff>
                    <xdr:row>68</xdr:row>
                    <xdr:rowOff>495300</xdr:rowOff>
                  </to>
                </anchor>
              </controlPr>
            </control>
          </mc:Choice>
        </mc:AlternateContent>
        <mc:AlternateContent xmlns:mc="http://schemas.openxmlformats.org/markup-compatibility/2006">
          <mc:Choice Requires="x14">
            <control shapeId="1155" r:id="rId113" name="Check Box 131">
              <controlPr defaultSize="0" autoFill="0" autoLine="0" autoPict="0">
                <anchor moveWithCells="1">
                  <from>
                    <xdr:col>6</xdr:col>
                    <xdr:colOff>95250</xdr:colOff>
                    <xdr:row>69</xdr:row>
                    <xdr:rowOff>276225</xdr:rowOff>
                  </from>
                  <to>
                    <xdr:col>6</xdr:col>
                    <xdr:colOff>314325</xdr:colOff>
                    <xdr:row>69</xdr:row>
                    <xdr:rowOff>495300</xdr:rowOff>
                  </to>
                </anchor>
              </controlPr>
            </control>
          </mc:Choice>
        </mc:AlternateContent>
        <mc:AlternateContent xmlns:mc="http://schemas.openxmlformats.org/markup-compatibility/2006">
          <mc:Choice Requires="x14">
            <control shapeId="1157" r:id="rId114" name="Check Box 133">
              <controlPr defaultSize="0" autoFill="0" autoLine="0" autoPict="0">
                <anchor moveWithCells="1">
                  <from>
                    <xdr:col>6</xdr:col>
                    <xdr:colOff>95250</xdr:colOff>
                    <xdr:row>70</xdr:row>
                    <xdr:rowOff>276225</xdr:rowOff>
                  </from>
                  <to>
                    <xdr:col>6</xdr:col>
                    <xdr:colOff>314325</xdr:colOff>
                    <xdr:row>70</xdr:row>
                    <xdr:rowOff>495300</xdr:rowOff>
                  </to>
                </anchor>
              </controlPr>
            </control>
          </mc:Choice>
        </mc:AlternateContent>
        <mc:AlternateContent xmlns:mc="http://schemas.openxmlformats.org/markup-compatibility/2006">
          <mc:Choice Requires="x14">
            <control shapeId="1158" r:id="rId115" name="Check Box 134">
              <controlPr defaultSize="0" autoFill="0" autoLine="0" autoPict="0">
                <anchor moveWithCells="1">
                  <from>
                    <xdr:col>6</xdr:col>
                    <xdr:colOff>95250</xdr:colOff>
                    <xdr:row>71</xdr:row>
                    <xdr:rowOff>276225</xdr:rowOff>
                  </from>
                  <to>
                    <xdr:col>6</xdr:col>
                    <xdr:colOff>314325</xdr:colOff>
                    <xdr:row>71</xdr:row>
                    <xdr:rowOff>495300</xdr:rowOff>
                  </to>
                </anchor>
              </controlPr>
            </control>
          </mc:Choice>
        </mc:AlternateContent>
        <mc:AlternateContent xmlns:mc="http://schemas.openxmlformats.org/markup-compatibility/2006">
          <mc:Choice Requires="x14">
            <control shapeId="1159" r:id="rId116" name="Check Box 135">
              <controlPr defaultSize="0" autoFill="0" autoLine="0" autoPict="0">
                <anchor moveWithCells="1">
                  <from>
                    <xdr:col>6</xdr:col>
                    <xdr:colOff>95250</xdr:colOff>
                    <xdr:row>72</xdr:row>
                    <xdr:rowOff>276225</xdr:rowOff>
                  </from>
                  <to>
                    <xdr:col>6</xdr:col>
                    <xdr:colOff>314325</xdr:colOff>
                    <xdr:row>72</xdr:row>
                    <xdr:rowOff>495300</xdr:rowOff>
                  </to>
                </anchor>
              </controlPr>
            </control>
          </mc:Choice>
        </mc:AlternateContent>
        <mc:AlternateContent xmlns:mc="http://schemas.openxmlformats.org/markup-compatibility/2006">
          <mc:Choice Requires="x14">
            <control shapeId="1160" r:id="rId117" name="Check Box 136">
              <controlPr defaultSize="0" autoFill="0" autoLine="0" autoPict="0">
                <anchor moveWithCells="1">
                  <from>
                    <xdr:col>6</xdr:col>
                    <xdr:colOff>95250</xdr:colOff>
                    <xdr:row>73</xdr:row>
                    <xdr:rowOff>276225</xdr:rowOff>
                  </from>
                  <to>
                    <xdr:col>6</xdr:col>
                    <xdr:colOff>314325</xdr:colOff>
                    <xdr:row>73</xdr:row>
                    <xdr:rowOff>495300</xdr:rowOff>
                  </to>
                </anchor>
              </controlPr>
            </control>
          </mc:Choice>
        </mc:AlternateContent>
        <mc:AlternateContent xmlns:mc="http://schemas.openxmlformats.org/markup-compatibility/2006">
          <mc:Choice Requires="x14">
            <control shapeId="1162" r:id="rId118" name="Check Box 138">
              <controlPr defaultSize="0" autoFill="0" autoLine="0" autoPict="0">
                <anchor moveWithCells="1">
                  <from>
                    <xdr:col>6</xdr:col>
                    <xdr:colOff>95250</xdr:colOff>
                    <xdr:row>74</xdr:row>
                    <xdr:rowOff>276225</xdr:rowOff>
                  </from>
                  <to>
                    <xdr:col>6</xdr:col>
                    <xdr:colOff>314325</xdr:colOff>
                    <xdr:row>74</xdr:row>
                    <xdr:rowOff>495300</xdr:rowOff>
                  </to>
                </anchor>
              </controlPr>
            </control>
          </mc:Choice>
        </mc:AlternateContent>
        <mc:AlternateContent xmlns:mc="http://schemas.openxmlformats.org/markup-compatibility/2006">
          <mc:Choice Requires="x14">
            <control shapeId="1163" r:id="rId119" name="Check Box 139">
              <controlPr defaultSize="0" autoFill="0" autoLine="0" autoPict="0">
                <anchor moveWithCells="1">
                  <from>
                    <xdr:col>7</xdr:col>
                    <xdr:colOff>95250</xdr:colOff>
                    <xdr:row>64</xdr:row>
                    <xdr:rowOff>276225</xdr:rowOff>
                  </from>
                  <to>
                    <xdr:col>7</xdr:col>
                    <xdr:colOff>314325</xdr:colOff>
                    <xdr:row>64</xdr:row>
                    <xdr:rowOff>495300</xdr:rowOff>
                  </to>
                </anchor>
              </controlPr>
            </control>
          </mc:Choice>
        </mc:AlternateContent>
        <mc:AlternateContent xmlns:mc="http://schemas.openxmlformats.org/markup-compatibility/2006">
          <mc:Choice Requires="x14">
            <control shapeId="1164" r:id="rId120" name="Check Box 140">
              <controlPr defaultSize="0" autoFill="0" autoLine="0" autoPict="0">
                <anchor moveWithCells="1">
                  <from>
                    <xdr:col>5</xdr:col>
                    <xdr:colOff>95250</xdr:colOff>
                    <xdr:row>75</xdr:row>
                    <xdr:rowOff>276225</xdr:rowOff>
                  </from>
                  <to>
                    <xdr:col>5</xdr:col>
                    <xdr:colOff>314325</xdr:colOff>
                    <xdr:row>75</xdr:row>
                    <xdr:rowOff>495300</xdr:rowOff>
                  </to>
                </anchor>
              </controlPr>
            </control>
          </mc:Choice>
        </mc:AlternateContent>
        <mc:AlternateContent xmlns:mc="http://schemas.openxmlformats.org/markup-compatibility/2006">
          <mc:Choice Requires="x14">
            <control shapeId="1165" r:id="rId121" name="Check Box 141">
              <controlPr defaultSize="0" autoFill="0" autoLine="0" autoPict="0">
                <anchor moveWithCells="1">
                  <from>
                    <xdr:col>5</xdr:col>
                    <xdr:colOff>95250</xdr:colOff>
                    <xdr:row>76</xdr:row>
                    <xdr:rowOff>190500</xdr:rowOff>
                  </from>
                  <to>
                    <xdr:col>5</xdr:col>
                    <xdr:colOff>314325</xdr:colOff>
                    <xdr:row>76</xdr:row>
                    <xdr:rowOff>409575</xdr:rowOff>
                  </to>
                </anchor>
              </controlPr>
            </control>
          </mc:Choice>
        </mc:AlternateContent>
        <mc:AlternateContent xmlns:mc="http://schemas.openxmlformats.org/markup-compatibility/2006">
          <mc:Choice Requires="x14">
            <control shapeId="1166" r:id="rId122" name="Check Box 142">
              <controlPr defaultSize="0" autoFill="0" autoLine="0" autoPict="0">
                <anchor moveWithCells="1">
                  <from>
                    <xdr:col>5</xdr:col>
                    <xdr:colOff>95250</xdr:colOff>
                    <xdr:row>77</xdr:row>
                    <xdr:rowOff>161925</xdr:rowOff>
                  </from>
                  <to>
                    <xdr:col>5</xdr:col>
                    <xdr:colOff>314325</xdr:colOff>
                    <xdr:row>77</xdr:row>
                    <xdr:rowOff>381000</xdr:rowOff>
                  </to>
                </anchor>
              </controlPr>
            </control>
          </mc:Choice>
        </mc:AlternateContent>
        <mc:AlternateContent xmlns:mc="http://schemas.openxmlformats.org/markup-compatibility/2006">
          <mc:Choice Requires="x14">
            <control shapeId="1167" r:id="rId123" name="Check Box 143">
              <controlPr defaultSize="0" autoFill="0" autoLine="0" autoPict="0">
                <anchor moveWithCells="1">
                  <from>
                    <xdr:col>5</xdr:col>
                    <xdr:colOff>76200</xdr:colOff>
                    <xdr:row>78</xdr:row>
                    <xdr:rowOff>552450</xdr:rowOff>
                  </from>
                  <to>
                    <xdr:col>5</xdr:col>
                    <xdr:colOff>295275</xdr:colOff>
                    <xdr:row>78</xdr:row>
                    <xdr:rowOff>771525</xdr:rowOff>
                  </to>
                </anchor>
              </controlPr>
            </control>
          </mc:Choice>
        </mc:AlternateContent>
        <mc:AlternateContent xmlns:mc="http://schemas.openxmlformats.org/markup-compatibility/2006">
          <mc:Choice Requires="x14">
            <control shapeId="1168" r:id="rId124" name="Check Box 144">
              <controlPr defaultSize="0" autoFill="0" autoLine="0" autoPict="0">
                <anchor moveWithCells="1">
                  <from>
                    <xdr:col>5</xdr:col>
                    <xdr:colOff>76200</xdr:colOff>
                    <xdr:row>79</xdr:row>
                    <xdr:rowOff>0</xdr:rowOff>
                  </from>
                  <to>
                    <xdr:col>5</xdr:col>
                    <xdr:colOff>295275</xdr:colOff>
                    <xdr:row>79</xdr:row>
                    <xdr:rowOff>219075</xdr:rowOff>
                  </to>
                </anchor>
              </controlPr>
            </control>
          </mc:Choice>
        </mc:AlternateContent>
        <mc:AlternateContent xmlns:mc="http://schemas.openxmlformats.org/markup-compatibility/2006">
          <mc:Choice Requires="x14">
            <control shapeId="1169" r:id="rId125" name="Check Box 145">
              <controlPr defaultSize="0" autoFill="0" autoLine="0" autoPict="0">
                <anchor moveWithCells="1">
                  <from>
                    <xdr:col>5</xdr:col>
                    <xdr:colOff>85725</xdr:colOff>
                    <xdr:row>79</xdr:row>
                    <xdr:rowOff>0</xdr:rowOff>
                  </from>
                  <to>
                    <xdr:col>5</xdr:col>
                    <xdr:colOff>304800</xdr:colOff>
                    <xdr:row>79</xdr:row>
                    <xdr:rowOff>219075</xdr:rowOff>
                  </to>
                </anchor>
              </controlPr>
            </control>
          </mc:Choice>
        </mc:AlternateContent>
        <mc:AlternateContent xmlns:mc="http://schemas.openxmlformats.org/markup-compatibility/2006">
          <mc:Choice Requires="x14">
            <control shapeId="1170" r:id="rId126" name="Check Box 146">
              <controlPr defaultSize="0" autoFill="0" autoLine="0" autoPict="0">
                <anchor moveWithCells="1">
                  <from>
                    <xdr:col>5</xdr:col>
                    <xdr:colOff>85725</xdr:colOff>
                    <xdr:row>79</xdr:row>
                    <xdr:rowOff>0</xdr:rowOff>
                  </from>
                  <to>
                    <xdr:col>5</xdr:col>
                    <xdr:colOff>304800</xdr:colOff>
                    <xdr:row>79</xdr:row>
                    <xdr:rowOff>219075</xdr:rowOff>
                  </to>
                </anchor>
              </controlPr>
            </control>
          </mc:Choice>
        </mc:AlternateContent>
        <mc:AlternateContent xmlns:mc="http://schemas.openxmlformats.org/markup-compatibility/2006">
          <mc:Choice Requires="x14">
            <control shapeId="1171" r:id="rId127" name="Check Box 147">
              <controlPr defaultSize="0" autoFill="0" autoLine="0" autoPict="0">
                <anchor moveWithCells="1">
                  <from>
                    <xdr:col>5</xdr:col>
                    <xdr:colOff>95250</xdr:colOff>
                    <xdr:row>79</xdr:row>
                    <xdr:rowOff>276225</xdr:rowOff>
                  </from>
                  <to>
                    <xdr:col>5</xdr:col>
                    <xdr:colOff>314325</xdr:colOff>
                    <xdr:row>79</xdr:row>
                    <xdr:rowOff>495300</xdr:rowOff>
                  </to>
                </anchor>
              </controlPr>
            </control>
          </mc:Choice>
        </mc:AlternateContent>
        <mc:AlternateContent xmlns:mc="http://schemas.openxmlformats.org/markup-compatibility/2006">
          <mc:Choice Requires="x14">
            <control shapeId="1172" r:id="rId128" name="Check Box 148">
              <controlPr defaultSize="0" autoFill="0" autoLine="0" autoPict="0">
                <anchor moveWithCells="1">
                  <from>
                    <xdr:col>5</xdr:col>
                    <xdr:colOff>95250</xdr:colOff>
                    <xdr:row>80</xdr:row>
                    <xdr:rowOff>276225</xdr:rowOff>
                  </from>
                  <to>
                    <xdr:col>5</xdr:col>
                    <xdr:colOff>314325</xdr:colOff>
                    <xdr:row>80</xdr:row>
                    <xdr:rowOff>495300</xdr:rowOff>
                  </to>
                </anchor>
              </controlPr>
            </control>
          </mc:Choice>
        </mc:AlternateContent>
        <mc:AlternateContent xmlns:mc="http://schemas.openxmlformats.org/markup-compatibility/2006">
          <mc:Choice Requires="x14">
            <control shapeId="1173" r:id="rId129" name="Check Box 149">
              <controlPr defaultSize="0" autoFill="0" autoLine="0" autoPict="0">
                <anchor moveWithCells="1">
                  <from>
                    <xdr:col>5</xdr:col>
                    <xdr:colOff>95250</xdr:colOff>
                    <xdr:row>81</xdr:row>
                    <xdr:rowOff>161925</xdr:rowOff>
                  </from>
                  <to>
                    <xdr:col>5</xdr:col>
                    <xdr:colOff>314325</xdr:colOff>
                    <xdr:row>81</xdr:row>
                    <xdr:rowOff>381000</xdr:rowOff>
                  </to>
                </anchor>
              </controlPr>
            </control>
          </mc:Choice>
        </mc:AlternateContent>
        <mc:AlternateContent xmlns:mc="http://schemas.openxmlformats.org/markup-compatibility/2006">
          <mc:Choice Requires="x14">
            <control shapeId="1174" r:id="rId130" name="Check Box 150">
              <controlPr defaultSize="0" autoFill="0" autoLine="0" autoPict="0">
                <anchor moveWithCells="1">
                  <from>
                    <xdr:col>5</xdr:col>
                    <xdr:colOff>47625</xdr:colOff>
                    <xdr:row>82</xdr:row>
                    <xdr:rowOff>1114425</xdr:rowOff>
                  </from>
                  <to>
                    <xdr:col>5</xdr:col>
                    <xdr:colOff>266700</xdr:colOff>
                    <xdr:row>82</xdr:row>
                    <xdr:rowOff>1333500</xdr:rowOff>
                  </to>
                </anchor>
              </controlPr>
            </control>
          </mc:Choice>
        </mc:AlternateContent>
        <mc:AlternateContent xmlns:mc="http://schemas.openxmlformats.org/markup-compatibility/2006">
          <mc:Choice Requires="x14">
            <control shapeId="1175" r:id="rId131" name="Check Box 151">
              <controlPr defaultSize="0" autoFill="0" autoLine="0" autoPict="0">
                <anchor moveWithCells="1">
                  <from>
                    <xdr:col>6</xdr:col>
                    <xdr:colOff>95250</xdr:colOff>
                    <xdr:row>75</xdr:row>
                    <xdr:rowOff>276225</xdr:rowOff>
                  </from>
                  <to>
                    <xdr:col>6</xdr:col>
                    <xdr:colOff>314325</xdr:colOff>
                    <xdr:row>75</xdr:row>
                    <xdr:rowOff>495300</xdr:rowOff>
                  </to>
                </anchor>
              </controlPr>
            </control>
          </mc:Choice>
        </mc:AlternateContent>
        <mc:AlternateContent xmlns:mc="http://schemas.openxmlformats.org/markup-compatibility/2006">
          <mc:Choice Requires="x14">
            <control shapeId="1176" r:id="rId132" name="Check Box 152">
              <controlPr defaultSize="0" autoFill="0" autoLine="0" autoPict="0">
                <anchor moveWithCells="1">
                  <from>
                    <xdr:col>6</xdr:col>
                    <xdr:colOff>85725</xdr:colOff>
                    <xdr:row>76</xdr:row>
                    <xdr:rowOff>190500</xdr:rowOff>
                  </from>
                  <to>
                    <xdr:col>6</xdr:col>
                    <xdr:colOff>304800</xdr:colOff>
                    <xdr:row>76</xdr:row>
                    <xdr:rowOff>409575</xdr:rowOff>
                  </to>
                </anchor>
              </controlPr>
            </control>
          </mc:Choice>
        </mc:AlternateContent>
        <mc:AlternateContent xmlns:mc="http://schemas.openxmlformats.org/markup-compatibility/2006">
          <mc:Choice Requires="x14">
            <control shapeId="1178" r:id="rId133" name="Check Box 154">
              <controlPr defaultSize="0" autoFill="0" autoLine="0" autoPict="0">
                <anchor moveWithCells="1">
                  <from>
                    <xdr:col>6</xdr:col>
                    <xdr:colOff>95250</xdr:colOff>
                    <xdr:row>77</xdr:row>
                    <xdr:rowOff>152400</xdr:rowOff>
                  </from>
                  <to>
                    <xdr:col>6</xdr:col>
                    <xdr:colOff>314325</xdr:colOff>
                    <xdr:row>77</xdr:row>
                    <xdr:rowOff>371475</xdr:rowOff>
                  </to>
                </anchor>
              </controlPr>
            </control>
          </mc:Choice>
        </mc:AlternateContent>
        <mc:AlternateContent xmlns:mc="http://schemas.openxmlformats.org/markup-compatibility/2006">
          <mc:Choice Requires="x14">
            <control shapeId="1179" r:id="rId134" name="Check Box 155">
              <controlPr defaultSize="0" autoFill="0" autoLine="0" autoPict="0">
                <anchor moveWithCells="1">
                  <from>
                    <xdr:col>6</xdr:col>
                    <xdr:colOff>76200</xdr:colOff>
                    <xdr:row>78</xdr:row>
                    <xdr:rowOff>552450</xdr:rowOff>
                  </from>
                  <to>
                    <xdr:col>6</xdr:col>
                    <xdr:colOff>295275</xdr:colOff>
                    <xdr:row>78</xdr:row>
                    <xdr:rowOff>771525</xdr:rowOff>
                  </to>
                </anchor>
              </controlPr>
            </control>
          </mc:Choice>
        </mc:AlternateContent>
        <mc:AlternateContent xmlns:mc="http://schemas.openxmlformats.org/markup-compatibility/2006">
          <mc:Choice Requires="x14">
            <control shapeId="1181" r:id="rId135" name="Check Box 157">
              <controlPr defaultSize="0" autoFill="0" autoLine="0" autoPict="0">
                <anchor moveWithCells="1">
                  <from>
                    <xdr:col>6</xdr:col>
                    <xdr:colOff>104775</xdr:colOff>
                    <xdr:row>79</xdr:row>
                    <xdr:rowOff>0</xdr:rowOff>
                  </from>
                  <to>
                    <xdr:col>6</xdr:col>
                    <xdr:colOff>323850</xdr:colOff>
                    <xdr:row>79</xdr:row>
                    <xdr:rowOff>219075</xdr:rowOff>
                  </to>
                </anchor>
              </controlPr>
            </control>
          </mc:Choice>
        </mc:AlternateContent>
        <mc:AlternateContent xmlns:mc="http://schemas.openxmlformats.org/markup-compatibility/2006">
          <mc:Choice Requires="x14">
            <control shapeId="1183" r:id="rId136" name="Check Box 159">
              <controlPr defaultSize="0" autoFill="0" autoLine="0" autoPict="0">
                <anchor moveWithCells="1">
                  <from>
                    <xdr:col>6</xdr:col>
                    <xdr:colOff>104775</xdr:colOff>
                    <xdr:row>79</xdr:row>
                    <xdr:rowOff>0</xdr:rowOff>
                  </from>
                  <to>
                    <xdr:col>6</xdr:col>
                    <xdr:colOff>323850</xdr:colOff>
                    <xdr:row>79</xdr:row>
                    <xdr:rowOff>219075</xdr:rowOff>
                  </to>
                </anchor>
              </controlPr>
            </control>
          </mc:Choice>
        </mc:AlternateContent>
        <mc:AlternateContent xmlns:mc="http://schemas.openxmlformats.org/markup-compatibility/2006">
          <mc:Choice Requires="x14">
            <control shapeId="1185" r:id="rId137" name="Check Box 161">
              <controlPr defaultSize="0" autoFill="0" autoLine="0" autoPict="0">
                <anchor moveWithCells="1">
                  <from>
                    <xdr:col>6</xdr:col>
                    <xdr:colOff>95250</xdr:colOff>
                    <xdr:row>79</xdr:row>
                    <xdr:rowOff>0</xdr:rowOff>
                  </from>
                  <to>
                    <xdr:col>6</xdr:col>
                    <xdr:colOff>314325</xdr:colOff>
                    <xdr:row>79</xdr:row>
                    <xdr:rowOff>219075</xdr:rowOff>
                  </to>
                </anchor>
              </controlPr>
            </control>
          </mc:Choice>
        </mc:AlternateContent>
        <mc:AlternateContent xmlns:mc="http://schemas.openxmlformats.org/markup-compatibility/2006">
          <mc:Choice Requires="x14">
            <control shapeId="1186" r:id="rId138" name="Check Box 162">
              <controlPr defaultSize="0" autoFill="0" autoLine="0" autoPict="0">
                <anchor moveWithCells="1">
                  <from>
                    <xdr:col>6</xdr:col>
                    <xdr:colOff>95250</xdr:colOff>
                    <xdr:row>79</xdr:row>
                    <xdr:rowOff>276225</xdr:rowOff>
                  </from>
                  <to>
                    <xdr:col>6</xdr:col>
                    <xdr:colOff>314325</xdr:colOff>
                    <xdr:row>79</xdr:row>
                    <xdr:rowOff>495300</xdr:rowOff>
                  </to>
                </anchor>
              </controlPr>
            </control>
          </mc:Choice>
        </mc:AlternateContent>
        <mc:AlternateContent xmlns:mc="http://schemas.openxmlformats.org/markup-compatibility/2006">
          <mc:Choice Requires="x14">
            <control shapeId="1187" r:id="rId139" name="Check Box 163">
              <controlPr defaultSize="0" autoFill="0" autoLine="0" autoPict="0">
                <anchor moveWithCells="1">
                  <from>
                    <xdr:col>6</xdr:col>
                    <xdr:colOff>95250</xdr:colOff>
                    <xdr:row>80</xdr:row>
                    <xdr:rowOff>276225</xdr:rowOff>
                  </from>
                  <to>
                    <xdr:col>6</xdr:col>
                    <xdr:colOff>314325</xdr:colOff>
                    <xdr:row>80</xdr:row>
                    <xdr:rowOff>495300</xdr:rowOff>
                  </to>
                </anchor>
              </controlPr>
            </control>
          </mc:Choice>
        </mc:AlternateContent>
        <mc:AlternateContent xmlns:mc="http://schemas.openxmlformats.org/markup-compatibility/2006">
          <mc:Choice Requires="x14">
            <control shapeId="1188" r:id="rId140" name="Check Box 164">
              <controlPr defaultSize="0" autoFill="0" autoLine="0" autoPict="0">
                <anchor moveWithCells="1">
                  <from>
                    <xdr:col>6</xdr:col>
                    <xdr:colOff>104775</xdr:colOff>
                    <xdr:row>81</xdr:row>
                    <xdr:rowOff>171450</xdr:rowOff>
                  </from>
                  <to>
                    <xdr:col>6</xdr:col>
                    <xdr:colOff>323850</xdr:colOff>
                    <xdr:row>81</xdr:row>
                    <xdr:rowOff>390525</xdr:rowOff>
                  </to>
                </anchor>
              </controlPr>
            </control>
          </mc:Choice>
        </mc:AlternateContent>
        <mc:AlternateContent xmlns:mc="http://schemas.openxmlformats.org/markup-compatibility/2006">
          <mc:Choice Requires="x14">
            <control shapeId="1189" r:id="rId141" name="Check Box 165">
              <controlPr defaultSize="0" autoFill="0" autoLine="0" autoPict="0">
                <anchor moveWithCells="1">
                  <from>
                    <xdr:col>6</xdr:col>
                    <xdr:colOff>85725</xdr:colOff>
                    <xdr:row>82</xdr:row>
                    <xdr:rowOff>1104900</xdr:rowOff>
                  </from>
                  <to>
                    <xdr:col>6</xdr:col>
                    <xdr:colOff>304800</xdr:colOff>
                    <xdr:row>82</xdr:row>
                    <xdr:rowOff>1323975</xdr:rowOff>
                  </to>
                </anchor>
              </controlPr>
            </control>
          </mc:Choice>
        </mc:AlternateContent>
        <mc:AlternateContent xmlns:mc="http://schemas.openxmlformats.org/markup-compatibility/2006">
          <mc:Choice Requires="x14">
            <control shapeId="1190" r:id="rId142" name="Check Box 166">
              <controlPr defaultSize="0" autoFill="0" autoLine="0" autoPict="0">
                <anchor moveWithCells="1">
                  <from>
                    <xdr:col>7</xdr:col>
                    <xdr:colOff>104775</xdr:colOff>
                    <xdr:row>78</xdr:row>
                    <xdr:rowOff>552450</xdr:rowOff>
                  </from>
                  <to>
                    <xdr:col>7</xdr:col>
                    <xdr:colOff>323850</xdr:colOff>
                    <xdr:row>78</xdr:row>
                    <xdr:rowOff>771525</xdr:rowOff>
                  </to>
                </anchor>
              </controlPr>
            </control>
          </mc:Choice>
        </mc:AlternateContent>
        <mc:AlternateContent xmlns:mc="http://schemas.openxmlformats.org/markup-compatibility/2006">
          <mc:Choice Requires="x14">
            <control shapeId="1191" r:id="rId143" name="Check Box 167">
              <controlPr defaultSize="0" autoFill="0" autoLine="0" autoPict="0">
                <anchor moveWithCells="1">
                  <from>
                    <xdr:col>5</xdr:col>
                    <xdr:colOff>95250</xdr:colOff>
                    <xdr:row>83</xdr:row>
                    <xdr:rowOff>276225</xdr:rowOff>
                  </from>
                  <to>
                    <xdr:col>5</xdr:col>
                    <xdr:colOff>314325</xdr:colOff>
                    <xdr:row>83</xdr:row>
                    <xdr:rowOff>495300</xdr:rowOff>
                  </to>
                </anchor>
              </controlPr>
            </control>
          </mc:Choice>
        </mc:AlternateContent>
        <mc:AlternateContent xmlns:mc="http://schemas.openxmlformats.org/markup-compatibility/2006">
          <mc:Choice Requires="x14">
            <control shapeId="1192" r:id="rId144" name="Check Box 168">
              <controlPr defaultSize="0" autoFill="0" autoLine="0" autoPict="0">
                <anchor moveWithCells="1">
                  <from>
                    <xdr:col>5</xdr:col>
                    <xdr:colOff>95250</xdr:colOff>
                    <xdr:row>84</xdr:row>
                    <xdr:rowOff>276225</xdr:rowOff>
                  </from>
                  <to>
                    <xdr:col>5</xdr:col>
                    <xdr:colOff>314325</xdr:colOff>
                    <xdr:row>84</xdr:row>
                    <xdr:rowOff>495300</xdr:rowOff>
                  </to>
                </anchor>
              </controlPr>
            </control>
          </mc:Choice>
        </mc:AlternateContent>
        <mc:AlternateContent xmlns:mc="http://schemas.openxmlformats.org/markup-compatibility/2006">
          <mc:Choice Requires="x14">
            <control shapeId="1193" r:id="rId145" name="Check Box 169">
              <controlPr defaultSize="0" autoFill="0" autoLine="0" autoPict="0">
                <anchor moveWithCells="1">
                  <from>
                    <xdr:col>5</xdr:col>
                    <xdr:colOff>95250</xdr:colOff>
                    <xdr:row>85</xdr:row>
                    <xdr:rowOff>190500</xdr:rowOff>
                  </from>
                  <to>
                    <xdr:col>5</xdr:col>
                    <xdr:colOff>314325</xdr:colOff>
                    <xdr:row>85</xdr:row>
                    <xdr:rowOff>409575</xdr:rowOff>
                  </to>
                </anchor>
              </controlPr>
            </control>
          </mc:Choice>
        </mc:AlternateContent>
        <mc:AlternateContent xmlns:mc="http://schemas.openxmlformats.org/markup-compatibility/2006">
          <mc:Choice Requires="x14">
            <control shapeId="1194" r:id="rId146" name="Check Box 170">
              <controlPr defaultSize="0" autoFill="0" autoLine="0" autoPict="0">
                <anchor moveWithCells="1">
                  <from>
                    <xdr:col>5</xdr:col>
                    <xdr:colOff>85725</xdr:colOff>
                    <xdr:row>86</xdr:row>
                    <xdr:rowOff>1162050</xdr:rowOff>
                  </from>
                  <to>
                    <xdr:col>5</xdr:col>
                    <xdr:colOff>304800</xdr:colOff>
                    <xdr:row>86</xdr:row>
                    <xdr:rowOff>1381125</xdr:rowOff>
                  </to>
                </anchor>
              </controlPr>
            </control>
          </mc:Choice>
        </mc:AlternateContent>
        <mc:AlternateContent xmlns:mc="http://schemas.openxmlformats.org/markup-compatibility/2006">
          <mc:Choice Requires="x14">
            <control shapeId="1195" r:id="rId147" name="Check Box 171">
              <controlPr defaultSize="0" autoFill="0" autoLine="0" autoPict="0">
                <anchor moveWithCells="1">
                  <from>
                    <xdr:col>5</xdr:col>
                    <xdr:colOff>85725</xdr:colOff>
                    <xdr:row>87</xdr:row>
                    <xdr:rowOff>1038225</xdr:rowOff>
                  </from>
                  <to>
                    <xdr:col>5</xdr:col>
                    <xdr:colOff>304800</xdr:colOff>
                    <xdr:row>87</xdr:row>
                    <xdr:rowOff>1257300</xdr:rowOff>
                  </to>
                </anchor>
              </controlPr>
            </control>
          </mc:Choice>
        </mc:AlternateContent>
        <mc:AlternateContent xmlns:mc="http://schemas.openxmlformats.org/markup-compatibility/2006">
          <mc:Choice Requires="x14">
            <control shapeId="1196" r:id="rId148" name="Check Box 172">
              <controlPr defaultSize="0" autoFill="0" autoLine="0" autoPict="0">
                <anchor moveWithCells="1">
                  <from>
                    <xdr:col>5</xdr:col>
                    <xdr:colOff>85725</xdr:colOff>
                    <xdr:row>90</xdr:row>
                    <xdr:rowOff>419100</xdr:rowOff>
                  </from>
                  <to>
                    <xdr:col>5</xdr:col>
                    <xdr:colOff>304800</xdr:colOff>
                    <xdr:row>90</xdr:row>
                    <xdr:rowOff>638175</xdr:rowOff>
                  </to>
                </anchor>
              </controlPr>
            </control>
          </mc:Choice>
        </mc:AlternateContent>
        <mc:AlternateContent xmlns:mc="http://schemas.openxmlformats.org/markup-compatibility/2006">
          <mc:Choice Requires="x14">
            <control shapeId="1197" r:id="rId149" name="Check Box 173">
              <controlPr defaultSize="0" autoFill="0" autoLine="0" autoPict="0">
                <anchor moveWithCells="1">
                  <from>
                    <xdr:col>5</xdr:col>
                    <xdr:colOff>104775</xdr:colOff>
                    <xdr:row>91</xdr:row>
                    <xdr:rowOff>542925</xdr:rowOff>
                  </from>
                  <to>
                    <xdr:col>5</xdr:col>
                    <xdr:colOff>323850</xdr:colOff>
                    <xdr:row>91</xdr:row>
                    <xdr:rowOff>762000</xdr:rowOff>
                  </to>
                </anchor>
              </controlPr>
            </control>
          </mc:Choice>
        </mc:AlternateContent>
        <mc:AlternateContent xmlns:mc="http://schemas.openxmlformats.org/markup-compatibility/2006">
          <mc:Choice Requires="x14">
            <control shapeId="1198" r:id="rId150" name="Check Box 174">
              <controlPr defaultSize="0" autoFill="0" autoLine="0" autoPict="0">
                <anchor moveWithCells="1">
                  <from>
                    <xdr:col>5</xdr:col>
                    <xdr:colOff>95250</xdr:colOff>
                    <xdr:row>92</xdr:row>
                    <xdr:rowOff>276225</xdr:rowOff>
                  </from>
                  <to>
                    <xdr:col>5</xdr:col>
                    <xdr:colOff>314325</xdr:colOff>
                    <xdr:row>92</xdr:row>
                    <xdr:rowOff>495300</xdr:rowOff>
                  </to>
                </anchor>
              </controlPr>
            </control>
          </mc:Choice>
        </mc:AlternateContent>
        <mc:AlternateContent xmlns:mc="http://schemas.openxmlformats.org/markup-compatibility/2006">
          <mc:Choice Requires="x14">
            <control shapeId="1199" r:id="rId151" name="Check Box 175">
              <controlPr defaultSize="0" autoFill="0" autoLine="0" autoPict="0">
                <anchor moveWithCells="1">
                  <from>
                    <xdr:col>6</xdr:col>
                    <xdr:colOff>95250</xdr:colOff>
                    <xdr:row>83</xdr:row>
                    <xdr:rowOff>276225</xdr:rowOff>
                  </from>
                  <to>
                    <xdr:col>6</xdr:col>
                    <xdr:colOff>314325</xdr:colOff>
                    <xdr:row>83</xdr:row>
                    <xdr:rowOff>495300</xdr:rowOff>
                  </to>
                </anchor>
              </controlPr>
            </control>
          </mc:Choice>
        </mc:AlternateContent>
        <mc:AlternateContent xmlns:mc="http://schemas.openxmlformats.org/markup-compatibility/2006">
          <mc:Choice Requires="x14">
            <control shapeId="1200" r:id="rId152" name="Check Box 176">
              <controlPr defaultSize="0" autoFill="0" autoLine="0" autoPict="0">
                <anchor moveWithCells="1">
                  <from>
                    <xdr:col>6</xdr:col>
                    <xdr:colOff>95250</xdr:colOff>
                    <xdr:row>84</xdr:row>
                    <xdr:rowOff>276225</xdr:rowOff>
                  </from>
                  <to>
                    <xdr:col>6</xdr:col>
                    <xdr:colOff>314325</xdr:colOff>
                    <xdr:row>84</xdr:row>
                    <xdr:rowOff>495300</xdr:rowOff>
                  </to>
                </anchor>
              </controlPr>
            </control>
          </mc:Choice>
        </mc:AlternateContent>
        <mc:AlternateContent xmlns:mc="http://schemas.openxmlformats.org/markup-compatibility/2006">
          <mc:Choice Requires="x14">
            <control shapeId="1201" r:id="rId153" name="Check Box 177">
              <controlPr defaultSize="0" autoFill="0" autoLine="0" autoPict="0">
                <anchor moveWithCells="1">
                  <from>
                    <xdr:col>6</xdr:col>
                    <xdr:colOff>95250</xdr:colOff>
                    <xdr:row>85</xdr:row>
                    <xdr:rowOff>190500</xdr:rowOff>
                  </from>
                  <to>
                    <xdr:col>6</xdr:col>
                    <xdr:colOff>314325</xdr:colOff>
                    <xdr:row>85</xdr:row>
                    <xdr:rowOff>409575</xdr:rowOff>
                  </to>
                </anchor>
              </controlPr>
            </control>
          </mc:Choice>
        </mc:AlternateContent>
        <mc:AlternateContent xmlns:mc="http://schemas.openxmlformats.org/markup-compatibility/2006">
          <mc:Choice Requires="x14">
            <control shapeId="1202" r:id="rId154" name="Check Box 178">
              <controlPr defaultSize="0" autoFill="0" autoLine="0" autoPict="0">
                <anchor moveWithCells="1">
                  <from>
                    <xdr:col>6</xdr:col>
                    <xdr:colOff>104775</xdr:colOff>
                    <xdr:row>86</xdr:row>
                    <xdr:rowOff>1162050</xdr:rowOff>
                  </from>
                  <to>
                    <xdr:col>6</xdr:col>
                    <xdr:colOff>323850</xdr:colOff>
                    <xdr:row>86</xdr:row>
                    <xdr:rowOff>1381125</xdr:rowOff>
                  </to>
                </anchor>
              </controlPr>
            </control>
          </mc:Choice>
        </mc:AlternateContent>
        <mc:AlternateContent xmlns:mc="http://schemas.openxmlformats.org/markup-compatibility/2006">
          <mc:Choice Requires="x14">
            <control shapeId="1203" r:id="rId155" name="Check Box 179">
              <controlPr defaultSize="0" autoFill="0" autoLine="0" autoPict="0">
                <anchor moveWithCells="1">
                  <from>
                    <xdr:col>6</xdr:col>
                    <xdr:colOff>95250</xdr:colOff>
                    <xdr:row>87</xdr:row>
                    <xdr:rowOff>1028700</xdr:rowOff>
                  </from>
                  <to>
                    <xdr:col>6</xdr:col>
                    <xdr:colOff>314325</xdr:colOff>
                    <xdr:row>87</xdr:row>
                    <xdr:rowOff>1247775</xdr:rowOff>
                  </to>
                </anchor>
              </controlPr>
            </control>
          </mc:Choice>
        </mc:AlternateContent>
        <mc:AlternateContent xmlns:mc="http://schemas.openxmlformats.org/markup-compatibility/2006">
          <mc:Choice Requires="x14">
            <control shapeId="1204" r:id="rId156" name="Check Box 180">
              <controlPr defaultSize="0" autoFill="0" autoLine="0" autoPict="0">
                <anchor moveWithCells="1">
                  <from>
                    <xdr:col>6</xdr:col>
                    <xdr:colOff>95250</xdr:colOff>
                    <xdr:row>90</xdr:row>
                    <xdr:rowOff>419100</xdr:rowOff>
                  </from>
                  <to>
                    <xdr:col>6</xdr:col>
                    <xdr:colOff>314325</xdr:colOff>
                    <xdr:row>90</xdr:row>
                    <xdr:rowOff>638175</xdr:rowOff>
                  </to>
                </anchor>
              </controlPr>
            </control>
          </mc:Choice>
        </mc:AlternateContent>
        <mc:AlternateContent xmlns:mc="http://schemas.openxmlformats.org/markup-compatibility/2006">
          <mc:Choice Requires="x14">
            <control shapeId="1205" r:id="rId157" name="Check Box 181">
              <controlPr defaultSize="0" autoFill="0" autoLine="0" autoPict="0">
                <anchor moveWithCells="1">
                  <from>
                    <xdr:col>6</xdr:col>
                    <xdr:colOff>104775</xdr:colOff>
                    <xdr:row>91</xdr:row>
                    <xdr:rowOff>533400</xdr:rowOff>
                  </from>
                  <to>
                    <xdr:col>6</xdr:col>
                    <xdr:colOff>323850</xdr:colOff>
                    <xdr:row>91</xdr:row>
                    <xdr:rowOff>752475</xdr:rowOff>
                  </to>
                </anchor>
              </controlPr>
            </control>
          </mc:Choice>
        </mc:AlternateContent>
        <mc:AlternateContent xmlns:mc="http://schemas.openxmlformats.org/markup-compatibility/2006">
          <mc:Choice Requires="x14">
            <control shapeId="1206" r:id="rId158" name="Check Box 182">
              <controlPr defaultSize="0" autoFill="0" autoLine="0" autoPict="0">
                <anchor moveWithCells="1">
                  <from>
                    <xdr:col>6</xdr:col>
                    <xdr:colOff>95250</xdr:colOff>
                    <xdr:row>92</xdr:row>
                    <xdr:rowOff>276225</xdr:rowOff>
                  </from>
                  <to>
                    <xdr:col>6</xdr:col>
                    <xdr:colOff>314325</xdr:colOff>
                    <xdr:row>92</xdr:row>
                    <xdr:rowOff>495300</xdr:rowOff>
                  </to>
                </anchor>
              </controlPr>
            </control>
          </mc:Choice>
        </mc:AlternateContent>
        <mc:AlternateContent xmlns:mc="http://schemas.openxmlformats.org/markup-compatibility/2006">
          <mc:Choice Requires="x14">
            <control shapeId="1207" r:id="rId159" name="Check Box 183">
              <controlPr defaultSize="0" autoFill="0" autoLine="0" autoPict="0">
                <anchor moveWithCells="1">
                  <from>
                    <xdr:col>5</xdr:col>
                    <xdr:colOff>95250</xdr:colOff>
                    <xdr:row>93</xdr:row>
                    <xdr:rowOff>276225</xdr:rowOff>
                  </from>
                  <to>
                    <xdr:col>5</xdr:col>
                    <xdr:colOff>314325</xdr:colOff>
                    <xdr:row>93</xdr:row>
                    <xdr:rowOff>495300</xdr:rowOff>
                  </to>
                </anchor>
              </controlPr>
            </control>
          </mc:Choice>
        </mc:AlternateContent>
        <mc:AlternateContent xmlns:mc="http://schemas.openxmlformats.org/markup-compatibility/2006">
          <mc:Choice Requires="x14">
            <control shapeId="1208" r:id="rId160" name="Check Box 184">
              <controlPr defaultSize="0" autoFill="0" autoLine="0" autoPict="0">
                <anchor moveWithCells="1">
                  <from>
                    <xdr:col>5</xdr:col>
                    <xdr:colOff>104775</xdr:colOff>
                    <xdr:row>94</xdr:row>
                    <xdr:rowOff>409575</xdr:rowOff>
                  </from>
                  <to>
                    <xdr:col>5</xdr:col>
                    <xdr:colOff>323850</xdr:colOff>
                    <xdr:row>94</xdr:row>
                    <xdr:rowOff>628650</xdr:rowOff>
                  </to>
                </anchor>
              </controlPr>
            </control>
          </mc:Choice>
        </mc:AlternateContent>
        <mc:AlternateContent xmlns:mc="http://schemas.openxmlformats.org/markup-compatibility/2006">
          <mc:Choice Requires="x14">
            <control shapeId="1210" r:id="rId161" name="Check Box 186">
              <controlPr defaultSize="0" autoFill="0" autoLine="0" autoPict="0">
                <anchor moveWithCells="1">
                  <from>
                    <xdr:col>5</xdr:col>
                    <xdr:colOff>95250</xdr:colOff>
                    <xdr:row>95</xdr:row>
                    <xdr:rowOff>276225</xdr:rowOff>
                  </from>
                  <to>
                    <xdr:col>5</xdr:col>
                    <xdr:colOff>314325</xdr:colOff>
                    <xdr:row>95</xdr:row>
                    <xdr:rowOff>495300</xdr:rowOff>
                  </to>
                </anchor>
              </controlPr>
            </control>
          </mc:Choice>
        </mc:AlternateContent>
        <mc:AlternateContent xmlns:mc="http://schemas.openxmlformats.org/markup-compatibility/2006">
          <mc:Choice Requires="x14">
            <control shapeId="1212" r:id="rId162" name="Check Box 188">
              <controlPr defaultSize="0" autoFill="0" autoLine="0" autoPict="0">
                <anchor moveWithCells="1">
                  <from>
                    <xdr:col>5</xdr:col>
                    <xdr:colOff>95250</xdr:colOff>
                    <xdr:row>96</xdr:row>
                    <xdr:rowOff>276225</xdr:rowOff>
                  </from>
                  <to>
                    <xdr:col>5</xdr:col>
                    <xdr:colOff>314325</xdr:colOff>
                    <xdr:row>96</xdr:row>
                    <xdr:rowOff>495300</xdr:rowOff>
                  </to>
                </anchor>
              </controlPr>
            </control>
          </mc:Choice>
        </mc:AlternateContent>
        <mc:AlternateContent xmlns:mc="http://schemas.openxmlformats.org/markup-compatibility/2006">
          <mc:Choice Requires="x14">
            <control shapeId="1214" r:id="rId163" name="Check Box 190">
              <controlPr defaultSize="0" autoFill="0" autoLine="0" autoPict="0">
                <anchor moveWithCells="1">
                  <from>
                    <xdr:col>5</xdr:col>
                    <xdr:colOff>95250</xdr:colOff>
                    <xdr:row>97</xdr:row>
                    <xdr:rowOff>276225</xdr:rowOff>
                  </from>
                  <to>
                    <xdr:col>5</xdr:col>
                    <xdr:colOff>314325</xdr:colOff>
                    <xdr:row>97</xdr:row>
                    <xdr:rowOff>495300</xdr:rowOff>
                  </to>
                </anchor>
              </controlPr>
            </control>
          </mc:Choice>
        </mc:AlternateContent>
        <mc:AlternateContent xmlns:mc="http://schemas.openxmlformats.org/markup-compatibility/2006">
          <mc:Choice Requires="x14">
            <control shapeId="1215" r:id="rId164" name="Check Box 191">
              <controlPr defaultSize="0" autoFill="0" autoLine="0" autoPict="0">
                <anchor moveWithCells="1">
                  <from>
                    <xdr:col>5</xdr:col>
                    <xdr:colOff>66675</xdr:colOff>
                    <xdr:row>99</xdr:row>
                    <xdr:rowOff>190500</xdr:rowOff>
                  </from>
                  <to>
                    <xdr:col>5</xdr:col>
                    <xdr:colOff>285750</xdr:colOff>
                    <xdr:row>99</xdr:row>
                    <xdr:rowOff>409575</xdr:rowOff>
                  </to>
                </anchor>
              </controlPr>
            </control>
          </mc:Choice>
        </mc:AlternateContent>
        <mc:AlternateContent xmlns:mc="http://schemas.openxmlformats.org/markup-compatibility/2006">
          <mc:Choice Requires="x14">
            <control shapeId="1216" r:id="rId165" name="Check Box 192">
              <controlPr defaultSize="0" autoFill="0" autoLine="0" autoPict="0">
                <anchor moveWithCells="1">
                  <from>
                    <xdr:col>5</xdr:col>
                    <xdr:colOff>95250</xdr:colOff>
                    <xdr:row>100</xdr:row>
                    <xdr:rowOff>276225</xdr:rowOff>
                  </from>
                  <to>
                    <xdr:col>5</xdr:col>
                    <xdr:colOff>314325</xdr:colOff>
                    <xdr:row>100</xdr:row>
                    <xdr:rowOff>495300</xdr:rowOff>
                  </to>
                </anchor>
              </controlPr>
            </control>
          </mc:Choice>
        </mc:AlternateContent>
        <mc:AlternateContent xmlns:mc="http://schemas.openxmlformats.org/markup-compatibility/2006">
          <mc:Choice Requires="x14">
            <control shapeId="1217" r:id="rId166" name="Check Box 193">
              <controlPr defaultSize="0" autoFill="0" autoLine="0" autoPict="0">
                <anchor moveWithCells="1">
                  <from>
                    <xdr:col>5</xdr:col>
                    <xdr:colOff>76200</xdr:colOff>
                    <xdr:row>101</xdr:row>
                    <xdr:rowOff>361950</xdr:rowOff>
                  </from>
                  <to>
                    <xdr:col>5</xdr:col>
                    <xdr:colOff>295275</xdr:colOff>
                    <xdr:row>101</xdr:row>
                    <xdr:rowOff>581025</xdr:rowOff>
                  </to>
                </anchor>
              </controlPr>
            </control>
          </mc:Choice>
        </mc:AlternateContent>
        <mc:AlternateContent xmlns:mc="http://schemas.openxmlformats.org/markup-compatibility/2006">
          <mc:Choice Requires="x14">
            <control shapeId="1219" r:id="rId167" name="Check Box 195">
              <controlPr defaultSize="0" autoFill="0" autoLine="0" autoPict="0">
                <anchor moveWithCells="1">
                  <from>
                    <xdr:col>6</xdr:col>
                    <xdr:colOff>95250</xdr:colOff>
                    <xdr:row>97</xdr:row>
                    <xdr:rowOff>276225</xdr:rowOff>
                  </from>
                  <to>
                    <xdr:col>6</xdr:col>
                    <xdr:colOff>314325</xdr:colOff>
                    <xdr:row>97</xdr:row>
                    <xdr:rowOff>495300</xdr:rowOff>
                  </to>
                </anchor>
              </controlPr>
            </control>
          </mc:Choice>
        </mc:AlternateContent>
        <mc:AlternateContent xmlns:mc="http://schemas.openxmlformats.org/markup-compatibility/2006">
          <mc:Choice Requires="x14">
            <control shapeId="1220" r:id="rId168" name="Check Box 196">
              <controlPr defaultSize="0" autoFill="0" autoLine="0" autoPict="0">
                <anchor moveWithCells="1">
                  <from>
                    <xdr:col>6</xdr:col>
                    <xdr:colOff>85725</xdr:colOff>
                    <xdr:row>99</xdr:row>
                    <xdr:rowOff>180975</xdr:rowOff>
                  </from>
                  <to>
                    <xdr:col>6</xdr:col>
                    <xdr:colOff>304800</xdr:colOff>
                    <xdr:row>99</xdr:row>
                    <xdr:rowOff>400050</xdr:rowOff>
                  </to>
                </anchor>
              </controlPr>
            </control>
          </mc:Choice>
        </mc:AlternateContent>
        <mc:AlternateContent xmlns:mc="http://schemas.openxmlformats.org/markup-compatibility/2006">
          <mc:Choice Requires="x14">
            <control shapeId="1221" r:id="rId169" name="Check Box 197">
              <controlPr defaultSize="0" autoFill="0" autoLine="0" autoPict="0">
                <anchor moveWithCells="1">
                  <from>
                    <xdr:col>6</xdr:col>
                    <xdr:colOff>95250</xdr:colOff>
                    <xdr:row>96</xdr:row>
                    <xdr:rowOff>276225</xdr:rowOff>
                  </from>
                  <to>
                    <xdr:col>6</xdr:col>
                    <xdr:colOff>314325</xdr:colOff>
                    <xdr:row>96</xdr:row>
                    <xdr:rowOff>495300</xdr:rowOff>
                  </to>
                </anchor>
              </controlPr>
            </control>
          </mc:Choice>
        </mc:AlternateContent>
        <mc:AlternateContent xmlns:mc="http://schemas.openxmlformats.org/markup-compatibility/2006">
          <mc:Choice Requires="x14">
            <control shapeId="1222" r:id="rId170" name="Check Box 198">
              <controlPr defaultSize="0" autoFill="0" autoLine="0" autoPict="0">
                <anchor moveWithCells="1">
                  <from>
                    <xdr:col>6</xdr:col>
                    <xdr:colOff>95250</xdr:colOff>
                    <xdr:row>100</xdr:row>
                    <xdr:rowOff>276225</xdr:rowOff>
                  </from>
                  <to>
                    <xdr:col>6</xdr:col>
                    <xdr:colOff>314325</xdr:colOff>
                    <xdr:row>100</xdr:row>
                    <xdr:rowOff>495300</xdr:rowOff>
                  </to>
                </anchor>
              </controlPr>
            </control>
          </mc:Choice>
        </mc:AlternateContent>
        <mc:AlternateContent xmlns:mc="http://schemas.openxmlformats.org/markup-compatibility/2006">
          <mc:Choice Requires="x14">
            <control shapeId="1223" r:id="rId171" name="Check Box 199">
              <controlPr defaultSize="0" autoFill="0" autoLine="0" autoPict="0">
                <anchor moveWithCells="1">
                  <from>
                    <xdr:col>6</xdr:col>
                    <xdr:colOff>95250</xdr:colOff>
                    <xdr:row>101</xdr:row>
                    <xdr:rowOff>352425</xdr:rowOff>
                  </from>
                  <to>
                    <xdr:col>6</xdr:col>
                    <xdr:colOff>314325</xdr:colOff>
                    <xdr:row>101</xdr:row>
                    <xdr:rowOff>571500</xdr:rowOff>
                  </to>
                </anchor>
              </controlPr>
            </control>
          </mc:Choice>
        </mc:AlternateContent>
        <mc:AlternateContent xmlns:mc="http://schemas.openxmlformats.org/markup-compatibility/2006">
          <mc:Choice Requires="x14">
            <control shapeId="1225" r:id="rId172" name="Check Box 201">
              <controlPr defaultSize="0" autoFill="0" autoLine="0" autoPict="0">
                <anchor moveWithCells="1">
                  <from>
                    <xdr:col>6</xdr:col>
                    <xdr:colOff>95250</xdr:colOff>
                    <xdr:row>102</xdr:row>
                    <xdr:rowOff>276225</xdr:rowOff>
                  </from>
                  <to>
                    <xdr:col>6</xdr:col>
                    <xdr:colOff>314325</xdr:colOff>
                    <xdr:row>102</xdr:row>
                    <xdr:rowOff>495300</xdr:rowOff>
                  </to>
                </anchor>
              </controlPr>
            </control>
          </mc:Choice>
        </mc:AlternateContent>
        <mc:AlternateContent xmlns:mc="http://schemas.openxmlformats.org/markup-compatibility/2006">
          <mc:Choice Requires="x14">
            <control shapeId="1226" r:id="rId173" name="Check Box 202">
              <controlPr defaultSize="0" autoFill="0" autoLine="0" autoPict="0">
                <anchor moveWithCells="1">
                  <from>
                    <xdr:col>6</xdr:col>
                    <xdr:colOff>95250</xdr:colOff>
                    <xdr:row>103</xdr:row>
                    <xdr:rowOff>276225</xdr:rowOff>
                  </from>
                  <to>
                    <xdr:col>6</xdr:col>
                    <xdr:colOff>314325</xdr:colOff>
                    <xdr:row>103</xdr:row>
                    <xdr:rowOff>495300</xdr:rowOff>
                  </to>
                </anchor>
              </controlPr>
            </control>
          </mc:Choice>
        </mc:AlternateContent>
        <mc:AlternateContent xmlns:mc="http://schemas.openxmlformats.org/markup-compatibility/2006">
          <mc:Choice Requires="x14">
            <control shapeId="1227" r:id="rId174" name="Check Box 203">
              <controlPr defaultSize="0" autoFill="0" autoLine="0" autoPict="0">
                <anchor moveWithCells="1">
                  <from>
                    <xdr:col>5</xdr:col>
                    <xdr:colOff>95250</xdr:colOff>
                    <xdr:row>103</xdr:row>
                    <xdr:rowOff>276225</xdr:rowOff>
                  </from>
                  <to>
                    <xdr:col>5</xdr:col>
                    <xdr:colOff>314325</xdr:colOff>
                    <xdr:row>103</xdr:row>
                    <xdr:rowOff>495300</xdr:rowOff>
                  </to>
                </anchor>
              </controlPr>
            </control>
          </mc:Choice>
        </mc:AlternateContent>
        <mc:AlternateContent xmlns:mc="http://schemas.openxmlformats.org/markup-compatibility/2006">
          <mc:Choice Requires="x14">
            <control shapeId="1228" r:id="rId175" name="Check Box 204">
              <controlPr defaultSize="0" autoFill="0" autoLine="0" autoPict="0">
                <anchor moveWithCells="1">
                  <from>
                    <xdr:col>5</xdr:col>
                    <xdr:colOff>95250</xdr:colOff>
                    <xdr:row>102</xdr:row>
                    <xdr:rowOff>276225</xdr:rowOff>
                  </from>
                  <to>
                    <xdr:col>5</xdr:col>
                    <xdr:colOff>314325</xdr:colOff>
                    <xdr:row>102</xdr:row>
                    <xdr:rowOff>495300</xdr:rowOff>
                  </to>
                </anchor>
              </controlPr>
            </control>
          </mc:Choice>
        </mc:AlternateContent>
        <mc:AlternateContent xmlns:mc="http://schemas.openxmlformats.org/markup-compatibility/2006">
          <mc:Choice Requires="x14">
            <control shapeId="1230" r:id="rId176" name="Check Box 206">
              <controlPr defaultSize="0" autoFill="0" autoLine="0" autoPict="0">
                <anchor moveWithCells="1">
                  <from>
                    <xdr:col>6</xdr:col>
                    <xdr:colOff>104775</xdr:colOff>
                    <xdr:row>94</xdr:row>
                    <xdr:rowOff>400050</xdr:rowOff>
                  </from>
                  <to>
                    <xdr:col>6</xdr:col>
                    <xdr:colOff>323850</xdr:colOff>
                    <xdr:row>94</xdr:row>
                    <xdr:rowOff>619125</xdr:rowOff>
                  </to>
                </anchor>
              </controlPr>
            </control>
          </mc:Choice>
        </mc:AlternateContent>
        <mc:AlternateContent xmlns:mc="http://schemas.openxmlformats.org/markup-compatibility/2006">
          <mc:Choice Requires="x14">
            <control shapeId="1231" r:id="rId177" name="Check Box 207">
              <controlPr defaultSize="0" autoFill="0" autoLine="0" autoPict="0">
                <anchor moveWithCells="1">
                  <from>
                    <xdr:col>6</xdr:col>
                    <xdr:colOff>95250</xdr:colOff>
                    <xdr:row>95</xdr:row>
                    <xdr:rowOff>276225</xdr:rowOff>
                  </from>
                  <to>
                    <xdr:col>6</xdr:col>
                    <xdr:colOff>314325</xdr:colOff>
                    <xdr:row>95</xdr:row>
                    <xdr:rowOff>495300</xdr:rowOff>
                  </to>
                </anchor>
              </controlPr>
            </control>
          </mc:Choice>
        </mc:AlternateContent>
        <mc:AlternateContent xmlns:mc="http://schemas.openxmlformats.org/markup-compatibility/2006">
          <mc:Choice Requires="x14">
            <control shapeId="1233" r:id="rId178" name="Check Box 209">
              <controlPr defaultSize="0" autoFill="0" autoLine="0" autoPict="0">
                <anchor moveWithCells="1">
                  <from>
                    <xdr:col>6</xdr:col>
                    <xdr:colOff>95250</xdr:colOff>
                    <xdr:row>93</xdr:row>
                    <xdr:rowOff>276225</xdr:rowOff>
                  </from>
                  <to>
                    <xdr:col>6</xdr:col>
                    <xdr:colOff>314325</xdr:colOff>
                    <xdr:row>93</xdr:row>
                    <xdr:rowOff>495300</xdr:rowOff>
                  </to>
                </anchor>
              </controlPr>
            </control>
          </mc:Choice>
        </mc:AlternateContent>
        <mc:AlternateContent xmlns:mc="http://schemas.openxmlformats.org/markup-compatibility/2006">
          <mc:Choice Requires="x14">
            <control shapeId="1234" r:id="rId179" name="Check Box 210">
              <controlPr defaultSize="0" autoFill="0" autoLine="0" autoPict="0">
                <anchor moveWithCells="1">
                  <from>
                    <xdr:col>7</xdr:col>
                    <xdr:colOff>95250</xdr:colOff>
                    <xdr:row>97</xdr:row>
                    <xdr:rowOff>276225</xdr:rowOff>
                  </from>
                  <to>
                    <xdr:col>7</xdr:col>
                    <xdr:colOff>314325</xdr:colOff>
                    <xdr:row>97</xdr:row>
                    <xdr:rowOff>495300</xdr:rowOff>
                  </to>
                </anchor>
              </controlPr>
            </control>
          </mc:Choice>
        </mc:AlternateContent>
        <mc:AlternateContent xmlns:mc="http://schemas.openxmlformats.org/markup-compatibility/2006">
          <mc:Choice Requires="x14">
            <control shapeId="1235" r:id="rId180" name="Check Box 211">
              <controlPr defaultSize="0" autoFill="0" autoLine="0" autoPict="0">
                <anchor moveWithCells="1">
                  <from>
                    <xdr:col>5</xdr:col>
                    <xdr:colOff>95250</xdr:colOff>
                    <xdr:row>104</xdr:row>
                    <xdr:rowOff>390525</xdr:rowOff>
                  </from>
                  <to>
                    <xdr:col>5</xdr:col>
                    <xdr:colOff>314325</xdr:colOff>
                    <xdr:row>104</xdr:row>
                    <xdr:rowOff>609600</xdr:rowOff>
                  </to>
                </anchor>
              </controlPr>
            </control>
          </mc:Choice>
        </mc:AlternateContent>
        <mc:AlternateContent xmlns:mc="http://schemas.openxmlformats.org/markup-compatibility/2006">
          <mc:Choice Requires="x14">
            <control shapeId="1236" r:id="rId181" name="Check Box 212">
              <controlPr defaultSize="0" autoFill="0" autoLine="0" autoPict="0">
                <anchor moveWithCells="1">
                  <from>
                    <xdr:col>5</xdr:col>
                    <xdr:colOff>95250</xdr:colOff>
                    <xdr:row>105</xdr:row>
                    <xdr:rowOff>276225</xdr:rowOff>
                  </from>
                  <to>
                    <xdr:col>5</xdr:col>
                    <xdr:colOff>314325</xdr:colOff>
                    <xdr:row>105</xdr:row>
                    <xdr:rowOff>495300</xdr:rowOff>
                  </to>
                </anchor>
              </controlPr>
            </control>
          </mc:Choice>
        </mc:AlternateContent>
        <mc:AlternateContent xmlns:mc="http://schemas.openxmlformats.org/markup-compatibility/2006">
          <mc:Choice Requires="x14">
            <control shapeId="1237" r:id="rId182" name="Check Box 213">
              <controlPr defaultSize="0" autoFill="0" autoLine="0" autoPict="0">
                <anchor moveWithCells="1">
                  <from>
                    <xdr:col>5</xdr:col>
                    <xdr:colOff>85725</xdr:colOff>
                    <xdr:row>106</xdr:row>
                    <xdr:rowOff>762000</xdr:rowOff>
                  </from>
                  <to>
                    <xdr:col>5</xdr:col>
                    <xdr:colOff>304800</xdr:colOff>
                    <xdr:row>107</xdr:row>
                    <xdr:rowOff>123825</xdr:rowOff>
                  </to>
                </anchor>
              </controlPr>
            </control>
          </mc:Choice>
        </mc:AlternateContent>
        <mc:AlternateContent xmlns:mc="http://schemas.openxmlformats.org/markup-compatibility/2006">
          <mc:Choice Requires="x14">
            <control shapeId="1238" r:id="rId183" name="Check Box 214">
              <controlPr defaultSize="0" autoFill="0" autoLine="0" autoPict="0">
                <anchor moveWithCells="1">
                  <from>
                    <xdr:col>5</xdr:col>
                    <xdr:colOff>95250</xdr:colOff>
                    <xdr:row>108</xdr:row>
                    <xdr:rowOff>276225</xdr:rowOff>
                  </from>
                  <to>
                    <xdr:col>5</xdr:col>
                    <xdr:colOff>314325</xdr:colOff>
                    <xdr:row>108</xdr:row>
                    <xdr:rowOff>495300</xdr:rowOff>
                  </to>
                </anchor>
              </controlPr>
            </control>
          </mc:Choice>
        </mc:AlternateContent>
        <mc:AlternateContent xmlns:mc="http://schemas.openxmlformats.org/markup-compatibility/2006">
          <mc:Choice Requires="x14">
            <control shapeId="1239" r:id="rId184" name="Check Box 215">
              <controlPr defaultSize="0" autoFill="0" autoLine="0" autoPict="0">
                <anchor moveWithCells="1">
                  <from>
                    <xdr:col>5</xdr:col>
                    <xdr:colOff>95250</xdr:colOff>
                    <xdr:row>109</xdr:row>
                    <xdr:rowOff>276225</xdr:rowOff>
                  </from>
                  <to>
                    <xdr:col>5</xdr:col>
                    <xdr:colOff>314325</xdr:colOff>
                    <xdr:row>109</xdr:row>
                    <xdr:rowOff>495300</xdr:rowOff>
                  </to>
                </anchor>
              </controlPr>
            </control>
          </mc:Choice>
        </mc:AlternateContent>
        <mc:AlternateContent xmlns:mc="http://schemas.openxmlformats.org/markup-compatibility/2006">
          <mc:Choice Requires="x14">
            <control shapeId="1240" r:id="rId185" name="Check Box 216">
              <controlPr defaultSize="0" autoFill="0" autoLine="0" autoPict="0">
                <anchor moveWithCells="1">
                  <from>
                    <xdr:col>5</xdr:col>
                    <xdr:colOff>95250</xdr:colOff>
                    <xdr:row>110</xdr:row>
                    <xdr:rowOff>361950</xdr:rowOff>
                  </from>
                  <to>
                    <xdr:col>5</xdr:col>
                    <xdr:colOff>314325</xdr:colOff>
                    <xdr:row>110</xdr:row>
                    <xdr:rowOff>581025</xdr:rowOff>
                  </to>
                </anchor>
              </controlPr>
            </control>
          </mc:Choice>
        </mc:AlternateContent>
        <mc:AlternateContent xmlns:mc="http://schemas.openxmlformats.org/markup-compatibility/2006">
          <mc:Choice Requires="x14">
            <control shapeId="1242" r:id="rId186" name="Check Box 218">
              <controlPr defaultSize="0" autoFill="0" autoLine="0" autoPict="0">
                <anchor moveWithCells="1">
                  <from>
                    <xdr:col>5</xdr:col>
                    <xdr:colOff>85725</xdr:colOff>
                    <xdr:row>111</xdr:row>
                    <xdr:rowOff>381000</xdr:rowOff>
                  </from>
                  <to>
                    <xdr:col>5</xdr:col>
                    <xdr:colOff>304800</xdr:colOff>
                    <xdr:row>111</xdr:row>
                    <xdr:rowOff>600075</xdr:rowOff>
                  </to>
                </anchor>
              </controlPr>
            </control>
          </mc:Choice>
        </mc:AlternateContent>
        <mc:AlternateContent xmlns:mc="http://schemas.openxmlformats.org/markup-compatibility/2006">
          <mc:Choice Requires="x14">
            <control shapeId="1243" r:id="rId187" name="Check Box 219">
              <controlPr defaultSize="0" autoFill="0" autoLine="0" autoPict="0">
                <anchor moveWithCells="1">
                  <from>
                    <xdr:col>5</xdr:col>
                    <xdr:colOff>104775</xdr:colOff>
                    <xdr:row>112</xdr:row>
                    <xdr:rowOff>390525</xdr:rowOff>
                  </from>
                  <to>
                    <xdr:col>5</xdr:col>
                    <xdr:colOff>323850</xdr:colOff>
                    <xdr:row>112</xdr:row>
                    <xdr:rowOff>609600</xdr:rowOff>
                  </to>
                </anchor>
              </controlPr>
            </control>
          </mc:Choice>
        </mc:AlternateContent>
        <mc:AlternateContent xmlns:mc="http://schemas.openxmlformats.org/markup-compatibility/2006">
          <mc:Choice Requires="x14">
            <control shapeId="1244" r:id="rId188" name="Check Box 220">
              <controlPr defaultSize="0" autoFill="0" autoLine="0" autoPict="0">
                <anchor moveWithCells="1">
                  <from>
                    <xdr:col>5</xdr:col>
                    <xdr:colOff>95250</xdr:colOff>
                    <xdr:row>113</xdr:row>
                    <xdr:rowOff>228600</xdr:rowOff>
                  </from>
                  <to>
                    <xdr:col>5</xdr:col>
                    <xdr:colOff>314325</xdr:colOff>
                    <xdr:row>113</xdr:row>
                    <xdr:rowOff>447675</xdr:rowOff>
                  </to>
                </anchor>
              </controlPr>
            </control>
          </mc:Choice>
        </mc:AlternateContent>
        <mc:AlternateContent xmlns:mc="http://schemas.openxmlformats.org/markup-compatibility/2006">
          <mc:Choice Requires="x14">
            <control shapeId="1245" r:id="rId189" name="Check Box 221">
              <controlPr defaultSize="0" autoFill="0" autoLine="0" autoPict="0">
                <anchor moveWithCells="1">
                  <from>
                    <xdr:col>5</xdr:col>
                    <xdr:colOff>95250</xdr:colOff>
                    <xdr:row>114</xdr:row>
                    <xdr:rowOff>276225</xdr:rowOff>
                  </from>
                  <to>
                    <xdr:col>5</xdr:col>
                    <xdr:colOff>314325</xdr:colOff>
                    <xdr:row>114</xdr:row>
                    <xdr:rowOff>495300</xdr:rowOff>
                  </to>
                </anchor>
              </controlPr>
            </control>
          </mc:Choice>
        </mc:AlternateContent>
        <mc:AlternateContent xmlns:mc="http://schemas.openxmlformats.org/markup-compatibility/2006">
          <mc:Choice Requires="x14">
            <control shapeId="1246" r:id="rId190" name="Check Box 222">
              <controlPr defaultSize="0" autoFill="0" autoLine="0" autoPict="0">
                <anchor moveWithCells="1">
                  <from>
                    <xdr:col>6</xdr:col>
                    <xdr:colOff>123825</xdr:colOff>
                    <xdr:row>104</xdr:row>
                    <xdr:rowOff>390525</xdr:rowOff>
                  </from>
                  <to>
                    <xdr:col>6</xdr:col>
                    <xdr:colOff>342900</xdr:colOff>
                    <xdr:row>104</xdr:row>
                    <xdr:rowOff>609600</xdr:rowOff>
                  </to>
                </anchor>
              </controlPr>
            </control>
          </mc:Choice>
        </mc:AlternateContent>
        <mc:AlternateContent xmlns:mc="http://schemas.openxmlformats.org/markup-compatibility/2006">
          <mc:Choice Requires="x14">
            <control shapeId="1247" r:id="rId191" name="Check Box 223">
              <controlPr defaultSize="0" autoFill="0" autoLine="0" autoPict="0">
                <anchor moveWithCells="1">
                  <from>
                    <xdr:col>6</xdr:col>
                    <xdr:colOff>95250</xdr:colOff>
                    <xdr:row>105</xdr:row>
                    <xdr:rowOff>276225</xdr:rowOff>
                  </from>
                  <to>
                    <xdr:col>6</xdr:col>
                    <xdr:colOff>314325</xdr:colOff>
                    <xdr:row>105</xdr:row>
                    <xdr:rowOff>495300</xdr:rowOff>
                  </to>
                </anchor>
              </controlPr>
            </control>
          </mc:Choice>
        </mc:AlternateContent>
        <mc:AlternateContent xmlns:mc="http://schemas.openxmlformats.org/markup-compatibility/2006">
          <mc:Choice Requires="x14">
            <control shapeId="1248" r:id="rId192" name="Check Box 224">
              <controlPr defaultSize="0" autoFill="0" autoLine="0" autoPict="0">
                <anchor moveWithCells="1">
                  <from>
                    <xdr:col>6</xdr:col>
                    <xdr:colOff>95250</xdr:colOff>
                    <xdr:row>106</xdr:row>
                    <xdr:rowOff>762000</xdr:rowOff>
                  </from>
                  <to>
                    <xdr:col>6</xdr:col>
                    <xdr:colOff>314325</xdr:colOff>
                    <xdr:row>107</xdr:row>
                    <xdr:rowOff>123825</xdr:rowOff>
                  </to>
                </anchor>
              </controlPr>
            </control>
          </mc:Choice>
        </mc:AlternateContent>
        <mc:AlternateContent xmlns:mc="http://schemas.openxmlformats.org/markup-compatibility/2006">
          <mc:Choice Requires="x14">
            <control shapeId="1249" r:id="rId193" name="Check Box 225">
              <controlPr defaultSize="0" autoFill="0" autoLine="0" autoPict="0">
                <anchor moveWithCells="1">
                  <from>
                    <xdr:col>6</xdr:col>
                    <xdr:colOff>95250</xdr:colOff>
                    <xdr:row>108</xdr:row>
                    <xdr:rowOff>276225</xdr:rowOff>
                  </from>
                  <to>
                    <xdr:col>6</xdr:col>
                    <xdr:colOff>314325</xdr:colOff>
                    <xdr:row>108</xdr:row>
                    <xdr:rowOff>495300</xdr:rowOff>
                  </to>
                </anchor>
              </controlPr>
            </control>
          </mc:Choice>
        </mc:AlternateContent>
        <mc:AlternateContent xmlns:mc="http://schemas.openxmlformats.org/markup-compatibility/2006">
          <mc:Choice Requires="x14">
            <control shapeId="1250" r:id="rId194" name="Check Box 226">
              <controlPr defaultSize="0" autoFill="0" autoLine="0" autoPict="0">
                <anchor moveWithCells="1">
                  <from>
                    <xdr:col>6</xdr:col>
                    <xdr:colOff>95250</xdr:colOff>
                    <xdr:row>109</xdr:row>
                    <xdr:rowOff>276225</xdr:rowOff>
                  </from>
                  <to>
                    <xdr:col>6</xdr:col>
                    <xdr:colOff>314325</xdr:colOff>
                    <xdr:row>109</xdr:row>
                    <xdr:rowOff>495300</xdr:rowOff>
                  </to>
                </anchor>
              </controlPr>
            </control>
          </mc:Choice>
        </mc:AlternateContent>
        <mc:AlternateContent xmlns:mc="http://schemas.openxmlformats.org/markup-compatibility/2006">
          <mc:Choice Requires="x14">
            <control shapeId="1251" r:id="rId195" name="Check Box 227">
              <controlPr defaultSize="0" autoFill="0" autoLine="0" autoPict="0">
                <anchor moveWithCells="1">
                  <from>
                    <xdr:col>6</xdr:col>
                    <xdr:colOff>104775</xdr:colOff>
                    <xdr:row>110</xdr:row>
                    <xdr:rowOff>352425</xdr:rowOff>
                  </from>
                  <to>
                    <xdr:col>6</xdr:col>
                    <xdr:colOff>323850</xdr:colOff>
                    <xdr:row>110</xdr:row>
                    <xdr:rowOff>571500</xdr:rowOff>
                  </to>
                </anchor>
              </controlPr>
            </control>
          </mc:Choice>
        </mc:AlternateContent>
        <mc:AlternateContent xmlns:mc="http://schemas.openxmlformats.org/markup-compatibility/2006">
          <mc:Choice Requires="x14">
            <control shapeId="1253" r:id="rId196" name="Check Box 229">
              <controlPr defaultSize="0" autoFill="0" autoLine="0" autoPict="0">
                <anchor moveWithCells="1">
                  <from>
                    <xdr:col>6</xdr:col>
                    <xdr:colOff>95250</xdr:colOff>
                    <xdr:row>111</xdr:row>
                    <xdr:rowOff>361950</xdr:rowOff>
                  </from>
                  <to>
                    <xdr:col>6</xdr:col>
                    <xdr:colOff>314325</xdr:colOff>
                    <xdr:row>111</xdr:row>
                    <xdr:rowOff>581025</xdr:rowOff>
                  </to>
                </anchor>
              </controlPr>
            </control>
          </mc:Choice>
        </mc:AlternateContent>
        <mc:AlternateContent xmlns:mc="http://schemas.openxmlformats.org/markup-compatibility/2006">
          <mc:Choice Requires="x14">
            <control shapeId="1254" r:id="rId197" name="Check Box 230">
              <controlPr defaultSize="0" autoFill="0" autoLine="0" autoPict="0">
                <anchor moveWithCells="1">
                  <from>
                    <xdr:col>6</xdr:col>
                    <xdr:colOff>95250</xdr:colOff>
                    <xdr:row>112</xdr:row>
                    <xdr:rowOff>381000</xdr:rowOff>
                  </from>
                  <to>
                    <xdr:col>6</xdr:col>
                    <xdr:colOff>314325</xdr:colOff>
                    <xdr:row>112</xdr:row>
                    <xdr:rowOff>600075</xdr:rowOff>
                  </to>
                </anchor>
              </controlPr>
            </control>
          </mc:Choice>
        </mc:AlternateContent>
        <mc:AlternateContent xmlns:mc="http://schemas.openxmlformats.org/markup-compatibility/2006">
          <mc:Choice Requires="x14">
            <control shapeId="1255" r:id="rId198" name="Check Box 231">
              <controlPr defaultSize="0" autoFill="0" autoLine="0" autoPict="0">
                <anchor moveWithCells="1">
                  <from>
                    <xdr:col>6</xdr:col>
                    <xdr:colOff>95250</xdr:colOff>
                    <xdr:row>113</xdr:row>
                    <xdr:rowOff>209550</xdr:rowOff>
                  </from>
                  <to>
                    <xdr:col>6</xdr:col>
                    <xdr:colOff>314325</xdr:colOff>
                    <xdr:row>113</xdr:row>
                    <xdr:rowOff>428625</xdr:rowOff>
                  </to>
                </anchor>
              </controlPr>
            </control>
          </mc:Choice>
        </mc:AlternateContent>
        <mc:AlternateContent xmlns:mc="http://schemas.openxmlformats.org/markup-compatibility/2006">
          <mc:Choice Requires="x14">
            <control shapeId="1256" r:id="rId199" name="Check Box 232">
              <controlPr defaultSize="0" autoFill="0" autoLine="0" autoPict="0">
                <anchor moveWithCells="1">
                  <from>
                    <xdr:col>6</xdr:col>
                    <xdr:colOff>95250</xdr:colOff>
                    <xdr:row>114</xdr:row>
                    <xdr:rowOff>276225</xdr:rowOff>
                  </from>
                  <to>
                    <xdr:col>6</xdr:col>
                    <xdr:colOff>314325</xdr:colOff>
                    <xdr:row>114</xdr:row>
                    <xdr:rowOff>495300</xdr:rowOff>
                  </to>
                </anchor>
              </controlPr>
            </control>
          </mc:Choice>
        </mc:AlternateContent>
        <mc:AlternateContent xmlns:mc="http://schemas.openxmlformats.org/markup-compatibility/2006">
          <mc:Choice Requires="x14">
            <control shapeId="1257" r:id="rId200" name="Check Box 233">
              <controlPr defaultSize="0" autoFill="0" autoLine="0" autoPict="0">
                <anchor moveWithCells="1">
                  <from>
                    <xdr:col>7</xdr:col>
                    <xdr:colOff>95250</xdr:colOff>
                    <xdr:row>110</xdr:row>
                    <xdr:rowOff>352425</xdr:rowOff>
                  </from>
                  <to>
                    <xdr:col>7</xdr:col>
                    <xdr:colOff>314325</xdr:colOff>
                    <xdr:row>110</xdr:row>
                    <xdr:rowOff>571500</xdr:rowOff>
                  </to>
                </anchor>
              </controlPr>
            </control>
          </mc:Choice>
        </mc:AlternateContent>
        <mc:AlternateContent xmlns:mc="http://schemas.openxmlformats.org/markup-compatibility/2006">
          <mc:Choice Requires="x14">
            <control shapeId="1258" r:id="rId201" name="Check Box 234">
              <controlPr defaultSize="0" autoFill="0" autoLine="0" autoPict="0">
                <anchor moveWithCells="1">
                  <from>
                    <xdr:col>7</xdr:col>
                    <xdr:colOff>95250</xdr:colOff>
                    <xdr:row>111</xdr:row>
                    <xdr:rowOff>371475</xdr:rowOff>
                  </from>
                  <to>
                    <xdr:col>7</xdr:col>
                    <xdr:colOff>314325</xdr:colOff>
                    <xdr:row>111</xdr:row>
                    <xdr:rowOff>590550</xdr:rowOff>
                  </to>
                </anchor>
              </controlPr>
            </control>
          </mc:Choice>
        </mc:AlternateContent>
        <mc:AlternateContent xmlns:mc="http://schemas.openxmlformats.org/markup-compatibility/2006">
          <mc:Choice Requires="x14">
            <control shapeId="1259" r:id="rId202" name="Check Box 235">
              <controlPr defaultSize="0" autoFill="0" autoLine="0" autoPict="0">
                <anchor moveWithCells="1">
                  <from>
                    <xdr:col>7</xdr:col>
                    <xdr:colOff>104775</xdr:colOff>
                    <xdr:row>104</xdr:row>
                    <xdr:rowOff>381000</xdr:rowOff>
                  </from>
                  <to>
                    <xdr:col>7</xdr:col>
                    <xdr:colOff>323850</xdr:colOff>
                    <xdr:row>104</xdr:row>
                    <xdr:rowOff>600075</xdr:rowOff>
                  </to>
                </anchor>
              </controlPr>
            </control>
          </mc:Choice>
        </mc:AlternateContent>
        <mc:AlternateContent xmlns:mc="http://schemas.openxmlformats.org/markup-compatibility/2006">
          <mc:Choice Requires="x14">
            <control shapeId="1260" r:id="rId203" name="Check Box 236">
              <controlPr defaultSize="0" autoFill="0" autoLine="0" autoPict="0">
                <anchor moveWithCells="1">
                  <from>
                    <xdr:col>7</xdr:col>
                    <xdr:colOff>76200</xdr:colOff>
                    <xdr:row>113</xdr:row>
                    <xdr:rowOff>219075</xdr:rowOff>
                  </from>
                  <to>
                    <xdr:col>7</xdr:col>
                    <xdr:colOff>295275</xdr:colOff>
                    <xdr:row>113</xdr:row>
                    <xdr:rowOff>438150</xdr:rowOff>
                  </to>
                </anchor>
              </controlPr>
            </control>
          </mc:Choice>
        </mc:AlternateContent>
        <mc:AlternateContent xmlns:mc="http://schemas.openxmlformats.org/markup-compatibility/2006">
          <mc:Choice Requires="x14">
            <control shapeId="1262" r:id="rId204" name="Check Box 238">
              <controlPr defaultSize="0" autoFill="0" autoLine="0" autoPict="0">
                <anchor moveWithCells="1">
                  <from>
                    <xdr:col>5</xdr:col>
                    <xdr:colOff>95250</xdr:colOff>
                    <xdr:row>115</xdr:row>
                    <xdr:rowOff>276225</xdr:rowOff>
                  </from>
                  <to>
                    <xdr:col>5</xdr:col>
                    <xdr:colOff>314325</xdr:colOff>
                    <xdr:row>115</xdr:row>
                    <xdr:rowOff>495300</xdr:rowOff>
                  </to>
                </anchor>
              </controlPr>
            </control>
          </mc:Choice>
        </mc:AlternateContent>
        <mc:AlternateContent xmlns:mc="http://schemas.openxmlformats.org/markup-compatibility/2006">
          <mc:Choice Requires="x14">
            <control shapeId="1263" r:id="rId205" name="Check Box 239">
              <controlPr defaultSize="0" autoFill="0" autoLine="0" autoPict="0">
                <anchor moveWithCells="1">
                  <from>
                    <xdr:col>5</xdr:col>
                    <xdr:colOff>95250</xdr:colOff>
                    <xdr:row>116</xdr:row>
                    <xdr:rowOff>276225</xdr:rowOff>
                  </from>
                  <to>
                    <xdr:col>5</xdr:col>
                    <xdr:colOff>314325</xdr:colOff>
                    <xdr:row>116</xdr:row>
                    <xdr:rowOff>495300</xdr:rowOff>
                  </to>
                </anchor>
              </controlPr>
            </control>
          </mc:Choice>
        </mc:AlternateContent>
        <mc:AlternateContent xmlns:mc="http://schemas.openxmlformats.org/markup-compatibility/2006">
          <mc:Choice Requires="x14">
            <control shapeId="1264" r:id="rId206" name="Check Box 240">
              <controlPr defaultSize="0" autoFill="0" autoLine="0" autoPict="0">
                <anchor moveWithCells="1">
                  <from>
                    <xdr:col>5</xdr:col>
                    <xdr:colOff>95250</xdr:colOff>
                    <xdr:row>117</xdr:row>
                    <xdr:rowOff>276225</xdr:rowOff>
                  </from>
                  <to>
                    <xdr:col>5</xdr:col>
                    <xdr:colOff>314325</xdr:colOff>
                    <xdr:row>117</xdr:row>
                    <xdr:rowOff>495300</xdr:rowOff>
                  </to>
                </anchor>
              </controlPr>
            </control>
          </mc:Choice>
        </mc:AlternateContent>
        <mc:AlternateContent xmlns:mc="http://schemas.openxmlformats.org/markup-compatibility/2006">
          <mc:Choice Requires="x14">
            <control shapeId="1265" r:id="rId207" name="Check Box 241">
              <controlPr defaultSize="0" autoFill="0" autoLine="0" autoPict="0">
                <anchor moveWithCells="1">
                  <from>
                    <xdr:col>5</xdr:col>
                    <xdr:colOff>95250</xdr:colOff>
                    <xdr:row>118</xdr:row>
                    <xdr:rowOff>276225</xdr:rowOff>
                  </from>
                  <to>
                    <xdr:col>5</xdr:col>
                    <xdr:colOff>314325</xdr:colOff>
                    <xdr:row>118</xdr:row>
                    <xdr:rowOff>495300</xdr:rowOff>
                  </to>
                </anchor>
              </controlPr>
            </control>
          </mc:Choice>
        </mc:AlternateContent>
        <mc:AlternateContent xmlns:mc="http://schemas.openxmlformats.org/markup-compatibility/2006">
          <mc:Choice Requires="x14">
            <control shapeId="1266" r:id="rId208" name="Check Box 242">
              <controlPr defaultSize="0" autoFill="0" autoLine="0" autoPict="0">
                <anchor moveWithCells="1">
                  <from>
                    <xdr:col>6</xdr:col>
                    <xdr:colOff>95250</xdr:colOff>
                    <xdr:row>115</xdr:row>
                    <xdr:rowOff>276225</xdr:rowOff>
                  </from>
                  <to>
                    <xdr:col>6</xdr:col>
                    <xdr:colOff>314325</xdr:colOff>
                    <xdr:row>115</xdr:row>
                    <xdr:rowOff>495300</xdr:rowOff>
                  </to>
                </anchor>
              </controlPr>
            </control>
          </mc:Choice>
        </mc:AlternateContent>
        <mc:AlternateContent xmlns:mc="http://schemas.openxmlformats.org/markup-compatibility/2006">
          <mc:Choice Requires="x14">
            <control shapeId="1268" r:id="rId209" name="Check Box 244">
              <controlPr defaultSize="0" autoFill="0" autoLine="0" autoPict="0">
                <anchor moveWithCells="1">
                  <from>
                    <xdr:col>6</xdr:col>
                    <xdr:colOff>95250</xdr:colOff>
                    <xdr:row>116</xdr:row>
                    <xdr:rowOff>276225</xdr:rowOff>
                  </from>
                  <to>
                    <xdr:col>6</xdr:col>
                    <xdr:colOff>314325</xdr:colOff>
                    <xdr:row>116</xdr:row>
                    <xdr:rowOff>495300</xdr:rowOff>
                  </to>
                </anchor>
              </controlPr>
            </control>
          </mc:Choice>
        </mc:AlternateContent>
        <mc:AlternateContent xmlns:mc="http://schemas.openxmlformats.org/markup-compatibility/2006">
          <mc:Choice Requires="x14">
            <control shapeId="1269" r:id="rId210" name="Check Box 245">
              <controlPr defaultSize="0" autoFill="0" autoLine="0" autoPict="0">
                <anchor moveWithCells="1">
                  <from>
                    <xdr:col>6</xdr:col>
                    <xdr:colOff>95250</xdr:colOff>
                    <xdr:row>117</xdr:row>
                    <xdr:rowOff>276225</xdr:rowOff>
                  </from>
                  <to>
                    <xdr:col>6</xdr:col>
                    <xdr:colOff>314325</xdr:colOff>
                    <xdr:row>117</xdr:row>
                    <xdr:rowOff>495300</xdr:rowOff>
                  </to>
                </anchor>
              </controlPr>
            </control>
          </mc:Choice>
        </mc:AlternateContent>
        <mc:AlternateContent xmlns:mc="http://schemas.openxmlformats.org/markup-compatibility/2006">
          <mc:Choice Requires="x14">
            <control shapeId="1270" r:id="rId211" name="Check Box 246">
              <controlPr defaultSize="0" autoFill="0" autoLine="0" autoPict="0">
                <anchor moveWithCells="1">
                  <from>
                    <xdr:col>6</xdr:col>
                    <xdr:colOff>95250</xdr:colOff>
                    <xdr:row>118</xdr:row>
                    <xdr:rowOff>276225</xdr:rowOff>
                  </from>
                  <to>
                    <xdr:col>6</xdr:col>
                    <xdr:colOff>314325</xdr:colOff>
                    <xdr:row>118</xdr:row>
                    <xdr:rowOff>495300</xdr:rowOff>
                  </to>
                </anchor>
              </controlPr>
            </control>
          </mc:Choice>
        </mc:AlternateContent>
        <mc:AlternateContent xmlns:mc="http://schemas.openxmlformats.org/markup-compatibility/2006">
          <mc:Choice Requires="x14">
            <control shapeId="1271" r:id="rId212" name="Check Box 247">
              <controlPr defaultSize="0" autoFill="0" autoLine="0" autoPict="0">
                <anchor moveWithCells="1">
                  <from>
                    <xdr:col>5</xdr:col>
                    <xdr:colOff>76200</xdr:colOff>
                    <xdr:row>119</xdr:row>
                    <xdr:rowOff>609600</xdr:rowOff>
                  </from>
                  <to>
                    <xdr:col>5</xdr:col>
                    <xdr:colOff>295275</xdr:colOff>
                    <xdr:row>119</xdr:row>
                    <xdr:rowOff>828675</xdr:rowOff>
                  </to>
                </anchor>
              </controlPr>
            </control>
          </mc:Choice>
        </mc:AlternateContent>
        <mc:AlternateContent xmlns:mc="http://schemas.openxmlformats.org/markup-compatibility/2006">
          <mc:Choice Requires="x14">
            <control shapeId="1272" r:id="rId213" name="Check Box 248">
              <controlPr defaultSize="0" autoFill="0" autoLine="0" autoPict="0">
                <anchor moveWithCells="1">
                  <from>
                    <xdr:col>5</xdr:col>
                    <xdr:colOff>95250</xdr:colOff>
                    <xdr:row>120</xdr:row>
                    <xdr:rowOff>276225</xdr:rowOff>
                  </from>
                  <to>
                    <xdr:col>5</xdr:col>
                    <xdr:colOff>314325</xdr:colOff>
                    <xdr:row>120</xdr:row>
                    <xdr:rowOff>495300</xdr:rowOff>
                  </to>
                </anchor>
              </controlPr>
            </control>
          </mc:Choice>
        </mc:AlternateContent>
        <mc:AlternateContent xmlns:mc="http://schemas.openxmlformats.org/markup-compatibility/2006">
          <mc:Choice Requires="x14">
            <control shapeId="1273" r:id="rId214" name="Check Box 249">
              <controlPr defaultSize="0" autoFill="0" autoLine="0" autoPict="0">
                <anchor moveWithCells="1">
                  <from>
                    <xdr:col>5</xdr:col>
                    <xdr:colOff>95250</xdr:colOff>
                    <xdr:row>121</xdr:row>
                    <xdr:rowOff>276225</xdr:rowOff>
                  </from>
                  <to>
                    <xdr:col>5</xdr:col>
                    <xdr:colOff>314325</xdr:colOff>
                    <xdr:row>121</xdr:row>
                    <xdr:rowOff>495300</xdr:rowOff>
                  </to>
                </anchor>
              </controlPr>
            </control>
          </mc:Choice>
        </mc:AlternateContent>
        <mc:AlternateContent xmlns:mc="http://schemas.openxmlformats.org/markup-compatibility/2006">
          <mc:Choice Requires="x14">
            <control shapeId="1276" r:id="rId215" name="Check Box 252">
              <controlPr defaultSize="0" autoFill="0" autoLine="0" autoPict="0">
                <anchor moveWithCells="1">
                  <from>
                    <xdr:col>6</xdr:col>
                    <xdr:colOff>104775</xdr:colOff>
                    <xdr:row>119</xdr:row>
                    <xdr:rowOff>609600</xdr:rowOff>
                  </from>
                  <to>
                    <xdr:col>6</xdr:col>
                    <xdr:colOff>323850</xdr:colOff>
                    <xdr:row>119</xdr:row>
                    <xdr:rowOff>828675</xdr:rowOff>
                  </to>
                </anchor>
              </controlPr>
            </control>
          </mc:Choice>
        </mc:AlternateContent>
        <mc:AlternateContent xmlns:mc="http://schemas.openxmlformats.org/markup-compatibility/2006">
          <mc:Choice Requires="x14">
            <control shapeId="1277" r:id="rId216" name="Check Box 253">
              <controlPr defaultSize="0" autoFill="0" autoLine="0" autoPict="0">
                <anchor moveWithCells="1">
                  <from>
                    <xdr:col>6</xdr:col>
                    <xdr:colOff>95250</xdr:colOff>
                    <xdr:row>120</xdr:row>
                    <xdr:rowOff>276225</xdr:rowOff>
                  </from>
                  <to>
                    <xdr:col>6</xdr:col>
                    <xdr:colOff>314325</xdr:colOff>
                    <xdr:row>120</xdr:row>
                    <xdr:rowOff>495300</xdr:rowOff>
                  </to>
                </anchor>
              </controlPr>
            </control>
          </mc:Choice>
        </mc:AlternateContent>
        <mc:AlternateContent xmlns:mc="http://schemas.openxmlformats.org/markup-compatibility/2006">
          <mc:Choice Requires="x14">
            <control shapeId="1278" r:id="rId217" name="Check Box 254">
              <controlPr defaultSize="0" autoFill="0" autoLine="0" autoPict="0">
                <anchor moveWithCells="1">
                  <from>
                    <xdr:col>6</xdr:col>
                    <xdr:colOff>95250</xdr:colOff>
                    <xdr:row>121</xdr:row>
                    <xdr:rowOff>276225</xdr:rowOff>
                  </from>
                  <to>
                    <xdr:col>6</xdr:col>
                    <xdr:colOff>314325</xdr:colOff>
                    <xdr:row>121</xdr:row>
                    <xdr:rowOff>495300</xdr:rowOff>
                  </to>
                </anchor>
              </controlPr>
            </control>
          </mc:Choice>
        </mc:AlternateContent>
        <mc:AlternateContent xmlns:mc="http://schemas.openxmlformats.org/markup-compatibility/2006">
          <mc:Choice Requires="x14">
            <control shapeId="1280" r:id="rId218" name="Check Box 256">
              <controlPr defaultSize="0" autoFill="0" autoLine="0" autoPict="0">
                <anchor moveWithCells="1">
                  <from>
                    <xdr:col>5</xdr:col>
                    <xdr:colOff>95250</xdr:colOff>
                    <xdr:row>124</xdr:row>
                    <xdr:rowOff>276225</xdr:rowOff>
                  </from>
                  <to>
                    <xdr:col>5</xdr:col>
                    <xdr:colOff>314325</xdr:colOff>
                    <xdr:row>124</xdr:row>
                    <xdr:rowOff>495300</xdr:rowOff>
                  </to>
                </anchor>
              </controlPr>
            </control>
          </mc:Choice>
        </mc:AlternateContent>
        <mc:AlternateContent xmlns:mc="http://schemas.openxmlformats.org/markup-compatibility/2006">
          <mc:Choice Requires="x14">
            <control shapeId="1281" r:id="rId219" name="Check Box 257">
              <controlPr defaultSize="0" autoFill="0" autoLine="0" autoPict="0">
                <anchor moveWithCells="1">
                  <from>
                    <xdr:col>6</xdr:col>
                    <xdr:colOff>85725</xdr:colOff>
                    <xdr:row>124</xdr:row>
                    <xdr:rowOff>266700</xdr:rowOff>
                  </from>
                  <to>
                    <xdr:col>6</xdr:col>
                    <xdr:colOff>304800</xdr:colOff>
                    <xdr:row>124</xdr:row>
                    <xdr:rowOff>485775</xdr:rowOff>
                  </to>
                </anchor>
              </controlPr>
            </control>
          </mc:Choice>
        </mc:AlternateContent>
        <mc:AlternateContent xmlns:mc="http://schemas.openxmlformats.org/markup-compatibility/2006">
          <mc:Choice Requires="x14">
            <control shapeId="1283" r:id="rId220" name="Check Box 259">
              <controlPr defaultSize="0" autoFill="0" autoLine="0" autoPict="0">
                <anchor moveWithCells="1">
                  <from>
                    <xdr:col>5</xdr:col>
                    <xdr:colOff>85725</xdr:colOff>
                    <xdr:row>126</xdr:row>
                    <xdr:rowOff>723900</xdr:rowOff>
                  </from>
                  <to>
                    <xdr:col>5</xdr:col>
                    <xdr:colOff>304800</xdr:colOff>
                    <xdr:row>126</xdr:row>
                    <xdr:rowOff>942975</xdr:rowOff>
                  </to>
                </anchor>
              </controlPr>
            </control>
          </mc:Choice>
        </mc:AlternateContent>
        <mc:AlternateContent xmlns:mc="http://schemas.openxmlformats.org/markup-compatibility/2006">
          <mc:Choice Requires="x14">
            <control shapeId="1284" r:id="rId221" name="Check Box 260">
              <controlPr defaultSize="0" autoFill="0" autoLine="0" autoPict="0">
                <anchor moveWithCells="1">
                  <from>
                    <xdr:col>6</xdr:col>
                    <xdr:colOff>95250</xdr:colOff>
                    <xdr:row>126</xdr:row>
                    <xdr:rowOff>723900</xdr:rowOff>
                  </from>
                  <to>
                    <xdr:col>6</xdr:col>
                    <xdr:colOff>314325</xdr:colOff>
                    <xdr:row>126</xdr:row>
                    <xdr:rowOff>942975</xdr:rowOff>
                  </to>
                </anchor>
              </controlPr>
            </control>
          </mc:Choice>
        </mc:AlternateContent>
        <mc:AlternateContent xmlns:mc="http://schemas.openxmlformats.org/markup-compatibility/2006">
          <mc:Choice Requires="x14">
            <control shapeId="1286" r:id="rId222" name="Check Box 262">
              <controlPr defaultSize="0" autoFill="0" autoLine="0" autoPict="0">
                <anchor moveWithCells="1">
                  <from>
                    <xdr:col>5</xdr:col>
                    <xdr:colOff>95250</xdr:colOff>
                    <xdr:row>128</xdr:row>
                    <xdr:rowOff>180975</xdr:rowOff>
                  </from>
                  <to>
                    <xdr:col>5</xdr:col>
                    <xdr:colOff>314325</xdr:colOff>
                    <xdr:row>128</xdr:row>
                    <xdr:rowOff>400050</xdr:rowOff>
                  </to>
                </anchor>
              </controlPr>
            </control>
          </mc:Choice>
        </mc:AlternateContent>
        <mc:AlternateContent xmlns:mc="http://schemas.openxmlformats.org/markup-compatibility/2006">
          <mc:Choice Requires="x14">
            <control shapeId="1287" r:id="rId223" name="Check Box 263">
              <controlPr defaultSize="0" autoFill="0" autoLine="0" autoPict="0">
                <anchor moveWithCells="1">
                  <from>
                    <xdr:col>5</xdr:col>
                    <xdr:colOff>85725</xdr:colOff>
                    <xdr:row>127</xdr:row>
                    <xdr:rowOff>123825</xdr:rowOff>
                  </from>
                  <to>
                    <xdr:col>5</xdr:col>
                    <xdr:colOff>304800</xdr:colOff>
                    <xdr:row>127</xdr:row>
                    <xdr:rowOff>342900</xdr:rowOff>
                  </to>
                </anchor>
              </controlPr>
            </control>
          </mc:Choice>
        </mc:AlternateContent>
        <mc:AlternateContent xmlns:mc="http://schemas.openxmlformats.org/markup-compatibility/2006">
          <mc:Choice Requires="x14">
            <control shapeId="1288" r:id="rId224" name="Check Box 264">
              <controlPr defaultSize="0" autoFill="0" autoLine="0" autoPict="0">
                <anchor moveWithCells="1">
                  <from>
                    <xdr:col>6</xdr:col>
                    <xdr:colOff>85725</xdr:colOff>
                    <xdr:row>127</xdr:row>
                    <xdr:rowOff>114300</xdr:rowOff>
                  </from>
                  <to>
                    <xdr:col>6</xdr:col>
                    <xdr:colOff>304800</xdr:colOff>
                    <xdr:row>127</xdr:row>
                    <xdr:rowOff>333375</xdr:rowOff>
                  </to>
                </anchor>
              </controlPr>
            </control>
          </mc:Choice>
        </mc:AlternateContent>
        <mc:AlternateContent xmlns:mc="http://schemas.openxmlformats.org/markup-compatibility/2006">
          <mc:Choice Requires="x14">
            <control shapeId="1289" r:id="rId225" name="Check Box 265">
              <controlPr defaultSize="0" autoFill="0" autoLine="0" autoPict="0">
                <anchor moveWithCells="1">
                  <from>
                    <xdr:col>6</xdr:col>
                    <xdr:colOff>85725</xdr:colOff>
                    <xdr:row>128</xdr:row>
                    <xdr:rowOff>171450</xdr:rowOff>
                  </from>
                  <to>
                    <xdr:col>6</xdr:col>
                    <xdr:colOff>304800</xdr:colOff>
                    <xdr:row>128</xdr:row>
                    <xdr:rowOff>390525</xdr:rowOff>
                  </to>
                </anchor>
              </controlPr>
            </control>
          </mc:Choice>
        </mc:AlternateContent>
        <mc:AlternateContent xmlns:mc="http://schemas.openxmlformats.org/markup-compatibility/2006">
          <mc:Choice Requires="x14">
            <control shapeId="1290" r:id="rId226" name="Check Box 266">
              <controlPr defaultSize="0" autoFill="0" autoLine="0" autoPict="0">
                <anchor moveWithCells="1">
                  <from>
                    <xdr:col>5</xdr:col>
                    <xdr:colOff>95250</xdr:colOff>
                    <xdr:row>129</xdr:row>
                    <xdr:rowOff>276225</xdr:rowOff>
                  </from>
                  <to>
                    <xdr:col>5</xdr:col>
                    <xdr:colOff>314325</xdr:colOff>
                    <xdr:row>129</xdr:row>
                    <xdr:rowOff>495300</xdr:rowOff>
                  </to>
                </anchor>
              </controlPr>
            </control>
          </mc:Choice>
        </mc:AlternateContent>
        <mc:AlternateContent xmlns:mc="http://schemas.openxmlformats.org/markup-compatibility/2006">
          <mc:Choice Requires="x14">
            <control shapeId="1291" r:id="rId227" name="Check Box 267">
              <controlPr defaultSize="0" autoFill="0" autoLine="0" autoPict="0">
                <anchor moveWithCells="1">
                  <from>
                    <xdr:col>6</xdr:col>
                    <xdr:colOff>95250</xdr:colOff>
                    <xdr:row>129</xdr:row>
                    <xdr:rowOff>276225</xdr:rowOff>
                  </from>
                  <to>
                    <xdr:col>6</xdr:col>
                    <xdr:colOff>314325</xdr:colOff>
                    <xdr:row>129</xdr:row>
                    <xdr:rowOff>495300</xdr:rowOff>
                  </to>
                </anchor>
              </controlPr>
            </control>
          </mc:Choice>
        </mc:AlternateContent>
        <mc:AlternateContent xmlns:mc="http://schemas.openxmlformats.org/markup-compatibility/2006">
          <mc:Choice Requires="x14">
            <control shapeId="1293" r:id="rId228" name="Check Box 269">
              <controlPr defaultSize="0" autoFill="0" autoLine="0" autoPict="0">
                <anchor moveWithCells="1">
                  <from>
                    <xdr:col>5</xdr:col>
                    <xdr:colOff>95250</xdr:colOff>
                    <xdr:row>130</xdr:row>
                    <xdr:rowOff>276225</xdr:rowOff>
                  </from>
                  <to>
                    <xdr:col>5</xdr:col>
                    <xdr:colOff>314325</xdr:colOff>
                    <xdr:row>130</xdr:row>
                    <xdr:rowOff>495300</xdr:rowOff>
                  </to>
                </anchor>
              </controlPr>
            </control>
          </mc:Choice>
        </mc:AlternateContent>
        <mc:AlternateContent xmlns:mc="http://schemas.openxmlformats.org/markup-compatibility/2006">
          <mc:Choice Requires="x14">
            <control shapeId="1294" r:id="rId229" name="Check Box 270">
              <controlPr defaultSize="0" autoFill="0" autoLine="0" autoPict="0">
                <anchor moveWithCells="1">
                  <from>
                    <xdr:col>6</xdr:col>
                    <xdr:colOff>95250</xdr:colOff>
                    <xdr:row>130</xdr:row>
                    <xdr:rowOff>276225</xdr:rowOff>
                  </from>
                  <to>
                    <xdr:col>6</xdr:col>
                    <xdr:colOff>314325</xdr:colOff>
                    <xdr:row>130</xdr:row>
                    <xdr:rowOff>495300</xdr:rowOff>
                  </to>
                </anchor>
              </controlPr>
            </control>
          </mc:Choice>
        </mc:AlternateContent>
        <mc:AlternateContent xmlns:mc="http://schemas.openxmlformats.org/markup-compatibility/2006">
          <mc:Choice Requires="x14">
            <control shapeId="1295" r:id="rId230" name="Check Box 271">
              <controlPr defaultSize="0" autoFill="0" autoLine="0" autoPict="0">
                <anchor moveWithCells="1">
                  <from>
                    <xdr:col>5</xdr:col>
                    <xdr:colOff>76200</xdr:colOff>
                    <xdr:row>131</xdr:row>
                    <xdr:rowOff>752475</xdr:rowOff>
                  </from>
                  <to>
                    <xdr:col>5</xdr:col>
                    <xdr:colOff>295275</xdr:colOff>
                    <xdr:row>131</xdr:row>
                    <xdr:rowOff>971550</xdr:rowOff>
                  </to>
                </anchor>
              </controlPr>
            </control>
          </mc:Choice>
        </mc:AlternateContent>
        <mc:AlternateContent xmlns:mc="http://schemas.openxmlformats.org/markup-compatibility/2006">
          <mc:Choice Requires="x14">
            <control shapeId="1296" r:id="rId231" name="Check Box 272">
              <controlPr defaultSize="0" autoFill="0" autoLine="0" autoPict="0">
                <anchor moveWithCells="1">
                  <from>
                    <xdr:col>6</xdr:col>
                    <xdr:colOff>104775</xdr:colOff>
                    <xdr:row>131</xdr:row>
                    <xdr:rowOff>752475</xdr:rowOff>
                  </from>
                  <to>
                    <xdr:col>6</xdr:col>
                    <xdr:colOff>323850</xdr:colOff>
                    <xdr:row>131</xdr:row>
                    <xdr:rowOff>971550</xdr:rowOff>
                  </to>
                </anchor>
              </controlPr>
            </control>
          </mc:Choice>
        </mc:AlternateContent>
        <mc:AlternateContent xmlns:mc="http://schemas.openxmlformats.org/markup-compatibility/2006">
          <mc:Choice Requires="x14">
            <control shapeId="1297" r:id="rId232" name="Check Box 273">
              <controlPr defaultSize="0" autoFill="0" autoLine="0" autoPict="0">
                <anchor moveWithCells="1">
                  <from>
                    <xdr:col>5</xdr:col>
                    <xdr:colOff>95250</xdr:colOff>
                    <xdr:row>133</xdr:row>
                    <xdr:rowOff>276225</xdr:rowOff>
                  </from>
                  <to>
                    <xdr:col>5</xdr:col>
                    <xdr:colOff>314325</xdr:colOff>
                    <xdr:row>133</xdr:row>
                    <xdr:rowOff>495300</xdr:rowOff>
                  </to>
                </anchor>
              </controlPr>
            </control>
          </mc:Choice>
        </mc:AlternateContent>
        <mc:AlternateContent xmlns:mc="http://schemas.openxmlformats.org/markup-compatibility/2006">
          <mc:Choice Requires="x14">
            <control shapeId="1298" r:id="rId233" name="Check Box 274">
              <controlPr defaultSize="0" autoFill="0" autoLine="0" autoPict="0">
                <anchor moveWithCells="1">
                  <from>
                    <xdr:col>6</xdr:col>
                    <xdr:colOff>95250</xdr:colOff>
                    <xdr:row>133</xdr:row>
                    <xdr:rowOff>276225</xdr:rowOff>
                  </from>
                  <to>
                    <xdr:col>6</xdr:col>
                    <xdr:colOff>314325</xdr:colOff>
                    <xdr:row>133</xdr:row>
                    <xdr:rowOff>495300</xdr:rowOff>
                  </to>
                </anchor>
              </controlPr>
            </control>
          </mc:Choice>
        </mc:AlternateContent>
        <mc:AlternateContent xmlns:mc="http://schemas.openxmlformats.org/markup-compatibility/2006">
          <mc:Choice Requires="x14">
            <control shapeId="1300" r:id="rId234" name="Check Box 276">
              <controlPr defaultSize="0" autoFill="0" autoLine="0" autoPict="0">
                <anchor moveWithCells="1">
                  <from>
                    <xdr:col>7</xdr:col>
                    <xdr:colOff>95250</xdr:colOff>
                    <xdr:row>133</xdr:row>
                    <xdr:rowOff>276225</xdr:rowOff>
                  </from>
                  <to>
                    <xdr:col>7</xdr:col>
                    <xdr:colOff>314325</xdr:colOff>
                    <xdr:row>133</xdr:row>
                    <xdr:rowOff>495300</xdr:rowOff>
                  </to>
                </anchor>
              </controlPr>
            </control>
          </mc:Choice>
        </mc:AlternateContent>
        <mc:AlternateContent xmlns:mc="http://schemas.openxmlformats.org/markup-compatibility/2006">
          <mc:Choice Requires="x14">
            <control shapeId="1301" r:id="rId235" name="Check Box 277">
              <controlPr defaultSize="0" autoFill="0" autoLine="0" autoPict="0">
                <anchor moveWithCells="1">
                  <from>
                    <xdr:col>2</xdr:col>
                    <xdr:colOff>104775</xdr:colOff>
                    <xdr:row>99</xdr:row>
                    <xdr:rowOff>1114425</xdr:rowOff>
                  </from>
                  <to>
                    <xdr:col>2</xdr:col>
                    <xdr:colOff>323850</xdr:colOff>
                    <xdr:row>99</xdr:row>
                    <xdr:rowOff>1333500</xdr:rowOff>
                  </to>
                </anchor>
              </controlPr>
            </control>
          </mc:Choice>
        </mc:AlternateContent>
        <mc:AlternateContent xmlns:mc="http://schemas.openxmlformats.org/markup-compatibility/2006">
          <mc:Choice Requires="x14">
            <control shapeId="1303" r:id="rId236" name="Check Box 279">
              <controlPr defaultSize="0" autoFill="0" autoLine="0" autoPict="0">
                <anchor moveWithCells="1">
                  <from>
                    <xdr:col>2</xdr:col>
                    <xdr:colOff>104775</xdr:colOff>
                    <xdr:row>99</xdr:row>
                    <xdr:rowOff>838200</xdr:rowOff>
                  </from>
                  <to>
                    <xdr:col>2</xdr:col>
                    <xdr:colOff>323850</xdr:colOff>
                    <xdr:row>99</xdr:row>
                    <xdr:rowOff>1057275</xdr:rowOff>
                  </to>
                </anchor>
              </controlPr>
            </control>
          </mc:Choice>
        </mc:AlternateContent>
        <mc:AlternateContent xmlns:mc="http://schemas.openxmlformats.org/markup-compatibility/2006">
          <mc:Choice Requires="x14">
            <control shapeId="1305" r:id="rId237" name="Check Box 281">
              <controlPr defaultSize="0" autoFill="0" autoLine="0" autoPict="0">
                <anchor moveWithCells="1">
                  <from>
                    <xdr:col>2</xdr:col>
                    <xdr:colOff>104775</xdr:colOff>
                    <xdr:row>99</xdr:row>
                    <xdr:rowOff>552450</xdr:rowOff>
                  </from>
                  <to>
                    <xdr:col>2</xdr:col>
                    <xdr:colOff>323850</xdr:colOff>
                    <xdr:row>99</xdr:row>
                    <xdr:rowOff>771525</xdr:rowOff>
                  </to>
                </anchor>
              </controlPr>
            </control>
          </mc:Choice>
        </mc:AlternateContent>
        <mc:AlternateContent xmlns:mc="http://schemas.openxmlformats.org/markup-compatibility/2006">
          <mc:Choice Requires="x14">
            <control shapeId="1307" r:id="rId238" name="Check Box 283">
              <controlPr defaultSize="0" autoFill="0" autoLine="0" autoPict="0">
                <anchor moveWithCells="1">
                  <from>
                    <xdr:col>2</xdr:col>
                    <xdr:colOff>114300</xdr:colOff>
                    <xdr:row>99</xdr:row>
                    <xdr:rowOff>114300</xdr:rowOff>
                  </from>
                  <to>
                    <xdr:col>2</xdr:col>
                    <xdr:colOff>333375</xdr:colOff>
                    <xdr:row>99</xdr:row>
                    <xdr:rowOff>333375</xdr:rowOff>
                  </to>
                </anchor>
              </controlPr>
            </control>
          </mc:Choice>
        </mc:AlternateContent>
        <mc:AlternateContent xmlns:mc="http://schemas.openxmlformats.org/markup-compatibility/2006">
          <mc:Choice Requires="x14">
            <control shapeId="1308" r:id="rId239" name="Check Box 284">
              <controlPr defaultSize="0" autoFill="0" autoLine="0" autoPict="0">
                <anchor moveWithCells="1">
                  <from>
                    <xdr:col>7</xdr:col>
                    <xdr:colOff>95250</xdr:colOff>
                    <xdr:row>118</xdr:row>
                    <xdr:rowOff>276225</xdr:rowOff>
                  </from>
                  <to>
                    <xdr:col>7</xdr:col>
                    <xdr:colOff>314325</xdr:colOff>
                    <xdr:row>118</xdr:row>
                    <xdr:rowOff>495300</xdr:rowOff>
                  </to>
                </anchor>
              </controlPr>
            </control>
          </mc:Choice>
        </mc:AlternateContent>
        <mc:AlternateContent xmlns:mc="http://schemas.openxmlformats.org/markup-compatibility/2006">
          <mc:Choice Requires="x14">
            <control shapeId="1309" r:id="rId240" name="Check Box 285">
              <controlPr defaultSize="0" autoFill="0" autoLine="0" autoPict="0">
                <anchor moveWithCells="1">
                  <from>
                    <xdr:col>7</xdr:col>
                    <xdr:colOff>104775</xdr:colOff>
                    <xdr:row>49</xdr:row>
                    <xdr:rowOff>323850</xdr:rowOff>
                  </from>
                  <to>
                    <xdr:col>7</xdr:col>
                    <xdr:colOff>323850</xdr:colOff>
                    <xdr:row>49</xdr:row>
                    <xdr:rowOff>5429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66"/>
    <pageSetUpPr fitToPage="1"/>
  </sheetPr>
  <dimension ref="A1:G26"/>
  <sheetViews>
    <sheetView view="pageBreakPreview" zoomScaleNormal="100" zoomScaleSheetLayoutView="100" workbookViewId="0">
      <selection activeCell="C2" sqref="C2"/>
    </sheetView>
  </sheetViews>
  <sheetFormatPr defaultRowHeight="11.25"/>
  <cols>
    <col min="1" max="1" width="3.25" style="1" customWidth="1"/>
    <col min="2" max="2" width="10.75" style="66" customWidth="1"/>
    <col min="3" max="3" width="41" style="1" customWidth="1"/>
    <col min="4" max="4" width="8.75" style="1" customWidth="1"/>
    <col min="5" max="5" width="20.25" style="1" customWidth="1"/>
    <col min="6" max="7" width="5" style="1" customWidth="1"/>
    <col min="8" max="16384" width="9" style="1"/>
  </cols>
  <sheetData>
    <row r="1" spans="1:7" ht="18" thickBot="1">
      <c r="A1" s="409" t="s">
        <v>288</v>
      </c>
      <c r="B1" s="409"/>
      <c r="C1" s="409"/>
      <c r="D1" s="409"/>
      <c r="E1" s="409"/>
      <c r="F1" s="409"/>
      <c r="G1" s="409"/>
    </row>
    <row r="2" spans="1:7" ht="30" customHeight="1" thickTop="1">
      <c r="A2" s="410" t="s">
        <v>0</v>
      </c>
      <c r="B2" s="411"/>
      <c r="C2" s="76">
        <f>'基準（地密通所）'!C2</f>
        <v>0</v>
      </c>
      <c r="D2" s="2"/>
      <c r="E2" s="2"/>
      <c r="F2" s="2"/>
      <c r="G2" s="3"/>
    </row>
    <row r="3" spans="1:7" ht="30" customHeight="1">
      <c r="A3" s="412" t="s">
        <v>1</v>
      </c>
      <c r="B3" s="413"/>
      <c r="C3" s="177">
        <f>'基準（地密通所）'!C3</f>
        <v>0</v>
      </c>
      <c r="D3" s="146"/>
      <c r="E3" s="146"/>
      <c r="F3" s="146"/>
      <c r="G3" s="4"/>
    </row>
    <row r="4" spans="1:7" ht="30" customHeight="1" thickBot="1">
      <c r="A4" s="414" t="s">
        <v>2</v>
      </c>
      <c r="B4" s="415"/>
      <c r="C4" s="5" t="s">
        <v>3</v>
      </c>
      <c r="D4" s="5"/>
      <c r="E4" s="5"/>
      <c r="F4" s="5"/>
      <c r="G4" s="6"/>
    </row>
    <row r="5" spans="1:7" ht="103.5" customHeight="1" thickTop="1">
      <c r="B5" s="7"/>
      <c r="C5" s="7"/>
      <c r="D5" s="7"/>
      <c r="E5" s="7"/>
      <c r="F5" s="7"/>
      <c r="G5" s="7"/>
    </row>
    <row r="6" spans="1:7" ht="15.4" customHeight="1">
      <c r="A6" s="416" t="s">
        <v>4</v>
      </c>
      <c r="B6" s="417"/>
      <c r="C6" s="420" t="s">
        <v>5</v>
      </c>
      <c r="D6" s="420" t="s">
        <v>6</v>
      </c>
      <c r="E6" s="422" t="s">
        <v>7</v>
      </c>
      <c r="F6" s="424" t="s">
        <v>8</v>
      </c>
      <c r="G6" s="426"/>
    </row>
    <row r="7" spans="1:7" ht="15.4" customHeight="1">
      <c r="A7" s="418"/>
      <c r="B7" s="419"/>
      <c r="C7" s="421"/>
      <c r="D7" s="421"/>
      <c r="E7" s="423"/>
      <c r="F7" s="158" t="s">
        <v>9</v>
      </c>
      <c r="G7" s="158" t="s">
        <v>71</v>
      </c>
    </row>
    <row r="8" spans="1:7" ht="24.95" customHeight="1">
      <c r="A8" s="8" t="s">
        <v>10</v>
      </c>
      <c r="B8" s="9"/>
      <c r="C8" s="9"/>
      <c r="D8" s="9"/>
      <c r="E8" s="10"/>
      <c r="F8" s="9"/>
      <c r="G8" s="11"/>
    </row>
    <row r="9" spans="1:7" ht="79.5" customHeight="1">
      <c r="A9" s="166">
        <v>1</v>
      </c>
      <c r="B9" s="12" t="s">
        <v>11</v>
      </c>
      <c r="C9" s="157" t="s">
        <v>103</v>
      </c>
      <c r="D9" s="159" t="s">
        <v>292</v>
      </c>
      <c r="E9" s="167" t="s">
        <v>289</v>
      </c>
      <c r="F9" s="163"/>
      <c r="G9" s="163"/>
    </row>
    <row r="10" spans="1:7" ht="25.5" customHeight="1">
      <c r="A10" s="358" t="s">
        <v>305</v>
      </c>
      <c r="B10" s="359"/>
      <c r="C10" s="359"/>
      <c r="D10" s="359"/>
      <c r="E10" s="359"/>
      <c r="F10" s="359"/>
      <c r="G10" s="360"/>
    </row>
    <row r="11" spans="1:7" ht="58.5" customHeight="1">
      <c r="A11" s="349">
        <v>2</v>
      </c>
      <c r="B11" s="355" t="s">
        <v>290</v>
      </c>
      <c r="C11" s="170" t="s">
        <v>293</v>
      </c>
      <c r="D11" s="363" t="s">
        <v>291</v>
      </c>
      <c r="E11" s="355" t="s">
        <v>309</v>
      </c>
      <c r="F11" s="14"/>
      <c r="G11" s="14"/>
    </row>
    <row r="12" spans="1:7" ht="58.5" customHeight="1">
      <c r="A12" s="350"/>
      <c r="B12" s="356"/>
      <c r="C12" s="170" t="s">
        <v>294</v>
      </c>
      <c r="D12" s="364"/>
      <c r="E12" s="356"/>
      <c r="F12" s="41"/>
      <c r="G12" s="41"/>
    </row>
    <row r="13" spans="1:7" ht="86.25" customHeight="1">
      <c r="A13" s="350"/>
      <c r="B13" s="356"/>
      <c r="C13" s="170" t="s">
        <v>146</v>
      </c>
      <c r="D13" s="364"/>
      <c r="E13" s="356"/>
      <c r="F13" s="41"/>
      <c r="G13" s="41"/>
    </row>
    <row r="14" spans="1:7" ht="52.5" customHeight="1">
      <c r="A14" s="350"/>
      <c r="B14" s="356"/>
      <c r="C14" s="38" t="s">
        <v>36</v>
      </c>
      <c r="D14" s="364"/>
      <c r="E14" s="356"/>
      <c r="F14" s="41"/>
      <c r="G14" s="41"/>
    </row>
    <row r="15" spans="1:7" ht="62.25" customHeight="1">
      <c r="A15" s="351"/>
      <c r="B15" s="362"/>
      <c r="C15" s="171" t="s">
        <v>86</v>
      </c>
      <c r="D15" s="365"/>
      <c r="E15" s="362"/>
      <c r="F15" s="50"/>
      <c r="G15" s="50"/>
    </row>
    <row r="16" spans="1:7" ht="77.25" customHeight="1">
      <c r="A16" s="446">
        <v>3</v>
      </c>
      <c r="B16" s="397" t="s">
        <v>298</v>
      </c>
      <c r="C16" s="49" t="s">
        <v>87</v>
      </c>
      <c r="D16" s="363" t="s">
        <v>304</v>
      </c>
      <c r="E16" s="355" t="s">
        <v>307</v>
      </c>
      <c r="F16" s="14"/>
      <c r="G16" s="14"/>
    </row>
    <row r="17" spans="1:7" ht="92.25" customHeight="1">
      <c r="A17" s="446"/>
      <c r="B17" s="398"/>
      <c r="C17" s="169" t="s">
        <v>306</v>
      </c>
      <c r="D17" s="364"/>
      <c r="E17" s="356"/>
      <c r="F17" s="41"/>
      <c r="G17" s="41"/>
    </row>
    <row r="18" spans="1:7" ht="57.75" customHeight="1">
      <c r="A18" s="446"/>
      <c r="B18" s="398"/>
      <c r="C18" s="168" t="s">
        <v>295</v>
      </c>
      <c r="D18" s="364"/>
      <c r="E18" s="356"/>
      <c r="F18" s="41"/>
      <c r="G18" s="41"/>
    </row>
    <row r="19" spans="1:7" ht="57.75" customHeight="1">
      <c r="A19" s="446"/>
      <c r="B19" s="398"/>
      <c r="C19" s="168" t="s">
        <v>296</v>
      </c>
      <c r="D19" s="364"/>
      <c r="E19" s="356"/>
      <c r="F19" s="41"/>
      <c r="G19" s="41"/>
    </row>
    <row r="20" spans="1:7" ht="57.75" customHeight="1">
      <c r="A20" s="446"/>
      <c r="B20" s="398"/>
      <c r="C20" s="38" t="s">
        <v>297</v>
      </c>
      <c r="D20" s="364"/>
      <c r="E20" s="356"/>
      <c r="F20" s="41"/>
      <c r="G20" s="41"/>
    </row>
    <row r="21" spans="1:7" ht="57.75" customHeight="1">
      <c r="A21" s="446"/>
      <c r="B21" s="398"/>
      <c r="C21" s="38" t="s">
        <v>116</v>
      </c>
      <c r="D21" s="364"/>
      <c r="E21" s="356"/>
      <c r="F21" s="41"/>
      <c r="G21" s="41"/>
    </row>
    <row r="22" spans="1:7" ht="57.75" customHeight="1">
      <c r="A22" s="446"/>
      <c r="B22" s="399"/>
      <c r="C22" s="37" t="s">
        <v>117</v>
      </c>
      <c r="D22" s="365"/>
      <c r="E22" s="362"/>
      <c r="F22" s="50"/>
      <c r="G22" s="50"/>
    </row>
    <row r="23" spans="1:7" ht="65.25" customHeight="1">
      <c r="A23" s="446"/>
      <c r="B23" s="355" t="s">
        <v>302</v>
      </c>
      <c r="C23" s="160" t="s">
        <v>118</v>
      </c>
      <c r="D23" s="363" t="s">
        <v>301</v>
      </c>
      <c r="E23" s="355" t="s">
        <v>89</v>
      </c>
      <c r="F23" s="14"/>
      <c r="G23" s="14"/>
    </row>
    <row r="24" spans="1:7" ht="75.400000000000006" customHeight="1">
      <c r="A24" s="446"/>
      <c r="B24" s="356"/>
      <c r="C24" s="38" t="s">
        <v>119</v>
      </c>
      <c r="D24" s="364"/>
      <c r="E24" s="356"/>
      <c r="F24" s="41"/>
      <c r="G24" s="41"/>
    </row>
    <row r="25" spans="1:7" ht="75.400000000000006" customHeight="1">
      <c r="A25" s="446"/>
      <c r="B25" s="362"/>
      <c r="C25" s="161" t="s">
        <v>120</v>
      </c>
      <c r="D25" s="365"/>
      <c r="E25" s="362"/>
      <c r="F25" s="50"/>
      <c r="G25" s="50"/>
    </row>
    <row r="26" spans="1:7" s="52" customFormat="1" ht="87" customHeight="1">
      <c r="A26" s="165">
        <v>4</v>
      </c>
      <c r="B26" s="29" t="s">
        <v>303</v>
      </c>
      <c r="C26" s="48" t="s">
        <v>299</v>
      </c>
      <c r="D26" s="28" t="s">
        <v>300</v>
      </c>
      <c r="E26" s="48" t="s">
        <v>308</v>
      </c>
      <c r="F26" s="30"/>
      <c r="G26" s="30"/>
    </row>
  </sheetData>
  <mergeCells count="21">
    <mergeCell ref="A11:A15"/>
    <mergeCell ref="A10:G10"/>
    <mergeCell ref="A16:A25"/>
    <mergeCell ref="E16:E22"/>
    <mergeCell ref="D23:D25"/>
    <mergeCell ref="E11:E15"/>
    <mergeCell ref="B11:B15"/>
    <mergeCell ref="E23:E25"/>
    <mergeCell ref="B23:B25"/>
    <mergeCell ref="B16:B22"/>
    <mergeCell ref="D16:D22"/>
    <mergeCell ref="D11:D15"/>
    <mergeCell ref="A1:G1"/>
    <mergeCell ref="A2:B2"/>
    <mergeCell ref="A3:B3"/>
    <mergeCell ref="A4:B4"/>
    <mergeCell ref="A6:B7"/>
    <mergeCell ref="C6:C7"/>
    <mergeCell ref="D6:D7"/>
    <mergeCell ref="E6:E7"/>
    <mergeCell ref="F6:G6"/>
  </mergeCells>
  <phoneticPr fontId="15"/>
  <printOptions horizontalCentered="1"/>
  <pageMargins left="0.39370078740157483" right="0.39370078740157483" top="0.43307086614173229" bottom="0.39370078740157483" header="0.31496062992125984" footer="0.19685039370078741"/>
  <pageSetup paperSize="9" fitToHeight="0" orientation="portrait" r:id="rId1"/>
  <headerFooter alignWithMargins="0">
    <oddFooter>&amp;R&amp;"ＭＳ Ｐ明朝,標準"&amp;9自己点検シート（通所介護・介護予防通所介護）&amp;P</oddFooter>
  </headerFooter>
  <rowBreaks count="1" manualBreakCount="1">
    <brk id="15" max="7" man="1"/>
  </rowBreaks>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5</xdr:col>
                    <xdr:colOff>85725</xdr:colOff>
                    <xdr:row>8</xdr:row>
                    <xdr:rowOff>390525</xdr:rowOff>
                  </from>
                  <to>
                    <xdr:col>5</xdr:col>
                    <xdr:colOff>304800</xdr:colOff>
                    <xdr:row>8</xdr:row>
                    <xdr:rowOff>609600</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6</xdr:col>
                    <xdr:colOff>76200</xdr:colOff>
                    <xdr:row>8</xdr:row>
                    <xdr:rowOff>381000</xdr:rowOff>
                  </from>
                  <to>
                    <xdr:col>6</xdr:col>
                    <xdr:colOff>295275</xdr:colOff>
                    <xdr:row>8</xdr:row>
                    <xdr:rowOff>600075</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5</xdr:col>
                    <xdr:colOff>95250</xdr:colOff>
                    <xdr:row>10</xdr:row>
                    <xdr:rowOff>276225</xdr:rowOff>
                  </from>
                  <to>
                    <xdr:col>5</xdr:col>
                    <xdr:colOff>314325</xdr:colOff>
                    <xdr:row>10</xdr:row>
                    <xdr:rowOff>495300</xdr:rowOff>
                  </to>
                </anchor>
              </controlPr>
            </control>
          </mc:Choice>
        </mc:AlternateContent>
        <mc:AlternateContent xmlns:mc="http://schemas.openxmlformats.org/markup-compatibility/2006">
          <mc:Choice Requires="x14">
            <control shapeId="2052" r:id="rId7" name="Check Box 4">
              <controlPr defaultSize="0" autoFill="0" autoLine="0" autoPict="0">
                <anchor moveWithCells="1">
                  <from>
                    <xdr:col>5</xdr:col>
                    <xdr:colOff>85725</xdr:colOff>
                    <xdr:row>11</xdr:row>
                    <xdr:rowOff>276225</xdr:rowOff>
                  </from>
                  <to>
                    <xdr:col>5</xdr:col>
                    <xdr:colOff>304800</xdr:colOff>
                    <xdr:row>11</xdr:row>
                    <xdr:rowOff>495300</xdr:rowOff>
                  </to>
                </anchor>
              </controlPr>
            </control>
          </mc:Choice>
        </mc:AlternateContent>
        <mc:AlternateContent xmlns:mc="http://schemas.openxmlformats.org/markup-compatibility/2006">
          <mc:Choice Requires="x14">
            <control shapeId="2053" r:id="rId8" name="Check Box 5">
              <controlPr defaultSize="0" autoFill="0" autoLine="0" autoPict="0">
                <anchor moveWithCells="1">
                  <from>
                    <xdr:col>5</xdr:col>
                    <xdr:colOff>95250</xdr:colOff>
                    <xdr:row>12</xdr:row>
                    <xdr:rowOff>428625</xdr:rowOff>
                  </from>
                  <to>
                    <xdr:col>5</xdr:col>
                    <xdr:colOff>314325</xdr:colOff>
                    <xdr:row>12</xdr:row>
                    <xdr:rowOff>647700</xdr:rowOff>
                  </to>
                </anchor>
              </controlPr>
            </control>
          </mc:Choice>
        </mc:AlternateContent>
        <mc:AlternateContent xmlns:mc="http://schemas.openxmlformats.org/markup-compatibility/2006">
          <mc:Choice Requires="x14">
            <control shapeId="2055" r:id="rId9" name="Check Box 7">
              <controlPr defaultSize="0" autoFill="0" autoLine="0" autoPict="0">
                <anchor moveWithCells="1">
                  <from>
                    <xdr:col>5</xdr:col>
                    <xdr:colOff>85725</xdr:colOff>
                    <xdr:row>13</xdr:row>
                    <xdr:rowOff>209550</xdr:rowOff>
                  </from>
                  <to>
                    <xdr:col>5</xdr:col>
                    <xdr:colOff>304800</xdr:colOff>
                    <xdr:row>13</xdr:row>
                    <xdr:rowOff>428625</xdr:rowOff>
                  </to>
                </anchor>
              </controlPr>
            </control>
          </mc:Choice>
        </mc:AlternateContent>
        <mc:AlternateContent xmlns:mc="http://schemas.openxmlformats.org/markup-compatibility/2006">
          <mc:Choice Requires="x14">
            <control shapeId="2056" r:id="rId10" name="Check Box 8">
              <controlPr defaultSize="0" autoFill="0" autoLine="0" autoPict="0">
                <anchor moveWithCells="1">
                  <from>
                    <xdr:col>5</xdr:col>
                    <xdr:colOff>95250</xdr:colOff>
                    <xdr:row>14</xdr:row>
                    <xdr:rowOff>266700</xdr:rowOff>
                  </from>
                  <to>
                    <xdr:col>5</xdr:col>
                    <xdr:colOff>314325</xdr:colOff>
                    <xdr:row>14</xdr:row>
                    <xdr:rowOff>485775</xdr:rowOff>
                  </to>
                </anchor>
              </controlPr>
            </control>
          </mc:Choice>
        </mc:AlternateContent>
        <mc:AlternateContent xmlns:mc="http://schemas.openxmlformats.org/markup-compatibility/2006">
          <mc:Choice Requires="x14">
            <control shapeId="2057" r:id="rId11" name="Check Box 9">
              <controlPr defaultSize="0" autoFill="0" autoLine="0" autoPict="0">
                <anchor moveWithCells="1">
                  <from>
                    <xdr:col>6</xdr:col>
                    <xdr:colOff>85725</xdr:colOff>
                    <xdr:row>10</xdr:row>
                    <xdr:rowOff>276225</xdr:rowOff>
                  </from>
                  <to>
                    <xdr:col>6</xdr:col>
                    <xdr:colOff>304800</xdr:colOff>
                    <xdr:row>10</xdr:row>
                    <xdr:rowOff>495300</xdr:rowOff>
                  </to>
                </anchor>
              </controlPr>
            </control>
          </mc:Choice>
        </mc:AlternateContent>
        <mc:AlternateContent xmlns:mc="http://schemas.openxmlformats.org/markup-compatibility/2006">
          <mc:Choice Requires="x14">
            <control shapeId="2058" r:id="rId12" name="Check Box 10">
              <controlPr defaultSize="0" autoFill="0" autoLine="0" autoPict="0">
                <anchor moveWithCells="1">
                  <from>
                    <xdr:col>6</xdr:col>
                    <xdr:colOff>95250</xdr:colOff>
                    <xdr:row>11</xdr:row>
                    <xdr:rowOff>266700</xdr:rowOff>
                  </from>
                  <to>
                    <xdr:col>6</xdr:col>
                    <xdr:colOff>314325</xdr:colOff>
                    <xdr:row>11</xdr:row>
                    <xdr:rowOff>485775</xdr:rowOff>
                  </to>
                </anchor>
              </controlPr>
            </control>
          </mc:Choice>
        </mc:AlternateContent>
        <mc:AlternateContent xmlns:mc="http://schemas.openxmlformats.org/markup-compatibility/2006">
          <mc:Choice Requires="x14">
            <control shapeId="2059" r:id="rId13" name="Check Box 11">
              <controlPr defaultSize="0" autoFill="0" autoLine="0" autoPict="0">
                <anchor moveWithCells="1">
                  <from>
                    <xdr:col>6</xdr:col>
                    <xdr:colOff>85725</xdr:colOff>
                    <xdr:row>12</xdr:row>
                    <xdr:rowOff>428625</xdr:rowOff>
                  </from>
                  <to>
                    <xdr:col>6</xdr:col>
                    <xdr:colOff>304800</xdr:colOff>
                    <xdr:row>12</xdr:row>
                    <xdr:rowOff>647700</xdr:rowOff>
                  </to>
                </anchor>
              </controlPr>
            </control>
          </mc:Choice>
        </mc:AlternateContent>
        <mc:AlternateContent xmlns:mc="http://schemas.openxmlformats.org/markup-compatibility/2006">
          <mc:Choice Requires="x14">
            <control shapeId="2060" r:id="rId14" name="Check Box 12">
              <controlPr defaultSize="0" autoFill="0" autoLine="0" autoPict="0">
                <anchor moveWithCells="1">
                  <from>
                    <xdr:col>6</xdr:col>
                    <xdr:colOff>85725</xdr:colOff>
                    <xdr:row>13</xdr:row>
                    <xdr:rowOff>200025</xdr:rowOff>
                  </from>
                  <to>
                    <xdr:col>6</xdr:col>
                    <xdr:colOff>304800</xdr:colOff>
                    <xdr:row>13</xdr:row>
                    <xdr:rowOff>419100</xdr:rowOff>
                  </to>
                </anchor>
              </controlPr>
            </control>
          </mc:Choice>
        </mc:AlternateContent>
        <mc:AlternateContent xmlns:mc="http://schemas.openxmlformats.org/markup-compatibility/2006">
          <mc:Choice Requires="x14">
            <control shapeId="2061" r:id="rId15" name="Check Box 13">
              <controlPr defaultSize="0" autoFill="0" autoLine="0" autoPict="0">
                <anchor moveWithCells="1">
                  <from>
                    <xdr:col>6</xdr:col>
                    <xdr:colOff>95250</xdr:colOff>
                    <xdr:row>14</xdr:row>
                    <xdr:rowOff>257175</xdr:rowOff>
                  </from>
                  <to>
                    <xdr:col>6</xdr:col>
                    <xdr:colOff>314325</xdr:colOff>
                    <xdr:row>14</xdr:row>
                    <xdr:rowOff>476250</xdr:rowOff>
                  </to>
                </anchor>
              </controlPr>
            </control>
          </mc:Choice>
        </mc:AlternateContent>
        <mc:AlternateContent xmlns:mc="http://schemas.openxmlformats.org/markup-compatibility/2006">
          <mc:Choice Requires="x14">
            <control shapeId="2063" r:id="rId16" name="Check Box 15">
              <controlPr defaultSize="0" autoFill="0" autoLine="0" autoPict="0">
                <anchor moveWithCells="1">
                  <from>
                    <xdr:col>5</xdr:col>
                    <xdr:colOff>76200</xdr:colOff>
                    <xdr:row>15</xdr:row>
                    <xdr:rowOff>371475</xdr:rowOff>
                  </from>
                  <to>
                    <xdr:col>5</xdr:col>
                    <xdr:colOff>295275</xdr:colOff>
                    <xdr:row>15</xdr:row>
                    <xdr:rowOff>590550</xdr:rowOff>
                  </to>
                </anchor>
              </controlPr>
            </control>
          </mc:Choice>
        </mc:AlternateContent>
        <mc:AlternateContent xmlns:mc="http://schemas.openxmlformats.org/markup-compatibility/2006">
          <mc:Choice Requires="x14">
            <control shapeId="2064" r:id="rId17" name="Check Box 16">
              <controlPr defaultSize="0" autoFill="0" autoLine="0" autoPict="0">
                <anchor moveWithCells="1">
                  <from>
                    <xdr:col>5</xdr:col>
                    <xdr:colOff>66675</xdr:colOff>
                    <xdr:row>16</xdr:row>
                    <xdr:rowOff>457200</xdr:rowOff>
                  </from>
                  <to>
                    <xdr:col>5</xdr:col>
                    <xdr:colOff>285750</xdr:colOff>
                    <xdr:row>16</xdr:row>
                    <xdr:rowOff>676275</xdr:rowOff>
                  </to>
                </anchor>
              </controlPr>
            </control>
          </mc:Choice>
        </mc:AlternateContent>
        <mc:AlternateContent xmlns:mc="http://schemas.openxmlformats.org/markup-compatibility/2006">
          <mc:Choice Requires="x14">
            <control shapeId="2065" r:id="rId18" name="Check Box 17">
              <controlPr defaultSize="0" autoFill="0" autoLine="0" autoPict="0">
                <anchor moveWithCells="1">
                  <from>
                    <xdr:col>5</xdr:col>
                    <xdr:colOff>95250</xdr:colOff>
                    <xdr:row>17</xdr:row>
                    <xdr:rowOff>247650</xdr:rowOff>
                  </from>
                  <to>
                    <xdr:col>5</xdr:col>
                    <xdr:colOff>314325</xdr:colOff>
                    <xdr:row>17</xdr:row>
                    <xdr:rowOff>466725</xdr:rowOff>
                  </to>
                </anchor>
              </controlPr>
            </control>
          </mc:Choice>
        </mc:AlternateContent>
        <mc:AlternateContent xmlns:mc="http://schemas.openxmlformats.org/markup-compatibility/2006">
          <mc:Choice Requires="x14">
            <control shapeId="2066" r:id="rId19" name="Check Box 18">
              <controlPr defaultSize="0" autoFill="0" autoLine="0" autoPict="0">
                <anchor moveWithCells="1">
                  <from>
                    <xdr:col>5</xdr:col>
                    <xdr:colOff>95250</xdr:colOff>
                    <xdr:row>18</xdr:row>
                    <xdr:rowOff>228600</xdr:rowOff>
                  </from>
                  <to>
                    <xdr:col>5</xdr:col>
                    <xdr:colOff>314325</xdr:colOff>
                    <xdr:row>18</xdr:row>
                    <xdr:rowOff>447675</xdr:rowOff>
                  </to>
                </anchor>
              </controlPr>
            </control>
          </mc:Choice>
        </mc:AlternateContent>
        <mc:AlternateContent xmlns:mc="http://schemas.openxmlformats.org/markup-compatibility/2006">
          <mc:Choice Requires="x14">
            <control shapeId="2067" r:id="rId20" name="Check Box 19">
              <controlPr defaultSize="0" autoFill="0" autoLine="0" autoPict="0">
                <anchor moveWithCells="1">
                  <from>
                    <xdr:col>5</xdr:col>
                    <xdr:colOff>95250</xdr:colOff>
                    <xdr:row>19</xdr:row>
                    <xdr:rowOff>257175</xdr:rowOff>
                  </from>
                  <to>
                    <xdr:col>5</xdr:col>
                    <xdr:colOff>314325</xdr:colOff>
                    <xdr:row>19</xdr:row>
                    <xdr:rowOff>476250</xdr:rowOff>
                  </to>
                </anchor>
              </controlPr>
            </control>
          </mc:Choice>
        </mc:AlternateContent>
        <mc:AlternateContent xmlns:mc="http://schemas.openxmlformats.org/markup-compatibility/2006">
          <mc:Choice Requires="x14">
            <control shapeId="2068" r:id="rId21" name="Check Box 20">
              <controlPr defaultSize="0" autoFill="0" autoLine="0" autoPict="0">
                <anchor moveWithCells="1">
                  <from>
                    <xdr:col>5</xdr:col>
                    <xdr:colOff>95250</xdr:colOff>
                    <xdr:row>20</xdr:row>
                    <xdr:rowOff>247650</xdr:rowOff>
                  </from>
                  <to>
                    <xdr:col>5</xdr:col>
                    <xdr:colOff>314325</xdr:colOff>
                    <xdr:row>20</xdr:row>
                    <xdr:rowOff>466725</xdr:rowOff>
                  </to>
                </anchor>
              </controlPr>
            </control>
          </mc:Choice>
        </mc:AlternateContent>
        <mc:AlternateContent xmlns:mc="http://schemas.openxmlformats.org/markup-compatibility/2006">
          <mc:Choice Requires="x14">
            <control shapeId="2069" r:id="rId22" name="Check Box 21">
              <controlPr defaultSize="0" autoFill="0" autoLine="0" autoPict="0">
                <anchor moveWithCells="1">
                  <from>
                    <xdr:col>6</xdr:col>
                    <xdr:colOff>85725</xdr:colOff>
                    <xdr:row>16</xdr:row>
                    <xdr:rowOff>438150</xdr:rowOff>
                  </from>
                  <to>
                    <xdr:col>6</xdr:col>
                    <xdr:colOff>304800</xdr:colOff>
                    <xdr:row>16</xdr:row>
                    <xdr:rowOff>657225</xdr:rowOff>
                  </to>
                </anchor>
              </controlPr>
            </control>
          </mc:Choice>
        </mc:AlternateContent>
        <mc:AlternateContent xmlns:mc="http://schemas.openxmlformats.org/markup-compatibility/2006">
          <mc:Choice Requires="x14">
            <control shapeId="2070" r:id="rId23" name="Check Box 22">
              <controlPr defaultSize="0" autoFill="0" autoLine="0" autoPict="0">
                <anchor moveWithCells="1">
                  <from>
                    <xdr:col>6</xdr:col>
                    <xdr:colOff>104775</xdr:colOff>
                    <xdr:row>17</xdr:row>
                    <xdr:rowOff>247650</xdr:rowOff>
                  </from>
                  <to>
                    <xdr:col>6</xdr:col>
                    <xdr:colOff>323850</xdr:colOff>
                    <xdr:row>17</xdr:row>
                    <xdr:rowOff>466725</xdr:rowOff>
                  </to>
                </anchor>
              </controlPr>
            </control>
          </mc:Choice>
        </mc:AlternateContent>
        <mc:AlternateContent xmlns:mc="http://schemas.openxmlformats.org/markup-compatibility/2006">
          <mc:Choice Requires="x14">
            <control shapeId="2071" r:id="rId24" name="Check Box 23">
              <controlPr defaultSize="0" autoFill="0" autoLine="0" autoPict="0">
                <anchor moveWithCells="1">
                  <from>
                    <xdr:col>6</xdr:col>
                    <xdr:colOff>95250</xdr:colOff>
                    <xdr:row>18</xdr:row>
                    <xdr:rowOff>228600</xdr:rowOff>
                  </from>
                  <to>
                    <xdr:col>6</xdr:col>
                    <xdr:colOff>314325</xdr:colOff>
                    <xdr:row>18</xdr:row>
                    <xdr:rowOff>447675</xdr:rowOff>
                  </to>
                </anchor>
              </controlPr>
            </control>
          </mc:Choice>
        </mc:AlternateContent>
        <mc:AlternateContent xmlns:mc="http://schemas.openxmlformats.org/markup-compatibility/2006">
          <mc:Choice Requires="x14">
            <control shapeId="2072" r:id="rId25" name="Check Box 24">
              <controlPr defaultSize="0" autoFill="0" autoLine="0" autoPict="0">
                <anchor moveWithCells="1">
                  <from>
                    <xdr:col>6</xdr:col>
                    <xdr:colOff>95250</xdr:colOff>
                    <xdr:row>19</xdr:row>
                    <xdr:rowOff>238125</xdr:rowOff>
                  </from>
                  <to>
                    <xdr:col>6</xdr:col>
                    <xdr:colOff>314325</xdr:colOff>
                    <xdr:row>19</xdr:row>
                    <xdr:rowOff>457200</xdr:rowOff>
                  </to>
                </anchor>
              </controlPr>
            </control>
          </mc:Choice>
        </mc:AlternateContent>
        <mc:AlternateContent xmlns:mc="http://schemas.openxmlformats.org/markup-compatibility/2006">
          <mc:Choice Requires="x14">
            <control shapeId="2074" r:id="rId26" name="Check Box 26">
              <controlPr defaultSize="0" autoFill="0" autoLine="0" autoPict="0">
                <anchor moveWithCells="1">
                  <from>
                    <xdr:col>6</xdr:col>
                    <xdr:colOff>85725</xdr:colOff>
                    <xdr:row>20</xdr:row>
                    <xdr:rowOff>247650</xdr:rowOff>
                  </from>
                  <to>
                    <xdr:col>6</xdr:col>
                    <xdr:colOff>304800</xdr:colOff>
                    <xdr:row>20</xdr:row>
                    <xdr:rowOff>466725</xdr:rowOff>
                  </to>
                </anchor>
              </controlPr>
            </control>
          </mc:Choice>
        </mc:AlternateContent>
        <mc:AlternateContent xmlns:mc="http://schemas.openxmlformats.org/markup-compatibility/2006">
          <mc:Choice Requires="x14">
            <control shapeId="2075" r:id="rId27" name="Check Box 27">
              <controlPr defaultSize="0" autoFill="0" autoLine="0" autoPict="0">
                <anchor moveWithCells="1">
                  <from>
                    <xdr:col>5</xdr:col>
                    <xdr:colOff>95250</xdr:colOff>
                    <xdr:row>21</xdr:row>
                    <xdr:rowOff>257175</xdr:rowOff>
                  </from>
                  <to>
                    <xdr:col>5</xdr:col>
                    <xdr:colOff>314325</xdr:colOff>
                    <xdr:row>21</xdr:row>
                    <xdr:rowOff>476250</xdr:rowOff>
                  </to>
                </anchor>
              </controlPr>
            </control>
          </mc:Choice>
        </mc:AlternateContent>
        <mc:AlternateContent xmlns:mc="http://schemas.openxmlformats.org/markup-compatibility/2006">
          <mc:Choice Requires="x14">
            <control shapeId="2076" r:id="rId28" name="Check Box 28">
              <controlPr defaultSize="0" autoFill="0" autoLine="0" autoPict="0">
                <anchor moveWithCells="1">
                  <from>
                    <xdr:col>6</xdr:col>
                    <xdr:colOff>85725</xdr:colOff>
                    <xdr:row>21</xdr:row>
                    <xdr:rowOff>257175</xdr:rowOff>
                  </from>
                  <to>
                    <xdr:col>6</xdr:col>
                    <xdr:colOff>304800</xdr:colOff>
                    <xdr:row>21</xdr:row>
                    <xdr:rowOff>476250</xdr:rowOff>
                  </to>
                </anchor>
              </controlPr>
            </control>
          </mc:Choice>
        </mc:AlternateContent>
        <mc:AlternateContent xmlns:mc="http://schemas.openxmlformats.org/markup-compatibility/2006">
          <mc:Choice Requires="x14">
            <control shapeId="2077" r:id="rId29" name="Check Box 29">
              <controlPr defaultSize="0" autoFill="0" autoLine="0" autoPict="0">
                <anchor moveWithCells="1">
                  <from>
                    <xdr:col>5</xdr:col>
                    <xdr:colOff>76200</xdr:colOff>
                    <xdr:row>22</xdr:row>
                    <xdr:rowOff>295275</xdr:rowOff>
                  </from>
                  <to>
                    <xdr:col>5</xdr:col>
                    <xdr:colOff>295275</xdr:colOff>
                    <xdr:row>22</xdr:row>
                    <xdr:rowOff>514350</xdr:rowOff>
                  </to>
                </anchor>
              </controlPr>
            </control>
          </mc:Choice>
        </mc:AlternateContent>
        <mc:AlternateContent xmlns:mc="http://schemas.openxmlformats.org/markup-compatibility/2006">
          <mc:Choice Requires="x14">
            <control shapeId="2078" r:id="rId30" name="Check Box 30">
              <controlPr defaultSize="0" autoFill="0" autoLine="0" autoPict="0">
                <anchor moveWithCells="1">
                  <from>
                    <xdr:col>6</xdr:col>
                    <xdr:colOff>95250</xdr:colOff>
                    <xdr:row>22</xdr:row>
                    <xdr:rowOff>295275</xdr:rowOff>
                  </from>
                  <to>
                    <xdr:col>6</xdr:col>
                    <xdr:colOff>314325</xdr:colOff>
                    <xdr:row>22</xdr:row>
                    <xdr:rowOff>514350</xdr:rowOff>
                  </to>
                </anchor>
              </controlPr>
            </control>
          </mc:Choice>
        </mc:AlternateContent>
        <mc:AlternateContent xmlns:mc="http://schemas.openxmlformats.org/markup-compatibility/2006">
          <mc:Choice Requires="x14">
            <control shapeId="2080" r:id="rId31" name="Check Box 32">
              <controlPr defaultSize="0" autoFill="0" autoLine="0" autoPict="0">
                <anchor moveWithCells="1">
                  <from>
                    <xdr:col>5</xdr:col>
                    <xdr:colOff>85725</xdr:colOff>
                    <xdr:row>23</xdr:row>
                    <xdr:rowOff>333375</xdr:rowOff>
                  </from>
                  <to>
                    <xdr:col>5</xdr:col>
                    <xdr:colOff>304800</xdr:colOff>
                    <xdr:row>23</xdr:row>
                    <xdr:rowOff>552450</xdr:rowOff>
                  </to>
                </anchor>
              </controlPr>
            </control>
          </mc:Choice>
        </mc:AlternateContent>
        <mc:AlternateContent xmlns:mc="http://schemas.openxmlformats.org/markup-compatibility/2006">
          <mc:Choice Requires="x14">
            <control shapeId="2081" r:id="rId32" name="Check Box 33">
              <controlPr defaultSize="0" autoFill="0" autoLine="0" autoPict="0">
                <anchor moveWithCells="1">
                  <from>
                    <xdr:col>6</xdr:col>
                    <xdr:colOff>104775</xdr:colOff>
                    <xdr:row>23</xdr:row>
                    <xdr:rowOff>333375</xdr:rowOff>
                  </from>
                  <to>
                    <xdr:col>6</xdr:col>
                    <xdr:colOff>323850</xdr:colOff>
                    <xdr:row>23</xdr:row>
                    <xdr:rowOff>552450</xdr:rowOff>
                  </to>
                </anchor>
              </controlPr>
            </control>
          </mc:Choice>
        </mc:AlternateContent>
        <mc:AlternateContent xmlns:mc="http://schemas.openxmlformats.org/markup-compatibility/2006">
          <mc:Choice Requires="x14">
            <control shapeId="2082" r:id="rId33" name="Check Box 34">
              <controlPr defaultSize="0" autoFill="0" autoLine="0" autoPict="0">
                <anchor moveWithCells="1">
                  <from>
                    <xdr:col>6</xdr:col>
                    <xdr:colOff>85725</xdr:colOff>
                    <xdr:row>15</xdr:row>
                    <xdr:rowOff>371475</xdr:rowOff>
                  </from>
                  <to>
                    <xdr:col>6</xdr:col>
                    <xdr:colOff>304800</xdr:colOff>
                    <xdr:row>15</xdr:row>
                    <xdr:rowOff>590550</xdr:rowOff>
                  </to>
                </anchor>
              </controlPr>
            </control>
          </mc:Choice>
        </mc:AlternateContent>
        <mc:AlternateContent xmlns:mc="http://schemas.openxmlformats.org/markup-compatibility/2006">
          <mc:Choice Requires="x14">
            <control shapeId="2083" r:id="rId34" name="Check Box 35">
              <controlPr defaultSize="0" autoFill="0" autoLine="0" autoPict="0">
                <anchor moveWithCells="1">
                  <from>
                    <xdr:col>5</xdr:col>
                    <xdr:colOff>85725</xdr:colOff>
                    <xdr:row>24</xdr:row>
                    <xdr:rowOff>323850</xdr:rowOff>
                  </from>
                  <to>
                    <xdr:col>5</xdr:col>
                    <xdr:colOff>304800</xdr:colOff>
                    <xdr:row>24</xdr:row>
                    <xdr:rowOff>542925</xdr:rowOff>
                  </to>
                </anchor>
              </controlPr>
            </control>
          </mc:Choice>
        </mc:AlternateContent>
        <mc:AlternateContent xmlns:mc="http://schemas.openxmlformats.org/markup-compatibility/2006">
          <mc:Choice Requires="x14">
            <control shapeId="2084" r:id="rId35" name="Check Box 36">
              <controlPr defaultSize="0" autoFill="0" autoLine="0" autoPict="0">
                <anchor moveWithCells="1">
                  <from>
                    <xdr:col>6</xdr:col>
                    <xdr:colOff>76200</xdr:colOff>
                    <xdr:row>24</xdr:row>
                    <xdr:rowOff>323850</xdr:rowOff>
                  </from>
                  <to>
                    <xdr:col>6</xdr:col>
                    <xdr:colOff>295275</xdr:colOff>
                    <xdr:row>24</xdr:row>
                    <xdr:rowOff>542925</xdr:rowOff>
                  </to>
                </anchor>
              </controlPr>
            </control>
          </mc:Choice>
        </mc:AlternateContent>
        <mc:AlternateContent xmlns:mc="http://schemas.openxmlformats.org/markup-compatibility/2006">
          <mc:Choice Requires="x14">
            <control shapeId="2085" r:id="rId36" name="Check Box 37">
              <controlPr defaultSize="0" autoFill="0" autoLine="0" autoPict="0">
                <anchor moveWithCells="1">
                  <from>
                    <xdr:col>5</xdr:col>
                    <xdr:colOff>85725</xdr:colOff>
                    <xdr:row>25</xdr:row>
                    <xdr:rowOff>447675</xdr:rowOff>
                  </from>
                  <to>
                    <xdr:col>5</xdr:col>
                    <xdr:colOff>304800</xdr:colOff>
                    <xdr:row>25</xdr:row>
                    <xdr:rowOff>666750</xdr:rowOff>
                  </to>
                </anchor>
              </controlPr>
            </control>
          </mc:Choice>
        </mc:AlternateContent>
        <mc:AlternateContent xmlns:mc="http://schemas.openxmlformats.org/markup-compatibility/2006">
          <mc:Choice Requires="x14">
            <control shapeId="2086" r:id="rId37" name="Check Box 38">
              <controlPr defaultSize="0" autoFill="0" autoLine="0" autoPict="0">
                <anchor moveWithCells="1">
                  <from>
                    <xdr:col>6</xdr:col>
                    <xdr:colOff>95250</xdr:colOff>
                    <xdr:row>25</xdr:row>
                    <xdr:rowOff>438150</xdr:rowOff>
                  </from>
                  <to>
                    <xdr:col>6</xdr:col>
                    <xdr:colOff>314325</xdr:colOff>
                    <xdr:row>25</xdr:row>
                    <xdr:rowOff>657225</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8" tint="0.59999389629810485"/>
    <pageSetUpPr fitToPage="1"/>
  </sheetPr>
  <dimension ref="A1:GK215"/>
  <sheetViews>
    <sheetView view="pageBreakPreview" zoomScaleNormal="100" zoomScaleSheetLayoutView="100" workbookViewId="0">
      <selection activeCell="F7" sqref="F7"/>
    </sheetView>
  </sheetViews>
  <sheetFormatPr defaultColWidth="9" defaultRowHeight="20.100000000000001" customHeight="1"/>
  <cols>
    <col min="1" max="1" width="28.5" style="336" customWidth="1"/>
    <col min="2" max="2" width="8.375" style="337" customWidth="1"/>
    <col min="3" max="3" width="37.625" style="338" customWidth="1"/>
    <col min="4" max="4" width="16.75" style="336" customWidth="1"/>
    <col min="5" max="5" width="4.125" style="339" customWidth="1"/>
    <col min="6" max="6" width="15.625" style="340" customWidth="1"/>
    <col min="7" max="7" width="24.625" style="341" customWidth="1"/>
    <col min="8" max="193" width="9" style="208"/>
    <col min="194" max="16384" width="9" style="209"/>
  </cols>
  <sheetData>
    <row r="1" spans="1:193" ht="30" customHeight="1" thickBot="1">
      <c r="A1" s="447" t="s">
        <v>334</v>
      </c>
      <c r="B1" s="447"/>
      <c r="C1" s="447"/>
      <c r="D1" s="447"/>
      <c r="E1" s="447"/>
      <c r="F1" s="447"/>
      <c r="G1" s="447"/>
    </row>
    <row r="2" spans="1:193" s="214" customFormat="1" ht="26.25" customHeight="1" thickTop="1">
      <c r="A2" s="210"/>
      <c r="B2" s="211"/>
      <c r="C2" s="212"/>
      <c r="D2" s="410" t="s">
        <v>0</v>
      </c>
      <c r="E2" s="411"/>
      <c r="F2" s="448">
        <f>'基準（地密通所）'!C2</f>
        <v>0</v>
      </c>
      <c r="G2" s="449"/>
      <c r="H2" s="213"/>
      <c r="I2" s="213"/>
      <c r="J2" s="213"/>
      <c r="K2" s="213"/>
      <c r="L2" s="213"/>
      <c r="M2" s="213"/>
      <c r="N2" s="213"/>
      <c r="O2" s="213"/>
      <c r="P2" s="213"/>
      <c r="Q2" s="213"/>
      <c r="R2" s="213"/>
      <c r="S2" s="213"/>
      <c r="T2" s="213"/>
      <c r="U2" s="213"/>
      <c r="V2" s="213"/>
      <c r="W2" s="213"/>
      <c r="X2" s="213"/>
      <c r="Y2" s="213"/>
      <c r="Z2" s="213"/>
      <c r="AA2" s="213"/>
      <c r="AB2" s="213"/>
      <c r="AC2" s="213"/>
      <c r="AD2" s="213"/>
      <c r="AE2" s="213"/>
      <c r="AF2" s="213"/>
      <c r="AG2" s="213"/>
      <c r="AH2" s="213"/>
      <c r="AI2" s="213"/>
      <c r="AJ2" s="213"/>
      <c r="AK2" s="213"/>
      <c r="AL2" s="213"/>
      <c r="AM2" s="213"/>
      <c r="AN2" s="213"/>
      <c r="AO2" s="213"/>
      <c r="AP2" s="213"/>
      <c r="AQ2" s="213"/>
      <c r="AR2" s="213"/>
      <c r="AS2" s="213"/>
      <c r="AT2" s="213"/>
      <c r="AU2" s="213"/>
      <c r="AV2" s="213"/>
      <c r="AW2" s="213"/>
      <c r="AX2" s="213"/>
      <c r="AY2" s="213"/>
      <c r="AZ2" s="213"/>
      <c r="BA2" s="213"/>
      <c r="BB2" s="213"/>
      <c r="BC2" s="213"/>
      <c r="BD2" s="213"/>
      <c r="BE2" s="213"/>
      <c r="BF2" s="213"/>
      <c r="BG2" s="213"/>
      <c r="BH2" s="213"/>
      <c r="BI2" s="213"/>
      <c r="BJ2" s="213"/>
      <c r="BK2" s="213"/>
      <c r="BL2" s="213"/>
      <c r="BM2" s="213"/>
      <c r="BN2" s="213"/>
      <c r="BO2" s="213"/>
      <c r="BP2" s="213"/>
      <c r="BQ2" s="213"/>
      <c r="BR2" s="213"/>
      <c r="BS2" s="213"/>
      <c r="BT2" s="213"/>
      <c r="BU2" s="213"/>
      <c r="BV2" s="213"/>
      <c r="BW2" s="213"/>
      <c r="BX2" s="213"/>
      <c r="BY2" s="213"/>
      <c r="BZ2" s="213"/>
      <c r="CA2" s="213"/>
      <c r="CB2" s="213"/>
      <c r="CC2" s="213"/>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c r="ED2" s="213"/>
      <c r="EE2" s="213"/>
      <c r="EF2" s="213"/>
      <c r="EG2" s="213"/>
      <c r="EH2" s="213"/>
      <c r="EI2" s="213"/>
      <c r="EJ2" s="213"/>
      <c r="EK2" s="213"/>
      <c r="EL2" s="213"/>
      <c r="EM2" s="213"/>
      <c r="EN2" s="213"/>
      <c r="EO2" s="213"/>
      <c r="EP2" s="213"/>
      <c r="EQ2" s="213"/>
      <c r="ER2" s="213"/>
      <c r="ES2" s="213"/>
      <c r="ET2" s="213"/>
      <c r="EU2" s="213"/>
      <c r="EV2" s="213"/>
      <c r="EW2" s="213"/>
      <c r="EX2" s="213"/>
      <c r="EY2" s="213"/>
      <c r="EZ2" s="213"/>
      <c r="FA2" s="213"/>
      <c r="FB2" s="213"/>
      <c r="FC2" s="213"/>
      <c r="FD2" s="213"/>
      <c r="FE2" s="213"/>
      <c r="FF2" s="213"/>
      <c r="FG2" s="213"/>
      <c r="FH2" s="213"/>
      <c r="FI2" s="213"/>
      <c r="FJ2" s="213"/>
      <c r="FK2" s="213"/>
      <c r="FL2" s="213"/>
      <c r="FM2" s="213"/>
      <c r="FN2" s="213"/>
      <c r="FO2" s="213"/>
      <c r="FP2" s="213"/>
      <c r="FQ2" s="213"/>
      <c r="FR2" s="213"/>
      <c r="FS2" s="213"/>
      <c r="FT2" s="213"/>
      <c r="FU2" s="213"/>
      <c r="FV2" s="213"/>
      <c r="FW2" s="213"/>
      <c r="FX2" s="213"/>
      <c r="FY2" s="213"/>
      <c r="FZ2" s="213"/>
      <c r="GA2" s="213"/>
      <c r="GB2" s="213"/>
      <c r="GC2" s="213"/>
      <c r="GD2" s="213"/>
      <c r="GE2" s="213"/>
      <c r="GF2" s="213"/>
      <c r="GG2" s="213"/>
      <c r="GH2" s="213"/>
      <c r="GI2" s="213"/>
      <c r="GJ2" s="213"/>
      <c r="GK2" s="213"/>
    </row>
    <row r="3" spans="1:193" s="214" customFormat="1" ht="26.25" customHeight="1">
      <c r="A3" s="210"/>
      <c r="B3" s="211"/>
      <c r="C3" s="212"/>
      <c r="D3" s="412" t="s">
        <v>1</v>
      </c>
      <c r="E3" s="413"/>
      <c r="F3" s="450">
        <f>'基準（地密通所）'!C3</f>
        <v>0</v>
      </c>
      <c r="G3" s="451"/>
      <c r="H3" s="213"/>
      <c r="I3" s="213"/>
      <c r="J3" s="213"/>
      <c r="K3" s="213"/>
      <c r="L3" s="213"/>
      <c r="M3" s="213"/>
      <c r="N3" s="213"/>
      <c r="O3" s="213"/>
      <c r="P3" s="213"/>
      <c r="Q3" s="213"/>
      <c r="R3" s="213"/>
      <c r="S3" s="213"/>
      <c r="T3" s="213"/>
      <c r="U3" s="213"/>
      <c r="V3" s="213"/>
      <c r="W3" s="213"/>
      <c r="X3" s="213"/>
      <c r="Y3" s="213"/>
      <c r="Z3" s="213"/>
      <c r="AA3" s="213"/>
      <c r="AB3" s="213"/>
      <c r="AC3" s="213"/>
      <c r="AD3" s="213"/>
      <c r="AE3" s="213"/>
      <c r="AF3" s="213"/>
      <c r="AG3" s="213"/>
      <c r="AH3" s="213"/>
      <c r="AI3" s="213"/>
      <c r="AJ3" s="213"/>
      <c r="AK3" s="213"/>
      <c r="AL3" s="213"/>
      <c r="AM3" s="213"/>
      <c r="AN3" s="213"/>
      <c r="AO3" s="213"/>
      <c r="AP3" s="213"/>
      <c r="AQ3" s="213"/>
      <c r="AR3" s="213"/>
      <c r="AS3" s="213"/>
      <c r="AT3" s="213"/>
      <c r="AU3" s="213"/>
      <c r="AV3" s="213"/>
      <c r="AW3" s="213"/>
      <c r="AX3" s="213"/>
      <c r="AY3" s="213"/>
      <c r="AZ3" s="213"/>
      <c r="BA3" s="213"/>
      <c r="BB3" s="213"/>
      <c r="BC3" s="213"/>
      <c r="BD3" s="213"/>
      <c r="BE3" s="213"/>
      <c r="BF3" s="213"/>
      <c r="BG3" s="213"/>
      <c r="BH3" s="213"/>
      <c r="BI3" s="213"/>
      <c r="BJ3" s="213"/>
      <c r="BK3" s="213"/>
      <c r="BL3" s="213"/>
      <c r="BM3" s="213"/>
      <c r="BN3" s="213"/>
      <c r="BO3" s="213"/>
      <c r="BP3" s="213"/>
      <c r="BQ3" s="213"/>
      <c r="BR3" s="213"/>
      <c r="BS3" s="213"/>
      <c r="BT3" s="213"/>
      <c r="BU3" s="213"/>
      <c r="BV3" s="213"/>
      <c r="BW3" s="213"/>
      <c r="BX3" s="213"/>
      <c r="BY3" s="213"/>
      <c r="BZ3" s="213"/>
      <c r="CA3" s="213"/>
      <c r="CB3" s="213"/>
      <c r="CC3" s="213"/>
      <c r="CD3" s="213"/>
      <c r="CE3" s="213"/>
      <c r="CF3" s="213"/>
      <c r="CG3" s="213"/>
      <c r="CH3" s="213"/>
      <c r="CI3" s="213"/>
      <c r="CJ3" s="213"/>
      <c r="CK3" s="213"/>
      <c r="CL3" s="213"/>
      <c r="CM3" s="213"/>
      <c r="CN3" s="213"/>
      <c r="CO3" s="213"/>
      <c r="CP3" s="213"/>
      <c r="CQ3" s="213"/>
      <c r="CR3" s="213"/>
      <c r="CS3" s="213"/>
      <c r="CT3" s="213"/>
      <c r="CU3" s="213"/>
      <c r="CV3" s="213"/>
      <c r="CW3" s="213"/>
      <c r="CX3" s="213"/>
      <c r="CY3" s="213"/>
      <c r="CZ3" s="213"/>
      <c r="DA3" s="213"/>
      <c r="DB3" s="213"/>
      <c r="DC3" s="213"/>
      <c r="DD3" s="213"/>
      <c r="DE3" s="213"/>
      <c r="DF3" s="213"/>
      <c r="DG3" s="213"/>
      <c r="DH3" s="213"/>
      <c r="DI3" s="213"/>
      <c r="DJ3" s="213"/>
      <c r="DK3" s="213"/>
      <c r="DL3" s="213"/>
      <c r="DM3" s="213"/>
      <c r="DN3" s="213"/>
      <c r="DO3" s="213"/>
      <c r="DP3" s="213"/>
      <c r="DQ3" s="213"/>
      <c r="DR3" s="213"/>
      <c r="DS3" s="213"/>
      <c r="DT3" s="213"/>
      <c r="DU3" s="213"/>
      <c r="DV3" s="213"/>
      <c r="DW3" s="213"/>
      <c r="DX3" s="213"/>
      <c r="DY3" s="213"/>
      <c r="DZ3" s="213"/>
      <c r="EA3" s="213"/>
      <c r="EB3" s="213"/>
      <c r="EC3" s="213"/>
      <c r="ED3" s="213"/>
      <c r="EE3" s="213"/>
      <c r="EF3" s="213"/>
      <c r="EG3" s="213"/>
      <c r="EH3" s="213"/>
      <c r="EI3" s="213"/>
      <c r="EJ3" s="213"/>
      <c r="EK3" s="213"/>
      <c r="EL3" s="213"/>
      <c r="EM3" s="213"/>
      <c r="EN3" s="213"/>
      <c r="EO3" s="213"/>
      <c r="EP3" s="213"/>
      <c r="EQ3" s="213"/>
      <c r="ER3" s="213"/>
      <c r="ES3" s="213"/>
      <c r="ET3" s="213"/>
      <c r="EU3" s="213"/>
      <c r="EV3" s="213"/>
      <c r="EW3" s="213"/>
      <c r="EX3" s="213"/>
      <c r="EY3" s="213"/>
      <c r="EZ3" s="213"/>
      <c r="FA3" s="213"/>
      <c r="FB3" s="213"/>
      <c r="FC3" s="213"/>
      <c r="FD3" s="213"/>
      <c r="FE3" s="213"/>
      <c r="FF3" s="213"/>
      <c r="FG3" s="213"/>
      <c r="FH3" s="213"/>
      <c r="FI3" s="213"/>
      <c r="FJ3" s="213"/>
      <c r="FK3" s="213"/>
      <c r="FL3" s="213"/>
      <c r="FM3" s="213"/>
      <c r="FN3" s="213"/>
      <c r="FO3" s="213"/>
      <c r="FP3" s="213"/>
      <c r="FQ3" s="213"/>
      <c r="FR3" s="213"/>
      <c r="FS3" s="213"/>
      <c r="FT3" s="213"/>
      <c r="FU3" s="213"/>
      <c r="FV3" s="213"/>
      <c r="FW3" s="213"/>
      <c r="FX3" s="213"/>
      <c r="FY3" s="213"/>
      <c r="FZ3" s="213"/>
      <c r="GA3" s="213"/>
      <c r="GB3" s="213"/>
      <c r="GC3" s="213"/>
      <c r="GD3" s="213"/>
      <c r="GE3" s="213"/>
      <c r="GF3" s="213"/>
      <c r="GG3" s="213"/>
      <c r="GH3" s="213"/>
      <c r="GI3" s="213"/>
      <c r="GJ3" s="213"/>
      <c r="GK3" s="213"/>
    </row>
    <row r="4" spans="1:193" s="218" customFormat="1" ht="26.25" customHeight="1" thickBot="1">
      <c r="A4" s="215"/>
      <c r="B4" s="215"/>
      <c r="C4" s="216"/>
      <c r="D4" s="414" t="s">
        <v>2</v>
      </c>
      <c r="E4" s="415"/>
      <c r="F4" s="452" t="s">
        <v>335</v>
      </c>
      <c r="G4" s="453"/>
      <c r="H4" s="217"/>
      <c r="I4" s="217"/>
      <c r="J4" s="217"/>
      <c r="K4" s="217"/>
      <c r="L4" s="217"/>
      <c r="M4" s="217"/>
      <c r="N4" s="217"/>
      <c r="O4" s="217"/>
      <c r="P4" s="217"/>
      <c r="Q4" s="217"/>
      <c r="R4" s="217"/>
      <c r="S4" s="217"/>
      <c r="T4" s="217"/>
      <c r="U4" s="217"/>
      <c r="V4" s="217"/>
      <c r="W4" s="217"/>
      <c r="X4" s="217"/>
      <c r="Y4" s="217"/>
      <c r="Z4" s="217"/>
      <c r="AA4" s="217"/>
      <c r="AB4" s="217"/>
      <c r="AC4" s="217"/>
      <c r="AD4" s="217"/>
      <c r="AE4" s="217"/>
      <c r="AF4" s="217"/>
      <c r="AG4" s="217"/>
      <c r="AH4" s="217"/>
      <c r="AI4" s="217"/>
      <c r="AJ4" s="217"/>
      <c r="AK4" s="217"/>
      <c r="AL4" s="217"/>
      <c r="AM4" s="217"/>
      <c r="AN4" s="217"/>
      <c r="AO4" s="217"/>
      <c r="AP4" s="217"/>
      <c r="AQ4" s="217"/>
      <c r="AR4" s="217"/>
      <c r="AS4" s="217"/>
      <c r="AT4" s="217"/>
      <c r="AU4" s="217"/>
      <c r="AV4" s="217"/>
      <c r="AW4" s="217"/>
      <c r="AX4" s="217"/>
      <c r="AY4" s="217"/>
      <c r="AZ4" s="217"/>
      <c r="BA4" s="217"/>
      <c r="BB4" s="217"/>
      <c r="BC4" s="217"/>
      <c r="BD4" s="217"/>
      <c r="BE4" s="217"/>
      <c r="BF4" s="217"/>
      <c r="BG4" s="217"/>
      <c r="BH4" s="217"/>
      <c r="BI4" s="217"/>
      <c r="BJ4" s="217"/>
      <c r="BK4" s="217"/>
      <c r="BL4" s="217"/>
      <c r="BM4" s="217"/>
      <c r="BN4" s="217"/>
      <c r="BO4" s="217"/>
      <c r="BP4" s="217"/>
      <c r="BQ4" s="217"/>
      <c r="BR4" s="217"/>
      <c r="BS4" s="217"/>
      <c r="BT4" s="217"/>
      <c r="BU4" s="217"/>
      <c r="BV4" s="217"/>
      <c r="BW4" s="217"/>
      <c r="BX4" s="217"/>
      <c r="BY4" s="217"/>
      <c r="BZ4" s="217"/>
      <c r="CA4" s="217"/>
      <c r="CB4" s="217"/>
      <c r="CC4" s="217"/>
      <c r="CD4" s="217"/>
      <c r="CE4" s="217"/>
      <c r="CF4" s="217"/>
      <c r="CG4" s="217"/>
      <c r="CH4" s="217"/>
      <c r="CI4" s="217"/>
      <c r="CJ4" s="217"/>
      <c r="CK4" s="217"/>
      <c r="CL4" s="217"/>
      <c r="CM4" s="217"/>
      <c r="CN4" s="217"/>
      <c r="CO4" s="217"/>
      <c r="CP4" s="217"/>
      <c r="CQ4" s="217"/>
      <c r="CR4" s="217"/>
      <c r="CS4" s="217"/>
      <c r="CT4" s="217"/>
      <c r="CU4" s="217"/>
      <c r="CV4" s="217"/>
      <c r="CW4" s="217"/>
      <c r="CX4" s="217"/>
      <c r="CY4" s="217"/>
      <c r="CZ4" s="217"/>
      <c r="DA4" s="217"/>
      <c r="DB4" s="217"/>
      <c r="DC4" s="217"/>
      <c r="DD4" s="217"/>
      <c r="DE4" s="217"/>
      <c r="DF4" s="217"/>
      <c r="DG4" s="217"/>
      <c r="DH4" s="217"/>
      <c r="DI4" s="217"/>
      <c r="DJ4" s="217"/>
      <c r="DK4" s="217"/>
      <c r="DL4" s="217"/>
      <c r="DM4" s="217"/>
      <c r="DN4" s="217"/>
      <c r="DO4" s="217"/>
      <c r="DP4" s="217"/>
      <c r="DQ4" s="217"/>
      <c r="DR4" s="217"/>
      <c r="DS4" s="217"/>
      <c r="DT4" s="217"/>
      <c r="DU4" s="217"/>
      <c r="DV4" s="217"/>
      <c r="DW4" s="217"/>
      <c r="DX4" s="217"/>
      <c r="DY4" s="217"/>
      <c r="DZ4" s="217"/>
      <c r="EA4" s="217"/>
      <c r="EB4" s="217"/>
      <c r="EC4" s="217"/>
      <c r="ED4" s="217"/>
      <c r="EE4" s="217"/>
      <c r="EF4" s="217"/>
      <c r="EG4" s="217"/>
      <c r="EH4" s="217"/>
      <c r="EI4" s="217"/>
      <c r="EJ4" s="217"/>
      <c r="EK4" s="217"/>
      <c r="EL4" s="217"/>
      <c r="EM4" s="217"/>
      <c r="EN4" s="217"/>
      <c r="EO4" s="217"/>
      <c r="EP4" s="217"/>
      <c r="EQ4" s="217"/>
      <c r="ER4" s="217"/>
      <c r="ES4" s="217"/>
      <c r="ET4" s="217"/>
      <c r="EU4" s="217"/>
      <c r="EV4" s="217"/>
      <c r="EW4" s="217"/>
      <c r="EX4" s="217"/>
      <c r="EY4" s="217"/>
      <c r="EZ4" s="217"/>
      <c r="FA4" s="217"/>
      <c r="FB4" s="217"/>
      <c r="FC4" s="217"/>
      <c r="FD4" s="217"/>
      <c r="FE4" s="217"/>
      <c r="FF4" s="217"/>
      <c r="FG4" s="217"/>
      <c r="FH4" s="217"/>
      <c r="FI4" s="217"/>
      <c r="FJ4" s="217"/>
      <c r="FK4" s="217"/>
      <c r="FL4" s="217"/>
      <c r="FM4" s="217"/>
      <c r="FN4" s="217"/>
      <c r="FO4" s="217"/>
      <c r="FP4" s="217"/>
      <c r="FQ4" s="217"/>
      <c r="FR4" s="217"/>
      <c r="FS4" s="217"/>
      <c r="FT4" s="217"/>
      <c r="FU4" s="217"/>
      <c r="FV4" s="217"/>
      <c r="FW4" s="217"/>
      <c r="FX4" s="217"/>
      <c r="FY4" s="217"/>
      <c r="FZ4" s="217"/>
      <c r="GA4" s="217"/>
      <c r="GB4" s="217"/>
      <c r="GC4" s="217"/>
      <c r="GD4" s="217"/>
      <c r="GE4" s="217"/>
      <c r="GF4" s="217"/>
      <c r="GG4" s="217"/>
      <c r="GH4" s="217"/>
      <c r="GI4" s="217"/>
      <c r="GJ4" s="217"/>
      <c r="GK4" s="217"/>
    </row>
    <row r="5" spans="1:193" s="218" customFormat="1" ht="15.75" customHeight="1" thickTop="1">
      <c r="A5" s="215"/>
      <c r="B5" s="215"/>
      <c r="C5" s="216"/>
      <c r="D5" s="465"/>
      <c r="E5" s="465"/>
      <c r="F5" s="466"/>
      <c r="G5" s="466"/>
      <c r="H5" s="217"/>
      <c r="I5" s="217"/>
      <c r="J5" s="217"/>
      <c r="K5" s="217"/>
      <c r="L5" s="217"/>
      <c r="M5" s="217"/>
      <c r="N5" s="217"/>
      <c r="O5" s="217"/>
      <c r="P5" s="217"/>
      <c r="Q5" s="217"/>
      <c r="R5" s="217"/>
      <c r="S5" s="217"/>
      <c r="T5" s="217"/>
      <c r="U5" s="217"/>
      <c r="V5" s="217"/>
      <c r="W5" s="217"/>
      <c r="X5" s="217"/>
      <c r="Y5" s="217"/>
      <c r="Z5" s="217"/>
      <c r="AA5" s="217"/>
      <c r="AB5" s="217"/>
      <c r="AC5" s="217"/>
      <c r="AD5" s="217"/>
      <c r="AE5" s="217"/>
      <c r="AF5" s="217"/>
      <c r="AG5" s="217"/>
      <c r="AH5" s="217"/>
      <c r="AI5" s="217"/>
      <c r="AJ5" s="217"/>
      <c r="AK5" s="217"/>
      <c r="AL5" s="217"/>
      <c r="AM5" s="217"/>
      <c r="AN5" s="217"/>
      <c r="AO5" s="217"/>
      <c r="AP5" s="217"/>
      <c r="AQ5" s="217"/>
      <c r="AR5" s="217"/>
      <c r="AS5" s="217"/>
      <c r="AT5" s="217"/>
      <c r="AU5" s="217"/>
      <c r="AV5" s="217"/>
      <c r="AW5" s="217"/>
      <c r="AX5" s="217"/>
      <c r="AY5" s="217"/>
      <c r="AZ5" s="217"/>
      <c r="BA5" s="217"/>
      <c r="BB5" s="217"/>
      <c r="BC5" s="217"/>
      <c r="BD5" s="217"/>
      <c r="BE5" s="217"/>
      <c r="BF5" s="217"/>
      <c r="BG5" s="217"/>
      <c r="BH5" s="217"/>
      <c r="BI5" s="217"/>
      <c r="BJ5" s="217"/>
      <c r="BK5" s="217"/>
      <c r="BL5" s="217"/>
      <c r="BM5" s="217"/>
      <c r="BN5" s="217"/>
      <c r="BO5" s="217"/>
      <c r="BP5" s="217"/>
      <c r="BQ5" s="217"/>
      <c r="BR5" s="217"/>
      <c r="BS5" s="217"/>
      <c r="BT5" s="217"/>
      <c r="BU5" s="217"/>
      <c r="BV5" s="217"/>
      <c r="BW5" s="217"/>
      <c r="BX5" s="217"/>
      <c r="BY5" s="217"/>
      <c r="BZ5" s="217"/>
      <c r="CA5" s="217"/>
      <c r="CB5" s="217"/>
      <c r="CC5" s="217"/>
      <c r="CD5" s="217"/>
      <c r="CE5" s="217"/>
      <c r="CF5" s="217"/>
      <c r="CG5" s="217"/>
      <c r="CH5" s="217"/>
      <c r="CI5" s="217"/>
      <c r="CJ5" s="217"/>
      <c r="CK5" s="217"/>
      <c r="CL5" s="217"/>
      <c r="CM5" s="217"/>
      <c r="CN5" s="217"/>
      <c r="CO5" s="217"/>
      <c r="CP5" s="217"/>
      <c r="CQ5" s="217"/>
      <c r="CR5" s="217"/>
      <c r="CS5" s="217"/>
      <c r="CT5" s="217"/>
      <c r="CU5" s="217"/>
      <c r="CV5" s="217"/>
      <c r="CW5" s="217"/>
      <c r="CX5" s="217"/>
      <c r="CY5" s="217"/>
      <c r="CZ5" s="217"/>
      <c r="DA5" s="217"/>
      <c r="DB5" s="217"/>
      <c r="DC5" s="217"/>
      <c r="DD5" s="217"/>
      <c r="DE5" s="217"/>
      <c r="DF5" s="217"/>
      <c r="DG5" s="217"/>
      <c r="DH5" s="217"/>
      <c r="DI5" s="217"/>
      <c r="DJ5" s="217"/>
      <c r="DK5" s="217"/>
      <c r="DL5" s="217"/>
      <c r="DM5" s="217"/>
      <c r="DN5" s="217"/>
      <c r="DO5" s="217"/>
      <c r="DP5" s="217"/>
      <c r="DQ5" s="217"/>
      <c r="DR5" s="217"/>
      <c r="DS5" s="217"/>
      <c r="DT5" s="217"/>
      <c r="DU5" s="217"/>
      <c r="DV5" s="217"/>
      <c r="DW5" s="217"/>
      <c r="DX5" s="217"/>
      <c r="DY5" s="217"/>
      <c r="DZ5" s="217"/>
      <c r="EA5" s="217"/>
      <c r="EB5" s="217"/>
      <c r="EC5" s="217"/>
      <c r="ED5" s="217"/>
      <c r="EE5" s="217"/>
      <c r="EF5" s="217"/>
      <c r="EG5" s="217"/>
      <c r="EH5" s="217"/>
      <c r="EI5" s="217"/>
      <c r="EJ5" s="217"/>
      <c r="EK5" s="217"/>
      <c r="EL5" s="217"/>
      <c r="EM5" s="217"/>
      <c r="EN5" s="217"/>
      <c r="EO5" s="217"/>
      <c r="EP5" s="217"/>
      <c r="EQ5" s="217"/>
      <c r="ER5" s="217"/>
      <c r="ES5" s="217"/>
      <c r="ET5" s="217"/>
      <c r="EU5" s="217"/>
      <c r="EV5" s="217"/>
      <c r="EW5" s="217"/>
      <c r="EX5" s="217"/>
      <c r="EY5" s="217"/>
      <c r="EZ5" s="217"/>
      <c r="FA5" s="217"/>
      <c r="FB5" s="217"/>
      <c r="FC5" s="217"/>
      <c r="FD5" s="217"/>
      <c r="FE5" s="217"/>
      <c r="FF5" s="217"/>
      <c r="FG5" s="217"/>
      <c r="FH5" s="217"/>
      <c r="FI5" s="217"/>
      <c r="FJ5" s="217"/>
      <c r="FK5" s="217"/>
      <c r="FL5" s="217"/>
      <c r="FM5" s="217"/>
      <c r="FN5" s="217"/>
      <c r="FO5" s="217"/>
      <c r="FP5" s="217"/>
      <c r="FQ5" s="217"/>
      <c r="FR5" s="217"/>
      <c r="FS5" s="217"/>
      <c r="FT5" s="217"/>
      <c r="FU5" s="217"/>
      <c r="FV5" s="217"/>
      <c r="FW5" s="217"/>
      <c r="FX5" s="217"/>
      <c r="FY5" s="217"/>
      <c r="FZ5" s="217"/>
      <c r="GA5" s="217"/>
      <c r="GB5" s="217"/>
      <c r="GC5" s="217"/>
      <c r="GD5" s="217"/>
      <c r="GE5" s="217"/>
      <c r="GF5" s="217"/>
      <c r="GG5" s="217"/>
      <c r="GH5" s="217"/>
      <c r="GI5" s="217"/>
      <c r="GJ5" s="217"/>
      <c r="GK5" s="217"/>
    </row>
    <row r="6" spans="1:193" ht="23.25" customHeight="1">
      <c r="A6" s="219" t="s">
        <v>336</v>
      </c>
      <c r="B6" s="220" t="s">
        <v>337</v>
      </c>
      <c r="C6" s="467" t="s">
        <v>338</v>
      </c>
      <c r="D6" s="468"/>
      <c r="E6" s="469" t="s">
        <v>339</v>
      </c>
      <c r="F6" s="470"/>
      <c r="G6" s="221" t="s">
        <v>340</v>
      </c>
    </row>
    <row r="7" spans="1:193" s="227" customFormat="1" ht="60" customHeight="1">
      <c r="A7" s="454" t="s">
        <v>341</v>
      </c>
      <c r="B7" s="222" t="s">
        <v>342</v>
      </c>
      <c r="C7" s="457" t="s">
        <v>343</v>
      </c>
      <c r="D7" s="458"/>
      <c r="E7" s="223"/>
      <c r="F7" s="224" t="s">
        <v>344</v>
      </c>
      <c r="G7" s="225" t="s">
        <v>345</v>
      </c>
      <c r="H7" s="226"/>
      <c r="I7" s="226"/>
      <c r="J7" s="226"/>
      <c r="K7" s="226"/>
      <c r="L7" s="226"/>
      <c r="M7" s="226"/>
      <c r="N7" s="226"/>
      <c r="O7" s="226"/>
      <c r="P7" s="226"/>
      <c r="Q7" s="226"/>
      <c r="R7" s="226"/>
      <c r="S7" s="226"/>
      <c r="T7" s="226"/>
      <c r="U7" s="226"/>
      <c r="V7" s="226"/>
      <c r="W7" s="226"/>
      <c r="X7" s="226"/>
      <c r="Y7" s="226"/>
      <c r="Z7" s="226"/>
      <c r="AA7" s="226"/>
      <c r="AB7" s="226"/>
      <c r="AC7" s="226"/>
      <c r="AD7" s="226"/>
      <c r="AE7" s="226"/>
      <c r="AF7" s="226"/>
      <c r="AG7" s="226"/>
      <c r="AH7" s="226"/>
      <c r="AI7" s="226"/>
      <c r="AJ7" s="226"/>
      <c r="AK7" s="226"/>
      <c r="AL7" s="226"/>
      <c r="AM7" s="226"/>
      <c r="AN7" s="226"/>
      <c r="AO7" s="226"/>
      <c r="AP7" s="226"/>
      <c r="AQ7" s="226"/>
      <c r="AR7" s="226"/>
      <c r="AS7" s="226"/>
      <c r="AT7" s="226"/>
      <c r="AU7" s="226"/>
      <c r="AV7" s="226"/>
      <c r="AW7" s="226"/>
      <c r="AX7" s="226"/>
      <c r="AY7" s="226"/>
      <c r="AZ7" s="226"/>
      <c r="BA7" s="226"/>
      <c r="BB7" s="226"/>
      <c r="BC7" s="226"/>
      <c r="BD7" s="226"/>
      <c r="BE7" s="226"/>
      <c r="BF7" s="226"/>
      <c r="BG7" s="226"/>
      <c r="BH7" s="226"/>
      <c r="BI7" s="226"/>
      <c r="BJ7" s="226"/>
      <c r="BK7" s="226"/>
      <c r="BL7" s="226"/>
      <c r="BM7" s="226"/>
      <c r="BN7" s="226"/>
      <c r="BO7" s="226"/>
      <c r="BP7" s="226"/>
      <c r="BQ7" s="226"/>
      <c r="BR7" s="226"/>
      <c r="BS7" s="226"/>
      <c r="BT7" s="226"/>
      <c r="BU7" s="226"/>
      <c r="BV7" s="226"/>
      <c r="BW7" s="226"/>
      <c r="BX7" s="226"/>
      <c r="BY7" s="226"/>
      <c r="BZ7" s="226"/>
      <c r="CA7" s="226"/>
      <c r="CB7" s="226"/>
      <c r="CC7" s="226"/>
      <c r="CD7" s="226"/>
      <c r="CE7" s="226"/>
      <c r="CF7" s="226"/>
      <c r="CG7" s="226"/>
      <c r="CH7" s="226"/>
      <c r="CI7" s="226"/>
      <c r="CJ7" s="226"/>
      <c r="CK7" s="226"/>
      <c r="CL7" s="226"/>
      <c r="CM7" s="226"/>
      <c r="CN7" s="226"/>
      <c r="CO7" s="226"/>
      <c r="CP7" s="226"/>
      <c r="CQ7" s="226"/>
      <c r="CR7" s="226"/>
      <c r="CS7" s="226"/>
      <c r="CT7" s="226"/>
      <c r="CU7" s="226"/>
      <c r="CV7" s="226"/>
      <c r="CW7" s="226"/>
      <c r="CX7" s="226"/>
      <c r="CY7" s="226"/>
      <c r="CZ7" s="226"/>
      <c r="DA7" s="226"/>
      <c r="DB7" s="226"/>
      <c r="DC7" s="226"/>
      <c r="DD7" s="226"/>
      <c r="DE7" s="226"/>
      <c r="DF7" s="226"/>
      <c r="DG7" s="226"/>
      <c r="DH7" s="226"/>
      <c r="DI7" s="226"/>
      <c r="DJ7" s="226"/>
      <c r="DK7" s="226"/>
      <c r="DL7" s="226"/>
      <c r="DM7" s="226"/>
      <c r="DN7" s="226"/>
      <c r="DO7" s="226"/>
      <c r="DP7" s="226"/>
      <c r="DQ7" s="226"/>
      <c r="DR7" s="226"/>
      <c r="DS7" s="226"/>
      <c r="DT7" s="226"/>
      <c r="DU7" s="226"/>
      <c r="DV7" s="226"/>
      <c r="DW7" s="226"/>
      <c r="DX7" s="226"/>
      <c r="DY7" s="226"/>
      <c r="DZ7" s="226"/>
      <c r="EA7" s="226"/>
      <c r="EB7" s="226"/>
      <c r="EC7" s="226"/>
      <c r="ED7" s="226"/>
      <c r="EE7" s="226"/>
      <c r="EF7" s="226"/>
      <c r="EG7" s="226"/>
      <c r="EH7" s="226"/>
      <c r="EI7" s="226"/>
      <c r="EJ7" s="226"/>
      <c r="EK7" s="226"/>
      <c r="EL7" s="226"/>
      <c r="EM7" s="226"/>
      <c r="EN7" s="226"/>
      <c r="EO7" s="226"/>
      <c r="EP7" s="226"/>
      <c r="EQ7" s="226"/>
      <c r="ER7" s="226"/>
      <c r="ES7" s="226"/>
      <c r="ET7" s="226"/>
      <c r="EU7" s="226"/>
      <c r="EV7" s="226"/>
      <c r="EW7" s="226"/>
      <c r="EX7" s="226"/>
      <c r="EY7" s="226"/>
      <c r="EZ7" s="226"/>
      <c r="FA7" s="226"/>
      <c r="FB7" s="226"/>
      <c r="FC7" s="226"/>
      <c r="FD7" s="226"/>
      <c r="FE7" s="226"/>
      <c r="FF7" s="226"/>
      <c r="FG7" s="226"/>
      <c r="FH7" s="226"/>
      <c r="FI7" s="226"/>
      <c r="FJ7" s="226"/>
      <c r="FK7" s="226"/>
      <c r="FL7" s="226"/>
      <c r="FM7" s="226"/>
      <c r="FN7" s="226"/>
      <c r="FO7" s="226"/>
      <c r="FP7" s="226"/>
      <c r="FQ7" s="226"/>
      <c r="FR7" s="226"/>
      <c r="FS7" s="226"/>
      <c r="FT7" s="226"/>
      <c r="FU7" s="226"/>
      <c r="FV7" s="226"/>
      <c r="FW7" s="226"/>
      <c r="FX7" s="226"/>
      <c r="FY7" s="226"/>
      <c r="FZ7" s="226"/>
      <c r="GA7" s="226"/>
      <c r="GB7" s="226"/>
      <c r="GC7" s="226"/>
      <c r="GD7" s="226"/>
      <c r="GE7" s="226"/>
      <c r="GF7" s="226"/>
      <c r="GG7" s="226"/>
      <c r="GH7" s="226"/>
      <c r="GI7" s="226"/>
      <c r="GJ7" s="226"/>
      <c r="GK7" s="226"/>
    </row>
    <row r="8" spans="1:193" s="227" customFormat="1" ht="49.5" customHeight="1">
      <c r="A8" s="464"/>
      <c r="B8" s="228"/>
      <c r="C8" s="461" t="s">
        <v>346</v>
      </c>
      <c r="D8" s="462"/>
      <c r="E8" s="229"/>
      <c r="F8" s="230" t="s">
        <v>344</v>
      </c>
      <c r="G8" s="231"/>
      <c r="H8" s="226"/>
      <c r="I8" s="226"/>
      <c r="J8" s="226"/>
      <c r="K8" s="226"/>
      <c r="L8" s="226"/>
      <c r="M8" s="226"/>
      <c r="N8" s="226"/>
      <c r="O8" s="226"/>
      <c r="P8" s="226"/>
      <c r="Q8" s="226"/>
      <c r="R8" s="226"/>
      <c r="S8" s="226"/>
      <c r="T8" s="226"/>
      <c r="U8" s="226"/>
      <c r="V8" s="226"/>
      <c r="W8" s="226"/>
      <c r="X8" s="226"/>
      <c r="Y8" s="226"/>
      <c r="Z8" s="226"/>
      <c r="AA8" s="226"/>
      <c r="AB8" s="226"/>
      <c r="AC8" s="226"/>
      <c r="AD8" s="226"/>
      <c r="AE8" s="226"/>
      <c r="AF8" s="226"/>
      <c r="AG8" s="226"/>
      <c r="AH8" s="226"/>
      <c r="AI8" s="226"/>
      <c r="AJ8" s="226"/>
      <c r="AK8" s="226"/>
      <c r="AL8" s="226"/>
      <c r="AM8" s="226"/>
      <c r="AN8" s="226"/>
      <c r="AO8" s="226"/>
      <c r="AP8" s="226"/>
      <c r="AQ8" s="226"/>
      <c r="AR8" s="226"/>
      <c r="AS8" s="226"/>
      <c r="AT8" s="226"/>
      <c r="AU8" s="226"/>
      <c r="AV8" s="226"/>
      <c r="AW8" s="226"/>
      <c r="AX8" s="226"/>
      <c r="AY8" s="226"/>
      <c r="AZ8" s="226"/>
      <c r="BA8" s="226"/>
      <c r="BB8" s="226"/>
      <c r="BC8" s="226"/>
      <c r="BD8" s="226"/>
      <c r="BE8" s="226"/>
      <c r="BF8" s="226"/>
      <c r="BG8" s="226"/>
      <c r="BH8" s="226"/>
      <c r="BI8" s="226"/>
      <c r="BJ8" s="226"/>
      <c r="BK8" s="226"/>
      <c r="BL8" s="226"/>
      <c r="BM8" s="226"/>
      <c r="BN8" s="226"/>
      <c r="BO8" s="226"/>
      <c r="BP8" s="226"/>
      <c r="BQ8" s="226"/>
      <c r="BR8" s="226"/>
      <c r="BS8" s="226"/>
      <c r="BT8" s="226"/>
      <c r="BU8" s="226"/>
      <c r="BV8" s="226"/>
      <c r="BW8" s="226"/>
      <c r="BX8" s="226"/>
      <c r="BY8" s="226"/>
      <c r="BZ8" s="226"/>
      <c r="CA8" s="226"/>
      <c r="CB8" s="226"/>
      <c r="CC8" s="226"/>
      <c r="CD8" s="226"/>
      <c r="CE8" s="226"/>
      <c r="CF8" s="226"/>
      <c r="CG8" s="226"/>
      <c r="CH8" s="226"/>
      <c r="CI8" s="226"/>
      <c r="CJ8" s="226"/>
      <c r="CK8" s="226"/>
      <c r="CL8" s="226"/>
      <c r="CM8" s="226"/>
      <c r="CN8" s="226"/>
      <c r="CO8" s="226"/>
      <c r="CP8" s="226"/>
      <c r="CQ8" s="226"/>
      <c r="CR8" s="226"/>
      <c r="CS8" s="226"/>
      <c r="CT8" s="226"/>
      <c r="CU8" s="226"/>
      <c r="CV8" s="226"/>
      <c r="CW8" s="226"/>
      <c r="CX8" s="226"/>
      <c r="CY8" s="226"/>
      <c r="CZ8" s="226"/>
      <c r="DA8" s="226"/>
      <c r="DB8" s="226"/>
      <c r="DC8" s="226"/>
      <c r="DD8" s="226"/>
      <c r="DE8" s="226"/>
      <c r="DF8" s="226"/>
      <c r="DG8" s="226"/>
      <c r="DH8" s="226"/>
      <c r="DI8" s="226"/>
      <c r="DJ8" s="226"/>
      <c r="DK8" s="226"/>
      <c r="DL8" s="226"/>
      <c r="DM8" s="226"/>
      <c r="DN8" s="226"/>
      <c r="DO8" s="226"/>
      <c r="DP8" s="226"/>
      <c r="DQ8" s="226"/>
      <c r="DR8" s="226"/>
      <c r="DS8" s="226"/>
      <c r="DT8" s="226"/>
      <c r="DU8" s="226"/>
      <c r="DV8" s="226"/>
      <c r="DW8" s="226"/>
      <c r="DX8" s="226"/>
      <c r="DY8" s="226"/>
      <c r="DZ8" s="226"/>
      <c r="EA8" s="226"/>
      <c r="EB8" s="226"/>
      <c r="EC8" s="226"/>
      <c r="ED8" s="226"/>
      <c r="EE8" s="226"/>
      <c r="EF8" s="226"/>
      <c r="EG8" s="226"/>
      <c r="EH8" s="226"/>
      <c r="EI8" s="226"/>
      <c r="EJ8" s="226"/>
      <c r="EK8" s="226"/>
      <c r="EL8" s="226"/>
      <c r="EM8" s="226"/>
      <c r="EN8" s="226"/>
      <c r="EO8" s="226"/>
      <c r="EP8" s="226"/>
      <c r="EQ8" s="226"/>
      <c r="ER8" s="226"/>
      <c r="ES8" s="226"/>
      <c r="ET8" s="226"/>
      <c r="EU8" s="226"/>
      <c r="EV8" s="226"/>
      <c r="EW8" s="226"/>
      <c r="EX8" s="226"/>
      <c r="EY8" s="226"/>
      <c r="EZ8" s="226"/>
      <c r="FA8" s="226"/>
      <c r="FB8" s="226"/>
      <c r="FC8" s="226"/>
      <c r="FD8" s="226"/>
      <c r="FE8" s="226"/>
      <c r="FF8" s="226"/>
      <c r="FG8" s="226"/>
      <c r="FH8" s="226"/>
      <c r="FI8" s="226"/>
      <c r="FJ8" s="226"/>
      <c r="FK8" s="226"/>
      <c r="FL8" s="226"/>
      <c r="FM8" s="226"/>
      <c r="FN8" s="226"/>
      <c r="FO8" s="226"/>
      <c r="FP8" s="226"/>
      <c r="FQ8" s="226"/>
      <c r="FR8" s="226"/>
      <c r="FS8" s="226"/>
      <c r="FT8" s="226"/>
      <c r="FU8" s="226"/>
      <c r="FV8" s="226"/>
      <c r="FW8" s="226"/>
      <c r="FX8" s="226"/>
      <c r="FY8" s="226"/>
      <c r="FZ8" s="226"/>
      <c r="GA8" s="226"/>
      <c r="GB8" s="226"/>
      <c r="GC8" s="226"/>
      <c r="GD8" s="226"/>
      <c r="GE8" s="226"/>
      <c r="GF8" s="226"/>
      <c r="GG8" s="226"/>
      <c r="GH8" s="226"/>
      <c r="GI8" s="226"/>
      <c r="GJ8" s="226"/>
      <c r="GK8" s="226"/>
    </row>
    <row r="9" spans="1:193" s="227" customFormat="1" ht="76.5" customHeight="1">
      <c r="A9" s="454" t="s">
        <v>347</v>
      </c>
      <c r="B9" s="222" t="s">
        <v>342</v>
      </c>
      <c r="C9" s="457" t="s">
        <v>348</v>
      </c>
      <c r="D9" s="458"/>
      <c r="E9" s="232"/>
      <c r="F9" s="233" t="s">
        <v>344</v>
      </c>
      <c r="G9" s="234" t="s">
        <v>349</v>
      </c>
      <c r="H9" s="226"/>
      <c r="I9" s="226"/>
      <c r="J9" s="226"/>
      <c r="K9" s="226"/>
      <c r="L9" s="226"/>
      <c r="M9" s="226"/>
      <c r="N9" s="226"/>
      <c r="O9" s="226"/>
      <c r="P9" s="226"/>
      <c r="Q9" s="226"/>
      <c r="R9" s="226"/>
      <c r="S9" s="226"/>
      <c r="T9" s="226"/>
      <c r="U9" s="226"/>
      <c r="V9" s="226"/>
      <c r="W9" s="226"/>
      <c r="X9" s="226"/>
      <c r="Y9" s="226"/>
      <c r="Z9" s="226"/>
      <c r="AA9" s="226"/>
      <c r="AB9" s="226"/>
      <c r="AC9" s="226"/>
      <c r="AD9" s="226"/>
      <c r="AE9" s="226"/>
      <c r="AF9" s="226"/>
      <c r="AG9" s="226"/>
      <c r="AH9" s="226"/>
      <c r="AI9" s="226"/>
      <c r="AJ9" s="226"/>
      <c r="AK9" s="226"/>
      <c r="AL9" s="226"/>
      <c r="AM9" s="226"/>
      <c r="AN9" s="226"/>
      <c r="AO9" s="226"/>
      <c r="AP9" s="226"/>
      <c r="AQ9" s="226"/>
      <c r="AR9" s="226"/>
      <c r="AS9" s="226"/>
      <c r="AT9" s="226"/>
      <c r="AU9" s="226"/>
      <c r="AV9" s="226"/>
      <c r="AW9" s="226"/>
      <c r="AX9" s="226"/>
      <c r="AY9" s="226"/>
      <c r="AZ9" s="226"/>
      <c r="BA9" s="226"/>
      <c r="BB9" s="226"/>
      <c r="BC9" s="226"/>
      <c r="BD9" s="226"/>
      <c r="BE9" s="226"/>
      <c r="BF9" s="226"/>
      <c r="BG9" s="226"/>
      <c r="BH9" s="226"/>
      <c r="BI9" s="226"/>
      <c r="BJ9" s="226"/>
      <c r="BK9" s="226"/>
      <c r="BL9" s="226"/>
      <c r="BM9" s="226"/>
      <c r="BN9" s="226"/>
      <c r="BO9" s="226"/>
      <c r="BP9" s="226"/>
      <c r="BQ9" s="226"/>
      <c r="BR9" s="226"/>
      <c r="BS9" s="226"/>
      <c r="BT9" s="226"/>
      <c r="BU9" s="226"/>
      <c r="BV9" s="226"/>
      <c r="BW9" s="226"/>
      <c r="BX9" s="226"/>
      <c r="BY9" s="226"/>
      <c r="BZ9" s="226"/>
      <c r="CA9" s="226"/>
      <c r="CB9" s="226"/>
      <c r="CC9" s="226"/>
      <c r="CD9" s="226"/>
      <c r="CE9" s="226"/>
      <c r="CF9" s="226"/>
      <c r="CG9" s="226"/>
      <c r="CH9" s="226"/>
      <c r="CI9" s="226"/>
      <c r="CJ9" s="226"/>
      <c r="CK9" s="226"/>
      <c r="CL9" s="226"/>
      <c r="CM9" s="226"/>
      <c r="CN9" s="226"/>
      <c r="CO9" s="226"/>
      <c r="CP9" s="226"/>
      <c r="CQ9" s="226"/>
      <c r="CR9" s="226"/>
      <c r="CS9" s="226"/>
      <c r="CT9" s="226"/>
      <c r="CU9" s="226"/>
      <c r="CV9" s="226"/>
      <c r="CW9" s="226"/>
      <c r="CX9" s="226"/>
      <c r="CY9" s="226"/>
      <c r="CZ9" s="226"/>
      <c r="DA9" s="226"/>
      <c r="DB9" s="226"/>
      <c r="DC9" s="226"/>
      <c r="DD9" s="226"/>
      <c r="DE9" s="226"/>
      <c r="DF9" s="226"/>
      <c r="DG9" s="226"/>
      <c r="DH9" s="226"/>
      <c r="DI9" s="226"/>
      <c r="DJ9" s="226"/>
      <c r="DK9" s="226"/>
      <c r="DL9" s="226"/>
      <c r="DM9" s="226"/>
      <c r="DN9" s="226"/>
      <c r="DO9" s="226"/>
      <c r="DP9" s="226"/>
      <c r="DQ9" s="226"/>
      <c r="DR9" s="226"/>
      <c r="DS9" s="226"/>
      <c r="DT9" s="226"/>
      <c r="DU9" s="226"/>
      <c r="DV9" s="226"/>
      <c r="DW9" s="226"/>
      <c r="DX9" s="226"/>
      <c r="DY9" s="226"/>
      <c r="DZ9" s="226"/>
      <c r="EA9" s="226"/>
      <c r="EB9" s="226"/>
      <c r="EC9" s="226"/>
      <c r="ED9" s="226"/>
      <c r="EE9" s="226"/>
      <c r="EF9" s="226"/>
      <c r="EG9" s="226"/>
      <c r="EH9" s="226"/>
      <c r="EI9" s="226"/>
      <c r="EJ9" s="226"/>
      <c r="EK9" s="226"/>
      <c r="EL9" s="226"/>
      <c r="EM9" s="226"/>
      <c r="EN9" s="226"/>
      <c r="EO9" s="226"/>
      <c r="EP9" s="226"/>
      <c r="EQ9" s="226"/>
      <c r="ER9" s="226"/>
      <c r="ES9" s="226"/>
      <c r="ET9" s="226"/>
      <c r="EU9" s="226"/>
      <c r="EV9" s="226"/>
      <c r="EW9" s="226"/>
      <c r="EX9" s="226"/>
      <c r="EY9" s="226"/>
      <c r="EZ9" s="226"/>
      <c r="FA9" s="226"/>
      <c r="FB9" s="226"/>
      <c r="FC9" s="226"/>
      <c r="FD9" s="226"/>
      <c r="FE9" s="226"/>
      <c r="FF9" s="226"/>
      <c r="FG9" s="226"/>
      <c r="FH9" s="226"/>
      <c r="FI9" s="226"/>
      <c r="FJ9" s="226"/>
      <c r="FK9" s="226"/>
      <c r="FL9" s="226"/>
      <c r="FM9" s="226"/>
      <c r="FN9" s="226"/>
      <c r="FO9" s="226"/>
      <c r="FP9" s="226"/>
      <c r="FQ9" s="226"/>
      <c r="FR9" s="226"/>
      <c r="FS9" s="226"/>
      <c r="FT9" s="226"/>
      <c r="FU9" s="226"/>
      <c r="FV9" s="226"/>
      <c r="FW9" s="226"/>
      <c r="FX9" s="226"/>
      <c r="FY9" s="226"/>
      <c r="FZ9" s="226"/>
      <c r="GA9" s="226"/>
      <c r="GB9" s="226"/>
      <c r="GC9" s="226"/>
      <c r="GD9" s="226"/>
      <c r="GE9" s="226"/>
      <c r="GF9" s="226"/>
      <c r="GG9" s="226"/>
      <c r="GH9" s="226"/>
      <c r="GI9" s="226"/>
      <c r="GJ9" s="226"/>
      <c r="GK9" s="226"/>
    </row>
    <row r="10" spans="1:193" s="227" customFormat="1" ht="61.5" customHeight="1">
      <c r="A10" s="455"/>
      <c r="B10" s="235"/>
      <c r="C10" s="459" t="s">
        <v>350</v>
      </c>
      <c r="D10" s="460"/>
      <c r="E10" s="223"/>
      <c r="F10" s="224" t="s">
        <v>344</v>
      </c>
      <c r="G10" s="225"/>
      <c r="H10" s="226"/>
      <c r="I10" s="226"/>
      <c r="J10" s="226"/>
      <c r="K10" s="226"/>
      <c r="L10" s="226"/>
      <c r="M10" s="226"/>
      <c r="N10" s="226"/>
      <c r="O10" s="226"/>
      <c r="P10" s="226"/>
      <c r="Q10" s="226"/>
      <c r="R10" s="226"/>
      <c r="S10" s="226"/>
      <c r="T10" s="226"/>
      <c r="U10" s="226"/>
      <c r="V10" s="226"/>
      <c r="W10" s="226"/>
      <c r="X10" s="226"/>
      <c r="Y10" s="226"/>
      <c r="Z10" s="226"/>
      <c r="AA10" s="226"/>
      <c r="AB10" s="226"/>
      <c r="AC10" s="226"/>
      <c r="AD10" s="226"/>
      <c r="AE10" s="226"/>
      <c r="AF10" s="226"/>
      <c r="AG10" s="226"/>
      <c r="AH10" s="226"/>
      <c r="AI10" s="226"/>
      <c r="AJ10" s="226"/>
      <c r="AK10" s="226"/>
      <c r="AL10" s="226"/>
      <c r="AM10" s="226"/>
      <c r="AN10" s="226"/>
      <c r="AO10" s="226"/>
      <c r="AP10" s="226"/>
      <c r="AQ10" s="226"/>
      <c r="AR10" s="226"/>
      <c r="AS10" s="226"/>
      <c r="AT10" s="226"/>
      <c r="AU10" s="226"/>
      <c r="AV10" s="226"/>
      <c r="AW10" s="226"/>
      <c r="AX10" s="226"/>
      <c r="AY10" s="226"/>
      <c r="AZ10" s="226"/>
      <c r="BA10" s="226"/>
      <c r="BB10" s="226"/>
      <c r="BC10" s="226"/>
      <c r="BD10" s="226"/>
      <c r="BE10" s="226"/>
      <c r="BF10" s="226"/>
      <c r="BG10" s="226"/>
      <c r="BH10" s="226"/>
      <c r="BI10" s="226"/>
      <c r="BJ10" s="226"/>
      <c r="BK10" s="226"/>
      <c r="BL10" s="226"/>
      <c r="BM10" s="226"/>
      <c r="BN10" s="226"/>
      <c r="BO10" s="226"/>
      <c r="BP10" s="226"/>
      <c r="BQ10" s="226"/>
      <c r="BR10" s="226"/>
      <c r="BS10" s="226"/>
      <c r="BT10" s="226"/>
      <c r="BU10" s="226"/>
      <c r="BV10" s="226"/>
      <c r="BW10" s="226"/>
      <c r="BX10" s="226"/>
      <c r="BY10" s="226"/>
      <c r="BZ10" s="226"/>
      <c r="CA10" s="226"/>
      <c r="CB10" s="226"/>
      <c r="CC10" s="226"/>
      <c r="CD10" s="226"/>
      <c r="CE10" s="226"/>
      <c r="CF10" s="226"/>
      <c r="CG10" s="226"/>
      <c r="CH10" s="226"/>
      <c r="CI10" s="226"/>
      <c r="CJ10" s="226"/>
      <c r="CK10" s="226"/>
      <c r="CL10" s="226"/>
      <c r="CM10" s="226"/>
      <c r="CN10" s="226"/>
      <c r="CO10" s="226"/>
      <c r="CP10" s="226"/>
      <c r="CQ10" s="226"/>
      <c r="CR10" s="226"/>
      <c r="CS10" s="226"/>
      <c r="CT10" s="226"/>
      <c r="CU10" s="226"/>
      <c r="CV10" s="226"/>
      <c r="CW10" s="226"/>
      <c r="CX10" s="226"/>
      <c r="CY10" s="226"/>
      <c r="CZ10" s="226"/>
      <c r="DA10" s="226"/>
      <c r="DB10" s="226"/>
      <c r="DC10" s="226"/>
      <c r="DD10" s="226"/>
      <c r="DE10" s="226"/>
      <c r="DF10" s="226"/>
      <c r="DG10" s="226"/>
      <c r="DH10" s="226"/>
      <c r="DI10" s="226"/>
      <c r="DJ10" s="226"/>
      <c r="DK10" s="226"/>
      <c r="DL10" s="226"/>
      <c r="DM10" s="226"/>
      <c r="DN10" s="226"/>
      <c r="DO10" s="226"/>
      <c r="DP10" s="226"/>
      <c r="DQ10" s="226"/>
      <c r="DR10" s="226"/>
      <c r="DS10" s="226"/>
      <c r="DT10" s="226"/>
      <c r="DU10" s="226"/>
      <c r="DV10" s="226"/>
      <c r="DW10" s="226"/>
      <c r="DX10" s="226"/>
      <c r="DY10" s="226"/>
      <c r="DZ10" s="226"/>
      <c r="EA10" s="226"/>
      <c r="EB10" s="226"/>
      <c r="EC10" s="226"/>
      <c r="ED10" s="226"/>
      <c r="EE10" s="226"/>
      <c r="EF10" s="226"/>
      <c r="EG10" s="226"/>
      <c r="EH10" s="226"/>
      <c r="EI10" s="226"/>
      <c r="EJ10" s="226"/>
      <c r="EK10" s="226"/>
      <c r="EL10" s="226"/>
      <c r="EM10" s="226"/>
      <c r="EN10" s="226"/>
      <c r="EO10" s="226"/>
      <c r="EP10" s="226"/>
      <c r="EQ10" s="226"/>
      <c r="ER10" s="226"/>
      <c r="ES10" s="226"/>
      <c r="ET10" s="226"/>
      <c r="EU10" s="226"/>
      <c r="EV10" s="226"/>
      <c r="EW10" s="226"/>
      <c r="EX10" s="226"/>
      <c r="EY10" s="226"/>
      <c r="EZ10" s="226"/>
      <c r="FA10" s="226"/>
      <c r="FB10" s="226"/>
      <c r="FC10" s="226"/>
      <c r="FD10" s="226"/>
      <c r="FE10" s="226"/>
      <c r="FF10" s="226"/>
      <c r="FG10" s="226"/>
      <c r="FH10" s="226"/>
      <c r="FI10" s="226"/>
      <c r="FJ10" s="226"/>
      <c r="FK10" s="226"/>
      <c r="FL10" s="226"/>
      <c r="FM10" s="226"/>
      <c r="FN10" s="226"/>
      <c r="FO10" s="226"/>
      <c r="FP10" s="226"/>
      <c r="FQ10" s="226"/>
      <c r="FR10" s="226"/>
      <c r="FS10" s="226"/>
      <c r="FT10" s="226"/>
      <c r="FU10" s="226"/>
      <c r="FV10" s="226"/>
      <c r="FW10" s="226"/>
      <c r="FX10" s="226"/>
      <c r="FY10" s="226"/>
      <c r="FZ10" s="226"/>
      <c r="GA10" s="226"/>
      <c r="GB10" s="226"/>
      <c r="GC10" s="226"/>
      <c r="GD10" s="226"/>
      <c r="GE10" s="226"/>
      <c r="GF10" s="226"/>
      <c r="GG10" s="226"/>
      <c r="GH10" s="226"/>
      <c r="GI10" s="226"/>
      <c r="GJ10" s="226"/>
      <c r="GK10" s="226"/>
    </row>
    <row r="11" spans="1:193" s="227" customFormat="1" ht="46.5" customHeight="1">
      <c r="A11" s="456"/>
      <c r="B11" s="228"/>
      <c r="C11" s="461" t="s">
        <v>351</v>
      </c>
      <c r="D11" s="462"/>
      <c r="E11" s="236"/>
      <c r="F11" s="237" t="s">
        <v>344</v>
      </c>
      <c r="G11" s="238"/>
      <c r="H11" s="226"/>
      <c r="I11" s="226"/>
      <c r="J11" s="226"/>
      <c r="K11" s="226"/>
      <c r="L11" s="226"/>
      <c r="M11" s="226"/>
      <c r="N11" s="226"/>
      <c r="O11" s="226"/>
      <c r="P11" s="226"/>
      <c r="Q11" s="226"/>
      <c r="R11" s="226"/>
      <c r="S11" s="226"/>
      <c r="T11" s="226"/>
      <c r="U11" s="226"/>
      <c r="V11" s="226"/>
      <c r="W11" s="226"/>
      <c r="X11" s="226"/>
      <c r="Y11" s="226"/>
      <c r="Z11" s="226"/>
      <c r="AA11" s="226"/>
      <c r="AB11" s="226"/>
      <c r="AC11" s="226"/>
      <c r="AD11" s="226"/>
      <c r="AE11" s="226"/>
      <c r="AF11" s="226"/>
      <c r="AG11" s="226"/>
      <c r="AH11" s="226"/>
      <c r="AI11" s="226"/>
      <c r="AJ11" s="226"/>
      <c r="AK11" s="226"/>
      <c r="AL11" s="226"/>
      <c r="AM11" s="226"/>
      <c r="AN11" s="226"/>
      <c r="AO11" s="226"/>
      <c r="AP11" s="226"/>
      <c r="AQ11" s="226"/>
      <c r="AR11" s="226"/>
      <c r="AS11" s="226"/>
      <c r="AT11" s="226"/>
      <c r="AU11" s="226"/>
      <c r="AV11" s="226"/>
      <c r="AW11" s="226"/>
      <c r="AX11" s="226"/>
      <c r="AY11" s="226"/>
      <c r="AZ11" s="226"/>
      <c r="BA11" s="226"/>
      <c r="BB11" s="226"/>
      <c r="BC11" s="226"/>
      <c r="BD11" s="226"/>
      <c r="BE11" s="226"/>
      <c r="BF11" s="226"/>
      <c r="BG11" s="226"/>
      <c r="BH11" s="226"/>
      <c r="BI11" s="226"/>
      <c r="BJ11" s="226"/>
      <c r="BK11" s="226"/>
      <c r="BL11" s="226"/>
      <c r="BM11" s="226"/>
      <c r="BN11" s="226"/>
      <c r="BO11" s="226"/>
      <c r="BP11" s="226"/>
      <c r="BQ11" s="226"/>
      <c r="BR11" s="226"/>
      <c r="BS11" s="226"/>
      <c r="BT11" s="226"/>
      <c r="BU11" s="226"/>
      <c r="BV11" s="226"/>
      <c r="BW11" s="226"/>
      <c r="BX11" s="226"/>
      <c r="BY11" s="226"/>
      <c r="BZ11" s="226"/>
      <c r="CA11" s="226"/>
      <c r="CB11" s="226"/>
      <c r="CC11" s="226"/>
      <c r="CD11" s="226"/>
      <c r="CE11" s="226"/>
      <c r="CF11" s="226"/>
      <c r="CG11" s="226"/>
      <c r="CH11" s="226"/>
      <c r="CI11" s="226"/>
      <c r="CJ11" s="226"/>
      <c r="CK11" s="226"/>
      <c r="CL11" s="226"/>
      <c r="CM11" s="226"/>
      <c r="CN11" s="226"/>
      <c r="CO11" s="226"/>
      <c r="CP11" s="226"/>
      <c r="CQ11" s="226"/>
      <c r="CR11" s="226"/>
      <c r="CS11" s="226"/>
      <c r="CT11" s="226"/>
      <c r="CU11" s="226"/>
      <c r="CV11" s="226"/>
      <c r="CW11" s="226"/>
      <c r="CX11" s="226"/>
      <c r="CY11" s="226"/>
      <c r="CZ11" s="226"/>
      <c r="DA11" s="226"/>
      <c r="DB11" s="226"/>
      <c r="DC11" s="226"/>
      <c r="DD11" s="226"/>
      <c r="DE11" s="226"/>
      <c r="DF11" s="226"/>
      <c r="DG11" s="226"/>
      <c r="DH11" s="226"/>
      <c r="DI11" s="226"/>
      <c r="DJ11" s="226"/>
      <c r="DK11" s="226"/>
      <c r="DL11" s="226"/>
      <c r="DM11" s="226"/>
      <c r="DN11" s="226"/>
      <c r="DO11" s="226"/>
      <c r="DP11" s="226"/>
      <c r="DQ11" s="226"/>
      <c r="DR11" s="226"/>
      <c r="DS11" s="226"/>
      <c r="DT11" s="226"/>
      <c r="DU11" s="226"/>
      <c r="DV11" s="226"/>
      <c r="DW11" s="226"/>
      <c r="DX11" s="226"/>
      <c r="DY11" s="226"/>
      <c r="DZ11" s="226"/>
      <c r="EA11" s="226"/>
      <c r="EB11" s="226"/>
      <c r="EC11" s="226"/>
      <c r="ED11" s="226"/>
      <c r="EE11" s="226"/>
      <c r="EF11" s="226"/>
      <c r="EG11" s="226"/>
      <c r="EH11" s="226"/>
      <c r="EI11" s="226"/>
      <c r="EJ11" s="226"/>
      <c r="EK11" s="226"/>
      <c r="EL11" s="226"/>
      <c r="EM11" s="226"/>
      <c r="EN11" s="226"/>
      <c r="EO11" s="226"/>
      <c r="EP11" s="226"/>
      <c r="EQ11" s="226"/>
      <c r="ER11" s="226"/>
      <c r="ES11" s="226"/>
      <c r="ET11" s="226"/>
      <c r="EU11" s="226"/>
      <c r="EV11" s="226"/>
      <c r="EW11" s="226"/>
      <c r="EX11" s="226"/>
      <c r="EY11" s="226"/>
      <c r="EZ11" s="226"/>
      <c r="FA11" s="226"/>
      <c r="FB11" s="226"/>
      <c r="FC11" s="226"/>
      <c r="FD11" s="226"/>
      <c r="FE11" s="226"/>
      <c r="FF11" s="226"/>
      <c r="FG11" s="226"/>
      <c r="FH11" s="226"/>
      <c r="FI11" s="226"/>
      <c r="FJ11" s="226"/>
      <c r="FK11" s="226"/>
      <c r="FL11" s="226"/>
      <c r="FM11" s="226"/>
      <c r="FN11" s="226"/>
      <c r="FO11" s="226"/>
      <c r="FP11" s="226"/>
      <c r="FQ11" s="226"/>
      <c r="FR11" s="226"/>
      <c r="FS11" s="226"/>
      <c r="FT11" s="226"/>
      <c r="FU11" s="226"/>
      <c r="FV11" s="226"/>
      <c r="FW11" s="226"/>
      <c r="FX11" s="226"/>
      <c r="FY11" s="226"/>
      <c r="FZ11" s="226"/>
      <c r="GA11" s="226"/>
      <c r="GB11" s="226"/>
      <c r="GC11" s="226"/>
      <c r="GD11" s="226"/>
      <c r="GE11" s="226"/>
      <c r="GF11" s="226"/>
      <c r="GG11" s="226"/>
      <c r="GH11" s="226"/>
      <c r="GI11" s="226"/>
      <c r="GJ11" s="226"/>
      <c r="GK11" s="226"/>
    </row>
    <row r="12" spans="1:193" s="227" customFormat="1" ht="50.25" customHeight="1">
      <c r="A12" s="463" t="s">
        <v>352</v>
      </c>
      <c r="B12" s="222" t="s">
        <v>354</v>
      </c>
      <c r="C12" s="457" t="s">
        <v>355</v>
      </c>
      <c r="D12" s="458"/>
      <c r="E12" s="239"/>
      <c r="F12" s="240" t="s">
        <v>344</v>
      </c>
      <c r="G12" s="241" t="s">
        <v>356</v>
      </c>
      <c r="H12" s="226"/>
      <c r="I12" s="226"/>
      <c r="J12" s="226"/>
      <c r="K12" s="226"/>
      <c r="L12" s="226"/>
      <c r="M12" s="226"/>
      <c r="N12" s="226"/>
      <c r="O12" s="226"/>
      <c r="P12" s="226"/>
      <c r="Q12" s="226"/>
      <c r="R12" s="226"/>
      <c r="S12" s="226"/>
      <c r="T12" s="226"/>
      <c r="U12" s="226"/>
      <c r="V12" s="226"/>
      <c r="W12" s="226"/>
      <c r="X12" s="226"/>
      <c r="Y12" s="226"/>
      <c r="Z12" s="226"/>
      <c r="AA12" s="226"/>
      <c r="AB12" s="226"/>
      <c r="AC12" s="226"/>
      <c r="AD12" s="226"/>
      <c r="AE12" s="226"/>
      <c r="AF12" s="226"/>
      <c r="AG12" s="226"/>
      <c r="AH12" s="226"/>
      <c r="AI12" s="226"/>
      <c r="AJ12" s="226"/>
      <c r="AK12" s="226"/>
      <c r="AL12" s="226"/>
      <c r="AM12" s="226"/>
      <c r="AN12" s="226"/>
      <c r="AO12" s="226"/>
      <c r="AP12" s="226"/>
      <c r="AQ12" s="226"/>
      <c r="AR12" s="226"/>
      <c r="AS12" s="226"/>
      <c r="AT12" s="226"/>
      <c r="AU12" s="226"/>
      <c r="AV12" s="226"/>
      <c r="AW12" s="226"/>
      <c r="AX12" s="226"/>
      <c r="AY12" s="226"/>
      <c r="AZ12" s="226"/>
      <c r="BA12" s="226"/>
      <c r="BB12" s="226"/>
      <c r="BC12" s="226"/>
      <c r="BD12" s="226"/>
      <c r="BE12" s="226"/>
      <c r="BF12" s="226"/>
      <c r="BG12" s="226"/>
      <c r="BH12" s="226"/>
      <c r="BI12" s="226"/>
      <c r="BJ12" s="226"/>
      <c r="BK12" s="226"/>
      <c r="BL12" s="226"/>
      <c r="BM12" s="226"/>
      <c r="BN12" s="226"/>
      <c r="BO12" s="226"/>
      <c r="BP12" s="226"/>
      <c r="BQ12" s="226"/>
      <c r="BR12" s="226"/>
      <c r="BS12" s="226"/>
      <c r="BT12" s="226"/>
      <c r="BU12" s="226"/>
      <c r="BV12" s="226"/>
      <c r="BW12" s="226"/>
      <c r="BX12" s="226"/>
      <c r="BY12" s="226"/>
      <c r="BZ12" s="226"/>
      <c r="CA12" s="226"/>
      <c r="CB12" s="226"/>
      <c r="CC12" s="226"/>
      <c r="CD12" s="226"/>
      <c r="CE12" s="226"/>
      <c r="CF12" s="226"/>
      <c r="CG12" s="226"/>
      <c r="CH12" s="226"/>
      <c r="CI12" s="226"/>
      <c r="CJ12" s="226"/>
      <c r="CK12" s="226"/>
      <c r="CL12" s="226"/>
      <c r="CM12" s="226"/>
      <c r="CN12" s="226"/>
      <c r="CO12" s="226"/>
      <c r="CP12" s="226"/>
      <c r="CQ12" s="226"/>
      <c r="CR12" s="226"/>
      <c r="CS12" s="226"/>
      <c r="CT12" s="226"/>
      <c r="CU12" s="226"/>
      <c r="CV12" s="226"/>
      <c r="CW12" s="226"/>
      <c r="CX12" s="226"/>
      <c r="CY12" s="226"/>
      <c r="CZ12" s="226"/>
      <c r="DA12" s="226"/>
      <c r="DB12" s="226"/>
      <c r="DC12" s="226"/>
      <c r="DD12" s="226"/>
      <c r="DE12" s="226"/>
      <c r="DF12" s="226"/>
      <c r="DG12" s="226"/>
      <c r="DH12" s="226"/>
      <c r="DI12" s="226"/>
      <c r="DJ12" s="226"/>
      <c r="DK12" s="226"/>
      <c r="DL12" s="226"/>
      <c r="DM12" s="226"/>
      <c r="DN12" s="226"/>
      <c r="DO12" s="226"/>
      <c r="DP12" s="226"/>
      <c r="DQ12" s="226"/>
      <c r="DR12" s="226"/>
      <c r="DS12" s="226"/>
      <c r="DT12" s="226"/>
      <c r="DU12" s="226"/>
      <c r="DV12" s="226"/>
      <c r="DW12" s="226"/>
      <c r="DX12" s="226"/>
      <c r="DY12" s="226"/>
      <c r="DZ12" s="226"/>
      <c r="EA12" s="226"/>
      <c r="EB12" s="226"/>
      <c r="EC12" s="226"/>
      <c r="ED12" s="226"/>
      <c r="EE12" s="226"/>
      <c r="EF12" s="226"/>
      <c r="EG12" s="226"/>
      <c r="EH12" s="226"/>
      <c r="EI12" s="226"/>
      <c r="EJ12" s="226"/>
      <c r="EK12" s="226"/>
      <c r="EL12" s="226"/>
      <c r="EM12" s="226"/>
      <c r="EN12" s="226"/>
      <c r="EO12" s="226"/>
      <c r="EP12" s="226"/>
      <c r="EQ12" s="226"/>
      <c r="ER12" s="226"/>
      <c r="ES12" s="226"/>
      <c r="ET12" s="226"/>
      <c r="EU12" s="226"/>
      <c r="EV12" s="226"/>
      <c r="EW12" s="226"/>
      <c r="EX12" s="226"/>
      <c r="EY12" s="226"/>
      <c r="EZ12" s="226"/>
      <c r="FA12" s="226"/>
      <c r="FB12" s="226"/>
      <c r="FC12" s="226"/>
      <c r="FD12" s="226"/>
      <c r="FE12" s="226"/>
      <c r="FF12" s="226"/>
      <c r="FG12" s="226"/>
      <c r="FH12" s="226"/>
      <c r="FI12" s="226"/>
      <c r="FJ12" s="226"/>
      <c r="FK12" s="226"/>
      <c r="FL12" s="226"/>
      <c r="FM12" s="226"/>
      <c r="FN12" s="226"/>
      <c r="FO12" s="226"/>
      <c r="FP12" s="226"/>
      <c r="FQ12" s="226"/>
      <c r="FR12" s="226"/>
      <c r="FS12" s="226"/>
      <c r="FT12" s="226"/>
      <c r="FU12" s="226"/>
      <c r="FV12" s="226"/>
      <c r="FW12" s="226"/>
      <c r="FX12" s="226"/>
      <c r="FY12" s="226"/>
      <c r="FZ12" s="226"/>
      <c r="GA12" s="226"/>
      <c r="GB12" s="226"/>
      <c r="GC12" s="226"/>
      <c r="GD12" s="226"/>
      <c r="GE12" s="226"/>
      <c r="GF12" s="226"/>
      <c r="GG12" s="226"/>
      <c r="GH12" s="226"/>
      <c r="GI12" s="226"/>
      <c r="GJ12" s="226"/>
      <c r="GK12" s="226"/>
    </row>
    <row r="13" spans="1:193" s="242" customFormat="1" ht="63" customHeight="1">
      <c r="A13" s="464"/>
      <c r="B13" s="228"/>
      <c r="C13" s="461" t="s">
        <v>357</v>
      </c>
      <c r="D13" s="462"/>
      <c r="E13" s="229"/>
      <c r="F13" s="230" t="s">
        <v>344</v>
      </c>
      <c r="G13" s="231"/>
      <c r="H13" s="226"/>
      <c r="I13" s="226"/>
      <c r="J13" s="226"/>
      <c r="K13" s="226"/>
      <c r="L13" s="226"/>
      <c r="M13" s="226"/>
      <c r="N13" s="226"/>
      <c r="O13" s="226"/>
      <c r="P13" s="226"/>
      <c r="Q13" s="226"/>
      <c r="R13" s="226"/>
      <c r="S13" s="226"/>
      <c r="T13" s="226"/>
      <c r="U13" s="226"/>
      <c r="V13" s="226"/>
      <c r="W13" s="226"/>
      <c r="X13" s="226"/>
      <c r="Y13" s="226"/>
      <c r="Z13" s="226"/>
      <c r="AA13" s="226"/>
      <c r="AB13" s="226"/>
      <c r="AC13" s="226"/>
      <c r="AD13" s="226"/>
      <c r="AE13" s="226"/>
      <c r="AF13" s="226"/>
      <c r="AG13" s="226"/>
      <c r="AH13" s="226"/>
      <c r="AI13" s="226"/>
      <c r="AJ13" s="226"/>
      <c r="AK13" s="226"/>
      <c r="AL13" s="226"/>
      <c r="AM13" s="226"/>
      <c r="AN13" s="226"/>
      <c r="AO13" s="226"/>
      <c r="AP13" s="226"/>
      <c r="AQ13" s="226"/>
      <c r="AR13" s="226"/>
      <c r="AS13" s="226"/>
      <c r="AT13" s="226"/>
      <c r="AU13" s="226"/>
      <c r="AV13" s="226"/>
      <c r="AW13" s="226"/>
      <c r="AX13" s="226"/>
      <c r="AY13" s="226"/>
      <c r="AZ13" s="226"/>
      <c r="BA13" s="226"/>
      <c r="BB13" s="226"/>
      <c r="BC13" s="226"/>
      <c r="BD13" s="226"/>
      <c r="BE13" s="226"/>
      <c r="BF13" s="226"/>
      <c r="BG13" s="226"/>
      <c r="BH13" s="226"/>
      <c r="BI13" s="226"/>
      <c r="BJ13" s="226"/>
      <c r="BK13" s="226"/>
      <c r="BL13" s="226"/>
      <c r="BM13" s="226"/>
      <c r="BN13" s="226"/>
      <c r="BO13" s="226"/>
      <c r="BP13" s="226"/>
      <c r="BQ13" s="226"/>
      <c r="BR13" s="226"/>
      <c r="BS13" s="226"/>
      <c r="BT13" s="226"/>
      <c r="BU13" s="226"/>
      <c r="BV13" s="226"/>
      <c r="BW13" s="226"/>
      <c r="BX13" s="226"/>
      <c r="BY13" s="226"/>
      <c r="BZ13" s="226"/>
      <c r="CA13" s="226"/>
      <c r="CB13" s="226"/>
      <c r="CC13" s="226"/>
      <c r="CD13" s="226"/>
      <c r="CE13" s="226"/>
      <c r="CF13" s="226"/>
      <c r="CG13" s="226"/>
      <c r="CH13" s="226"/>
      <c r="CI13" s="226"/>
      <c r="CJ13" s="226"/>
      <c r="CK13" s="226"/>
      <c r="CL13" s="226"/>
      <c r="CM13" s="226"/>
      <c r="CN13" s="226"/>
      <c r="CO13" s="226"/>
      <c r="CP13" s="226"/>
      <c r="CQ13" s="226"/>
      <c r="CR13" s="226"/>
      <c r="CS13" s="226"/>
      <c r="CT13" s="226"/>
      <c r="CU13" s="226"/>
      <c r="CV13" s="226"/>
      <c r="CW13" s="226"/>
      <c r="CX13" s="226"/>
      <c r="CY13" s="226"/>
      <c r="CZ13" s="226"/>
      <c r="DA13" s="226"/>
      <c r="DB13" s="226"/>
      <c r="DC13" s="226"/>
      <c r="DD13" s="226"/>
      <c r="DE13" s="226"/>
      <c r="DF13" s="226"/>
      <c r="DG13" s="226"/>
      <c r="DH13" s="226"/>
      <c r="DI13" s="226"/>
      <c r="DJ13" s="226"/>
      <c r="DK13" s="226"/>
      <c r="DL13" s="226"/>
      <c r="DM13" s="226"/>
      <c r="DN13" s="226"/>
      <c r="DO13" s="226"/>
      <c r="DP13" s="226"/>
      <c r="DQ13" s="226"/>
      <c r="DR13" s="226"/>
      <c r="DS13" s="226"/>
      <c r="DT13" s="226"/>
      <c r="DU13" s="226"/>
      <c r="DV13" s="226"/>
      <c r="DW13" s="226"/>
      <c r="DX13" s="226"/>
      <c r="DY13" s="226"/>
      <c r="DZ13" s="226"/>
      <c r="EA13" s="226"/>
      <c r="EB13" s="226"/>
      <c r="EC13" s="226"/>
      <c r="ED13" s="226"/>
      <c r="EE13" s="226"/>
      <c r="EF13" s="226"/>
      <c r="EG13" s="226"/>
      <c r="EH13" s="226"/>
      <c r="EI13" s="226"/>
      <c r="EJ13" s="226"/>
      <c r="EK13" s="226"/>
      <c r="EL13" s="226"/>
      <c r="EM13" s="226"/>
      <c r="EN13" s="226"/>
      <c r="EO13" s="226"/>
      <c r="EP13" s="226"/>
      <c r="EQ13" s="226"/>
      <c r="ER13" s="226"/>
      <c r="ES13" s="226"/>
      <c r="ET13" s="226"/>
      <c r="EU13" s="226"/>
      <c r="EV13" s="226"/>
      <c r="EW13" s="226"/>
      <c r="EX13" s="226"/>
      <c r="EY13" s="226"/>
      <c r="EZ13" s="226"/>
      <c r="FA13" s="226"/>
      <c r="FB13" s="226"/>
      <c r="FC13" s="226"/>
      <c r="FD13" s="226"/>
      <c r="FE13" s="226"/>
      <c r="FF13" s="226"/>
      <c r="FG13" s="226"/>
      <c r="FH13" s="226"/>
      <c r="FI13" s="226"/>
      <c r="FJ13" s="226"/>
      <c r="FK13" s="226"/>
      <c r="FL13" s="226"/>
      <c r="FM13" s="226"/>
      <c r="FN13" s="226"/>
      <c r="FO13" s="226"/>
      <c r="FP13" s="226"/>
      <c r="FQ13" s="226"/>
      <c r="FR13" s="226"/>
      <c r="FS13" s="226"/>
      <c r="FT13" s="226"/>
      <c r="FU13" s="226"/>
      <c r="FV13" s="226"/>
      <c r="FW13" s="226"/>
      <c r="FX13" s="226"/>
      <c r="FY13" s="226"/>
      <c r="FZ13" s="226"/>
      <c r="GA13" s="226"/>
      <c r="GB13" s="226"/>
      <c r="GC13" s="226"/>
      <c r="GD13" s="226"/>
      <c r="GE13" s="226"/>
      <c r="GF13" s="226"/>
      <c r="GG13" s="226"/>
      <c r="GH13" s="226"/>
      <c r="GI13" s="226"/>
      <c r="GJ13" s="226"/>
      <c r="GK13" s="226"/>
    </row>
    <row r="14" spans="1:193" s="214" customFormat="1" ht="68.25" customHeight="1">
      <c r="A14" s="243" t="s">
        <v>358</v>
      </c>
      <c r="B14" s="244" t="s">
        <v>359</v>
      </c>
      <c r="C14" s="471" t="s">
        <v>360</v>
      </c>
      <c r="D14" s="472"/>
      <c r="E14" s="245"/>
      <c r="F14" s="246" t="s">
        <v>344</v>
      </c>
      <c r="G14" s="247" t="s">
        <v>361</v>
      </c>
      <c r="H14" s="213"/>
      <c r="I14" s="213"/>
      <c r="J14" s="213"/>
      <c r="K14" s="213"/>
      <c r="L14" s="213"/>
      <c r="M14" s="213"/>
      <c r="N14" s="213"/>
      <c r="O14" s="213"/>
      <c r="P14" s="213"/>
      <c r="Q14" s="213"/>
      <c r="R14" s="213"/>
      <c r="S14" s="213"/>
      <c r="T14" s="213"/>
      <c r="U14" s="213"/>
      <c r="V14" s="213"/>
      <c r="W14" s="213"/>
      <c r="X14" s="213"/>
      <c r="Y14" s="213"/>
      <c r="Z14" s="213"/>
      <c r="AA14" s="213"/>
      <c r="AB14" s="213"/>
      <c r="AC14" s="213"/>
      <c r="AD14" s="213"/>
      <c r="AE14" s="213"/>
      <c r="AF14" s="213"/>
      <c r="AG14" s="213"/>
      <c r="AH14" s="213"/>
      <c r="AI14" s="213"/>
      <c r="AJ14" s="213"/>
      <c r="AK14" s="213"/>
      <c r="AL14" s="213"/>
      <c r="AM14" s="213"/>
      <c r="AN14" s="213"/>
      <c r="AO14" s="213"/>
      <c r="AP14" s="213"/>
      <c r="AQ14" s="213"/>
      <c r="AR14" s="213"/>
      <c r="AS14" s="213"/>
      <c r="AT14" s="213"/>
      <c r="AU14" s="213"/>
      <c r="AV14" s="213"/>
      <c r="AW14" s="213"/>
      <c r="AX14" s="213"/>
      <c r="AY14" s="213"/>
      <c r="AZ14" s="213"/>
      <c r="BA14" s="213"/>
      <c r="BB14" s="213"/>
      <c r="BC14" s="213"/>
      <c r="BD14" s="213"/>
      <c r="BE14" s="213"/>
      <c r="BF14" s="213"/>
      <c r="BG14" s="213"/>
      <c r="BH14" s="213"/>
      <c r="BI14" s="213"/>
      <c r="BJ14" s="213"/>
      <c r="BK14" s="213"/>
      <c r="BL14" s="213"/>
      <c r="BM14" s="213"/>
      <c r="BN14" s="213"/>
      <c r="BO14" s="213"/>
      <c r="BP14" s="213"/>
      <c r="BQ14" s="213"/>
      <c r="BR14" s="213"/>
      <c r="BS14" s="213"/>
      <c r="BT14" s="213"/>
      <c r="BU14" s="213"/>
      <c r="BV14" s="213"/>
      <c r="BW14" s="213"/>
      <c r="BX14" s="213"/>
      <c r="BY14" s="213"/>
      <c r="BZ14" s="213"/>
      <c r="CA14" s="213"/>
      <c r="CB14" s="213"/>
      <c r="CC14" s="213"/>
      <c r="CD14" s="213"/>
      <c r="CE14" s="213"/>
      <c r="CF14" s="213"/>
      <c r="CG14" s="213"/>
      <c r="CH14" s="213"/>
      <c r="CI14" s="213"/>
      <c r="CJ14" s="213"/>
      <c r="CK14" s="213"/>
      <c r="CL14" s="213"/>
      <c r="CM14" s="213"/>
      <c r="CN14" s="213"/>
      <c r="CO14" s="213"/>
      <c r="CP14" s="213"/>
      <c r="CQ14" s="213"/>
      <c r="CR14" s="213"/>
      <c r="CS14" s="213"/>
      <c r="CT14" s="213"/>
      <c r="CU14" s="213"/>
      <c r="CV14" s="213"/>
      <c r="CW14" s="213"/>
      <c r="CX14" s="213"/>
      <c r="CY14" s="213"/>
      <c r="CZ14" s="213"/>
      <c r="DA14" s="213"/>
      <c r="DB14" s="213"/>
      <c r="DC14" s="213"/>
      <c r="DD14" s="213"/>
      <c r="DE14" s="213"/>
      <c r="DF14" s="213"/>
      <c r="DG14" s="213"/>
      <c r="DH14" s="213"/>
      <c r="DI14" s="213"/>
      <c r="DJ14" s="213"/>
      <c r="DK14" s="213"/>
      <c r="DL14" s="213"/>
      <c r="DM14" s="213"/>
      <c r="DN14" s="213"/>
      <c r="DO14" s="213"/>
      <c r="DP14" s="213"/>
      <c r="DQ14" s="213"/>
      <c r="DR14" s="213"/>
      <c r="DS14" s="213"/>
      <c r="DT14" s="213"/>
      <c r="DU14" s="213"/>
      <c r="DV14" s="213"/>
      <c r="DW14" s="213"/>
      <c r="DX14" s="213"/>
      <c r="DY14" s="213"/>
      <c r="DZ14" s="213"/>
      <c r="EA14" s="213"/>
      <c r="EB14" s="213"/>
      <c r="EC14" s="213"/>
      <c r="ED14" s="213"/>
      <c r="EE14" s="213"/>
      <c r="EF14" s="213"/>
      <c r="EG14" s="213"/>
      <c r="EH14" s="213"/>
      <c r="EI14" s="213"/>
      <c r="EJ14" s="213"/>
      <c r="EK14" s="213"/>
      <c r="EL14" s="213"/>
      <c r="EM14" s="213"/>
      <c r="EN14" s="213"/>
      <c r="EO14" s="213"/>
      <c r="EP14" s="213"/>
      <c r="EQ14" s="213"/>
      <c r="ER14" s="213"/>
      <c r="ES14" s="213"/>
      <c r="ET14" s="213"/>
      <c r="EU14" s="213"/>
      <c r="EV14" s="213"/>
      <c r="EW14" s="213"/>
      <c r="EX14" s="213"/>
      <c r="EY14" s="213"/>
      <c r="EZ14" s="213"/>
      <c r="FA14" s="213"/>
      <c r="FB14" s="213"/>
      <c r="FC14" s="213"/>
      <c r="FD14" s="213"/>
      <c r="FE14" s="213"/>
      <c r="FF14" s="213"/>
      <c r="FG14" s="213"/>
      <c r="FH14" s="213"/>
      <c r="FI14" s="213"/>
      <c r="FJ14" s="213"/>
      <c r="FK14" s="213"/>
      <c r="FL14" s="213"/>
      <c r="FM14" s="213"/>
      <c r="FN14" s="213"/>
      <c r="FO14" s="213"/>
      <c r="FP14" s="213"/>
      <c r="FQ14" s="213"/>
      <c r="FR14" s="213"/>
      <c r="FS14" s="213"/>
      <c r="FT14" s="213"/>
      <c r="FU14" s="213"/>
      <c r="FV14" s="213"/>
      <c r="FW14" s="213"/>
      <c r="FX14" s="213"/>
      <c r="FY14" s="213"/>
      <c r="FZ14" s="213"/>
      <c r="GA14" s="213"/>
      <c r="GB14" s="213"/>
      <c r="GC14" s="213"/>
      <c r="GD14" s="213"/>
      <c r="GE14" s="213"/>
      <c r="GF14" s="213"/>
      <c r="GG14" s="213"/>
      <c r="GH14" s="213"/>
      <c r="GI14" s="213"/>
      <c r="GJ14" s="213"/>
      <c r="GK14" s="213"/>
    </row>
    <row r="15" spans="1:193" s="227" customFormat="1" ht="21.75" customHeight="1">
      <c r="A15" s="463" t="s">
        <v>362</v>
      </c>
      <c r="B15" s="222" t="s">
        <v>363</v>
      </c>
      <c r="C15" s="457" t="s">
        <v>364</v>
      </c>
      <c r="D15" s="458"/>
      <c r="E15" s="239"/>
      <c r="F15" s="240" t="s">
        <v>344</v>
      </c>
      <c r="G15" s="473" t="s">
        <v>365</v>
      </c>
      <c r="H15" s="226"/>
      <c r="I15" s="226"/>
      <c r="J15" s="226"/>
      <c r="K15" s="226"/>
      <c r="L15" s="226"/>
      <c r="M15" s="226"/>
      <c r="N15" s="226"/>
      <c r="O15" s="226"/>
      <c r="P15" s="226"/>
      <c r="Q15" s="226"/>
      <c r="R15" s="226"/>
      <c r="S15" s="226"/>
      <c r="T15" s="226"/>
      <c r="U15" s="226"/>
      <c r="V15" s="226"/>
      <c r="W15" s="226"/>
      <c r="X15" s="226"/>
      <c r="Y15" s="226"/>
      <c r="Z15" s="226"/>
      <c r="AA15" s="226"/>
      <c r="AB15" s="226"/>
      <c r="AC15" s="226"/>
      <c r="AD15" s="226"/>
      <c r="AE15" s="226"/>
      <c r="AF15" s="226"/>
      <c r="AG15" s="226"/>
      <c r="AH15" s="226"/>
      <c r="AI15" s="226"/>
      <c r="AJ15" s="226"/>
      <c r="AK15" s="226"/>
      <c r="AL15" s="226"/>
      <c r="AM15" s="226"/>
      <c r="AN15" s="226"/>
      <c r="AO15" s="226"/>
      <c r="AP15" s="226"/>
      <c r="AQ15" s="226"/>
      <c r="AR15" s="226"/>
      <c r="AS15" s="226"/>
      <c r="AT15" s="226"/>
      <c r="AU15" s="226"/>
      <c r="AV15" s="226"/>
      <c r="AW15" s="226"/>
      <c r="AX15" s="226"/>
      <c r="AY15" s="226"/>
      <c r="AZ15" s="226"/>
      <c r="BA15" s="226"/>
      <c r="BB15" s="226"/>
      <c r="BC15" s="226"/>
      <c r="BD15" s="226"/>
      <c r="BE15" s="226"/>
      <c r="BF15" s="226"/>
      <c r="BG15" s="226"/>
      <c r="BH15" s="226"/>
      <c r="BI15" s="226"/>
      <c r="BJ15" s="226"/>
      <c r="BK15" s="226"/>
      <c r="BL15" s="226"/>
      <c r="BM15" s="226"/>
      <c r="BN15" s="226"/>
      <c r="BO15" s="226"/>
      <c r="BP15" s="226"/>
      <c r="BQ15" s="226"/>
      <c r="BR15" s="226"/>
      <c r="BS15" s="226"/>
      <c r="BT15" s="226"/>
      <c r="BU15" s="226"/>
      <c r="BV15" s="226"/>
      <c r="BW15" s="226"/>
      <c r="BX15" s="226"/>
      <c r="BY15" s="226"/>
      <c r="BZ15" s="226"/>
      <c r="CA15" s="226"/>
      <c r="CB15" s="226"/>
      <c r="CC15" s="226"/>
      <c r="CD15" s="226"/>
      <c r="CE15" s="226"/>
      <c r="CF15" s="226"/>
      <c r="CG15" s="226"/>
      <c r="CH15" s="226"/>
      <c r="CI15" s="226"/>
      <c r="CJ15" s="226"/>
      <c r="CK15" s="226"/>
      <c r="CL15" s="226"/>
      <c r="CM15" s="226"/>
      <c r="CN15" s="226"/>
      <c r="CO15" s="226"/>
      <c r="CP15" s="226"/>
      <c r="CQ15" s="226"/>
      <c r="CR15" s="226"/>
      <c r="CS15" s="226"/>
      <c r="CT15" s="226"/>
      <c r="CU15" s="226"/>
      <c r="CV15" s="226"/>
      <c r="CW15" s="226"/>
      <c r="CX15" s="226"/>
      <c r="CY15" s="226"/>
      <c r="CZ15" s="226"/>
      <c r="DA15" s="226"/>
      <c r="DB15" s="226"/>
      <c r="DC15" s="226"/>
      <c r="DD15" s="226"/>
      <c r="DE15" s="226"/>
      <c r="DF15" s="226"/>
      <c r="DG15" s="226"/>
      <c r="DH15" s="226"/>
      <c r="DI15" s="226"/>
      <c r="DJ15" s="226"/>
      <c r="DK15" s="226"/>
      <c r="DL15" s="226"/>
      <c r="DM15" s="226"/>
      <c r="DN15" s="226"/>
      <c r="DO15" s="226"/>
      <c r="DP15" s="226"/>
      <c r="DQ15" s="226"/>
      <c r="DR15" s="226"/>
      <c r="DS15" s="226"/>
      <c r="DT15" s="226"/>
      <c r="DU15" s="226"/>
      <c r="DV15" s="226"/>
      <c r="DW15" s="226"/>
      <c r="DX15" s="226"/>
      <c r="DY15" s="226"/>
      <c r="DZ15" s="226"/>
      <c r="EA15" s="226"/>
      <c r="EB15" s="226"/>
      <c r="EC15" s="226"/>
      <c r="ED15" s="226"/>
      <c r="EE15" s="226"/>
      <c r="EF15" s="226"/>
      <c r="EG15" s="226"/>
      <c r="EH15" s="226"/>
      <c r="EI15" s="226"/>
      <c r="EJ15" s="226"/>
      <c r="EK15" s="226"/>
      <c r="EL15" s="226"/>
      <c r="EM15" s="226"/>
      <c r="EN15" s="226"/>
      <c r="EO15" s="226"/>
      <c r="EP15" s="226"/>
      <c r="EQ15" s="226"/>
      <c r="ER15" s="226"/>
      <c r="ES15" s="226"/>
      <c r="ET15" s="226"/>
      <c r="EU15" s="226"/>
      <c r="EV15" s="226"/>
      <c r="EW15" s="226"/>
      <c r="EX15" s="226"/>
      <c r="EY15" s="226"/>
      <c r="EZ15" s="226"/>
      <c r="FA15" s="226"/>
      <c r="FB15" s="226"/>
      <c r="FC15" s="226"/>
      <c r="FD15" s="226"/>
      <c r="FE15" s="226"/>
      <c r="FF15" s="226"/>
      <c r="FG15" s="226"/>
      <c r="FH15" s="226"/>
      <c r="FI15" s="226"/>
      <c r="FJ15" s="226"/>
      <c r="FK15" s="226"/>
      <c r="FL15" s="226"/>
      <c r="FM15" s="226"/>
      <c r="FN15" s="226"/>
      <c r="FO15" s="226"/>
      <c r="FP15" s="226"/>
      <c r="FQ15" s="226"/>
      <c r="FR15" s="226"/>
      <c r="FS15" s="226"/>
      <c r="FT15" s="226"/>
      <c r="FU15" s="226"/>
      <c r="FV15" s="226"/>
      <c r="FW15" s="226"/>
      <c r="FX15" s="226"/>
      <c r="FY15" s="226"/>
      <c r="FZ15" s="226"/>
      <c r="GA15" s="226"/>
      <c r="GB15" s="226"/>
      <c r="GC15" s="226"/>
      <c r="GD15" s="226"/>
      <c r="GE15" s="226"/>
      <c r="GF15" s="226"/>
      <c r="GG15" s="226"/>
      <c r="GH15" s="226"/>
      <c r="GI15" s="226"/>
      <c r="GJ15" s="226"/>
      <c r="GK15" s="226"/>
    </row>
    <row r="16" spans="1:193" s="227" customFormat="1" ht="21.75" customHeight="1">
      <c r="A16" s="455"/>
      <c r="B16" s="235"/>
      <c r="C16" s="459" t="s">
        <v>366</v>
      </c>
      <c r="D16" s="460"/>
      <c r="E16" s="223"/>
      <c r="F16" s="224" t="s">
        <v>344</v>
      </c>
      <c r="G16" s="474"/>
      <c r="H16" s="226"/>
      <c r="I16" s="226"/>
      <c r="J16" s="226"/>
      <c r="K16" s="226"/>
      <c r="L16" s="226"/>
      <c r="M16" s="226"/>
      <c r="N16" s="226"/>
      <c r="O16" s="226"/>
      <c r="P16" s="226"/>
      <c r="Q16" s="226"/>
      <c r="R16" s="226"/>
      <c r="S16" s="226"/>
      <c r="T16" s="226"/>
      <c r="U16" s="226"/>
      <c r="V16" s="226"/>
      <c r="W16" s="226"/>
      <c r="X16" s="226"/>
      <c r="Y16" s="226"/>
      <c r="Z16" s="226"/>
      <c r="AA16" s="226"/>
      <c r="AB16" s="226"/>
      <c r="AC16" s="226"/>
      <c r="AD16" s="226"/>
      <c r="AE16" s="226"/>
      <c r="AF16" s="226"/>
      <c r="AG16" s="226"/>
      <c r="AH16" s="226"/>
      <c r="AI16" s="226"/>
      <c r="AJ16" s="226"/>
      <c r="AK16" s="226"/>
      <c r="AL16" s="226"/>
      <c r="AM16" s="226"/>
      <c r="AN16" s="226"/>
      <c r="AO16" s="226"/>
      <c r="AP16" s="226"/>
      <c r="AQ16" s="226"/>
      <c r="AR16" s="226"/>
      <c r="AS16" s="226"/>
      <c r="AT16" s="226"/>
      <c r="AU16" s="226"/>
      <c r="AV16" s="226"/>
      <c r="AW16" s="226"/>
      <c r="AX16" s="226"/>
      <c r="AY16" s="226"/>
      <c r="AZ16" s="226"/>
      <c r="BA16" s="226"/>
      <c r="BB16" s="226"/>
      <c r="BC16" s="226"/>
      <c r="BD16" s="226"/>
      <c r="BE16" s="226"/>
      <c r="BF16" s="226"/>
      <c r="BG16" s="226"/>
      <c r="BH16" s="226"/>
      <c r="BI16" s="226"/>
      <c r="BJ16" s="226"/>
      <c r="BK16" s="226"/>
      <c r="BL16" s="226"/>
      <c r="BM16" s="226"/>
      <c r="BN16" s="226"/>
      <c r="BO16" s="226"/>
      <c r="BP16" s="226"/>
      <c r="BQ16" s="226"/>
      <c r="BR16" s="226"/>
      <c r="BS16" s="226"/>
      <c r="BT16" s="226"/>
      <c r="BU16" s="226"/>
      <c r="BV16" s="226"/>
      <c r="BW16" s="226"/>
      <c r="BX16" s="226"/>
      <c r="BY16" s="226"/>
      <c r="BZ16" s="226"/>
      <c r="CA16" s="226"/>
      <c r="CB16" s="226"/>
      <c r="CC16" s="226"/>
      <c r="CD16" s="226"/>
      <c r="CE16" s="226"/>
      <c r="CF16" s="226"/>
      <c r="CG16" s="226"/>
      <c r="CH16" s="226"/>
      <c r="CI16" s="226"/>
      <c r="CJ16" s="226"/>
      <c r="CK16" s="226"/>
      <c r="CL16" s="226"/>
      <c r="CM16" s="226"/>
      <c r="CN16" s="226"/>
      <c r="CO16" s="226"/>
      <c r="CP16" s="226"/>
      <c r="CQ16" s="226"/>
      <c r="CR16" s="226"/>
      <c r="CS16" s="226"/>
      <c r="CT16" s="226"/>
      <c r="CU16" s="226"/>
      <c r="CV16" s="226"/>
      <c r="CW16" s="226"/>
      <c r="CX16" s="226"/>
      <c r="CY16" s="226"/>
      <c r="CZ16" s="226"/>
      <c r="DA16" s="226"/>
      <c r="DB16" s="226"/>
      <c r="DC16" s="226"/>
      <c r="DD16" s="226"/>
      <c r="DE16" s="226"/>
      <c r="DF16" s="226"/>
      <c r="DG16" s="226"/>
      <c r="DH16" s="226"/>
      <c r="DI16" s="226"/>
      <c r="DJ16" s="226"/>
      <c r="DK16" s="226"/>
      <c r="DL16" s="226"/>
      <c r="DM16" s="226"/>
      <c r="DN16" s="226"/>
      <c r="DO16" s="226"/>
      <c r="DP16" s="226"/>
      <c r="DQ16" s="226"/>
      <c r="DR16" s="226"/>
      <c r="DS16" s="226"/>
      <c r="DT16" s="226"/>
      <c r="DU16" s="226"/>
      <c r="DV16" s="226"/>
      <c r="DW16" s="226"/>
      <c r="DX16" s="226"/>
      <c r="DY16" s="226"/>
      <c r="DZ16" s="226"/>
      <c r="EA16" s="226"/>
      <c r="EB16" s="226"/>
      <c r="EC16" s="226"/>
      <c r="ED16" s="226"/>
      <c r="EE16" s="226"/>
      <c r="EF16" s="226"/>
      <c r="EG16" s="226"/>
      <c r="EH16" s="226"/>
      <c r="EI16" s="226"/>
      <c r="EJ16" s="226"/>
      <c r="EK16" s="226"/>
      <c r="EL16" s="226"/>
      <c r="EM16" s="226"/>
      <c r="EN16" s="226"/>
      <c r="EO16" s="226"/>
      <c r="EP16" s="226"/>
      <c r="EQ16" s="226"/>
      <c r="ER16" s="226"/>
      <c r="ES16" s="226"/>
      <c r="ET16" s="226"/>
      <c r="EU16" s="226"/>
      <c r="EV16" s="226"/>
      <c r="EW16" s="226"/>
      <c r="EX16" s="226"/>
      <c r="EY16" s="226"/>
      <c r="EZ16" s="226"/>
      <c r="FA16" s="226"/>
      <c r="FB16" s="226"/>
      <c r="FC16" s="226"/>
      <c r="FD16" s="226"/>
      <c r="FE16" s="226"/>
      <c r="FF16" s="226"/>
      <c r="FG16" s="226"/>
      <c r="FH16" s="226"/>
      <c r="FI16" s="226"/>
      <c r="FJ16" s="226"/>
      <c r="FK16" s="226"/>
      <c r="FL16" s="226"/>
      <c r="FM16" s="226"/>
      <c r="FN16" s="226"/>
      <c r="FO16" s="226"/>
      <c r="FP16" s="226"/>
      <c r="FQ16" s="226"/>
      <c r="FR16" s="226"/>
      <c r="FS16" s="226"/>
      <c r="FT16" s="226"/>
      <c r="FU16" s="226"/>
      <c r="FV16" s="226"/>
      <c r="FW16" s="226"/>
      <c r="FX16" s="226"/>
      <c r="FY16" s="226"/>
      <c r="FZ16" s="226"/>
      <c r="GA16" s="226"/>
      <c r="GB16" s="226"/>
      <c r="GC16" s="226"/>
      <c r="GD16" s="226"/>
      <c r="GE16" s="226"/>
      <c r="GF16" s="226"/>
      <c r="GG16" s="226"/>
      <c r="GH16" s="226"/>
      <c r="GI16" s="226"/>
      <c r="GJ16" s="226"/>
      <c r="GK16" s="226"/>
    </row>
    <row r="17" spans="1:193" s="227" customFormat="1" ht="21.75" customHeight="1">
      <c r="A17" s="455"/>
      <c r="B17" s="235"/>
      <c r="C17" s="459" t="s">
        <v>367</v>
      </c>
      <c r="D17" s="460"/>
      <c r="E17" s="223"/>
      <c r="F17" s="224" t="s">
        <v>344</v>
      </c>
      <c r="G17" s="474"/>
      <c r="H17" s="226"/>
      <c r="I17" s="226"/>
      <c r="J17" s="226"/>
      <c r="K17" s="226"/>
      <c r="L17" s="226"/>
      <c r="M17" s="226"/>
      <c r="N17" s="226"/>
      <c r="O17" s="226"/>
      <c r="P17" s="226"/>
      <c r="Q17" s="226"/>
      <c r="R17" s="226"/>
      <c r="S17" s="226"/>
      <c r="T17" s="226"/>
      <c r="U17" s="226"/>
      <c r="V17" s="226"/>
      <c r="W17" s="226"/>
      <c r="X17" s="226"/>
      <c r="Y17" s="226"/>
      <c r="Z17" s="226"/>
      <c r="AA17" s="226"/>
      <c r="AB17" s="226"/>
      <c r="AC17" s="226"/>
      <c r="AD17" s="226"/>
      <c r="AE17" s="226"/>
      <c r="AF17" s="226"/>
      <c r="AG17" s="226"/>
      <c r="AH17" s="226"/>
      <c r="AI17" s="226"/>
      <c r="AJ17" s="226"/>
      <c r="AK17" s="226"/>
      <c r="AL17" s="226"/>
      <c r="AM17" s="226"/>
      <c r="AN17" s="226"/>
      <c r="AO17" s="226"/>
      <c r="AP17" s="226"/>
      <c r="AQ17" s="226"/>
      <c r="AR17" s="226"/>
      <c r="AS17" s="226"/>
      <c r="AT17" s="226"/>
      <c r="AU17" s="226"/>
      <c r="AV17" s="226"/>
      <c r="AW17" s="226"/>
      <c r="AX17" s="226"/>
      <c r="AY17" s="226"/>
      <c r="AZ17" s="226"/>
      <c r="BA17" s="226"/>
      <c r="BB17" s="226"/>
      <c r="BC17" s="226"/>
      <c r="BD17" s="226"/>
      <c r="BE17" s="226"/>
      <c r="BF17" s="226"/>
      <c r="BG17" s="226"/>
      <c r="BH17" s="226"/>
      <c r="BI17" s="226"/>
      <c r="BJ17" s="226"/>
      <c r="BK17" s="226"/>
      <c r="BL17" s="226"/>
      <c r="BM17" s="226"/>
      <c r="BN17" s="226"/>
      <c r="BO17" s="226"/>
      <c r="BP17" s="226"/>
      <c r="BQ17" s="226"/>
      <c r="BR17" s="226"/>
      <c r="BS17" s="226"/>
      <c r="BT17" s="226"/>
      <c r="BU17" s="226"/>
      <c r="BV17" s="226"/>
      <c r="BW17" s="226"/>
      <c r="BX17" s="226"/>
      <c r="BY17" s="226"/>
      <c r="BZ17" s="226"/>
      <c r="CA17" s="226"/>
      <c r="CB17" s="226"/>
      <c r="CC17" s="226"/>
      <c r="CD17" s="226"/>
      <c r="CE17" s="226"/>
      <c r="CF17" s="226"/>
      <c r="CG17" s="226"/>
      <c r="CH17" s="226"/>
      <c r="CI17" s="226"/>
      <c r="CJ17" s="226"/>
      <c r="CK17" s="226"/>
      <c r="CL17" s="226"/>
      <c r="CM17" s="226"/>
      <c r="CN17" s="226"/>
      <c r="CO17" s="226"/>
      <c r="CP17" s="226"/>
      <c r="CQ17" s="226"/>
      <c r="CR17" s="226"/>
      <c r="CS17" s="226"/>
      <c r="CT17" s="226"/>
      <c r="CU17" s="226"/>
      <c r="CV17" s="226"/>
      <c r="CW17" s="226"/>
      <c r="CX17" s="226"/>
      <c r="CY17" s="226"/>
      <c r="CZ17" s="226"/>
      <c r="DA17" s="226"/>
      <c r="DB17" s="226"/>
      <c r="DC17" s="226"/>
      <c r="DD17" s="226"/>
      <c r="DE17" s="226"/>
      <c r="DF17" s="226"/>
      <c r="DG17" s="226"/>
      <c r="DH17" s="226"/>
      <c r="DI17" s="226"/>
      <c r="DJ17" s="226"/>
      <c r="DK17" s="226"/>
      <c r="DL17" s="226"/>
      <c r="DM17" s="226"/>
      <c r="DN17" s="226"/>
      <c r="DO17" s="226"/>
      <c r="DP17" s="226"/>
      <c r="DQ17" s="226"/>
      <c r="DR17" s="226"/>
      <c r="DS17" s="226"/>
      <c r="DT17" s="226"/>
      <c r="DU17" s="226"/>
      <c r="DV17" s="226"/>
      <c r="DW17" s="226"/>
      <c r="DX17" s="226"/>
      <c r="DY17" s="226"/>
      <c r="DZ17" s="226"/>
      <c r="EA17" s="226"/>
      <c r="EB17" s="226"/>
      <c r="EC17" s="226"/>
      <c r="ED17" s="226"/>
      <c r="EE17" s="226"/>
      <c r="EF17" s="226"/>
      <c r="EG17" s="226"/>
      <c r="EH17" s="226"/>
      <c r="EI17" s="226"/>
      <c r="EJ17" s="226"/>
      <c r="EK17" s="226"/>
      <c r="EL17" s="226"/>
      <c r="EM17" s="226"/>
      <c r="EN17" s="226"/>
      <c r="EO17" s="226"/>
      <c r="EP17" s="226"/>
      <c r="EQ17" s="226"/>
      <c r="ER17" s="226"/>
      <c r="ES17" s="226"/>
      <c r="ET17" s="226"/>
      <c r="EU17" s="226"/>
      <c r="EV17" s="226"/>
      <c r="EW17" s="226"/>
      <c r="EX17" s="226"/>
      <c r="EY17" s="226"/>
      <c r="EZ17" s="226"/>
      <c r="FA17" s="226"/>
      <c r="FB17" s="226"/>
      <c r="FC17" s="226"/>
      <c r="FD17" s="226"/>
      <c r="FE17" s="226"/>
      <c r="FF17" s="226"/>
      <c r="FG17" s="226"/>
      <c r="FH17" s="226"/>
      <c r="FI17" s="226"/>
      <c r="FJ17" s="226"/>
      <c r="FK17" s="226"/>
      <c r="FL17" s="226"/>
      <c r="FM17" s="226"/>
      <c r="FN17" s="226"/>
      <c r="FO17" s="226"/>
      <c r="FP17" s="226"/>
      <c r="FQ17" s="226"/>
      <c r="FR17" s="226"/>
      <c r="FS17" s="226"/>
      <c r="FT17" s="226"/>
      <c r="FU17" s="226"/>
      <c r="FV17" s="226"/>
      <c r="FW17" s="226"/>
      <c r="FX17" s="226"/>
      <c r="FY17" s="226"/>
      <c r="FZ17" s="226"/>
      <c r="GA17" s="226"/>
      <c r="GB17" s="226"/>
      <c r="GC17" s="226"/>
      <c r="GD17" s="226"/>
      <c r="GE17" s="226"/>
      <c r="GF17" s="226"/>
      <c r="GG17" s="226"/>
      <c r="GH17" s="226"/>
      <c r="GI17" s="226"/>
      <c r="GJ17" s="226"/>
      <c r="GK17" s="226"/>
    </row>
    <row r="18" spans="1:193" s="227" customFormat="1" ht="21.75" customHeight="1">
      <c r="A18" s="455"/>
      <c r="B18" s="235"/>
      <c r="C18" s="459" t="s">
        <v>368</v>
      </c>
      <c r="D18" s="460"/>
      <c r="E18" s="223"/>
      <c r="F18" s="224" t="s">
        <v>344</v>
      </c>
      <c r="G18" s="474"/>
      <c r="H18" s="226"/>
      <c r="I18" s="226"/>
      <c r="J18" s="226"/>
      <c r="K18" s="226"/>
      <c r="L18" s="226"/>
      <c r="M18" s="226"/>
      <c r="N18" s="226"/>
      <c r="O18" s="226"/>
      <c r="P18" s="226"/>
      <c r="Q18" s="226"/>
      <c r="R18" s="226"/>
      <c r="S18" s="226"/>
      <c r="T18" s="226"/>
      <c r="U18" s="226"/>
      <c r="V18" s="226"/>
      <c r="W18" s="226"/>
      <c r="X18" s="226"/>
      <c r="Y18" s="226"/>
      <c r="Z18" s="226"/>
      <c r="AA18" s="226"/>
      <c r="AB18" s="226"/>
      <c r="AC18" s="226"/>
      <c r="AD18" s="226"/>
      <c r="AE18" s="226"/>
      <c r="AF18" s="226"/>
      <c r="AG18" s="226"/>
      <c r="AH18" s="226"/>
      <c r="AI18" s="226"/>
      <c r="AJ18" s="226"/>
      <c r="AK18" s="226"/>
      <c r="AL18" s="226"/>
      <c r="AM18" s="226"/>
      <c r="AN18" s="226"/>
      <c r="AO18" s="226"/>
      <c r="AP18" s="226"/>
      <c r="AQ18" s="226"/>
      <c r="AR18" s="226"/>
      <c r="AS18" s="226"/>
      <c r="AT18" s="226"/>
      <c r="AU18" s="226"/>
      <c r="AV18" s="226"/>
      <c r="AW18" s="226"/>
      <c r="AX18" s="226"/>
      <c r="AY18" s="226"/>
      <c r="AZ18" s="226"/>
      <c r="BA18" s="226"/>
      <c r="BB18" s="226"/>
      <c r="BC18" s="226"/>
      <c r="BD18" s="226"/>
      <c r="BE18" s="226"/>
      <c r="BF18" s="226"/>
      <c r="BG18" s="226"/>
      <c r="BH18" s="226"/>
      <c r="BI18" s="226"/>
      <c r="BJ18" s="226"/>
      <c r="BK18" s="226"/>
      <c r="BL18" s="226"/>
      <c r="BM18" s="226"/>
      <c r="BN18" s="226"/>
      <c r="BO18" s="226"/>
      <c r="BP18" s="226"/>
      <c r="BQ18" s="226"/>
      <c r="BR18" s="226"/>
      <c r="BS18" s="226"/>
      <c r="BT18" s="226"/>
      <c r="BU18" s="226"/>
      <c r="BV18" s="226"/>
      <c r="BW18" s="226"/>
      <c r="BX18" s="226"/>
      <c r="BY18" s="226"/>
      <c r="BZ18" s="226"/>
      <c r="CA18" s="226"/>
      <c r="CB18" s="226"/>
      <c r="CC18" s="226"/>
      <c r="CD18" s="226"/>
      <c r="CE18" s="226"/>
      <c r="CF18" s="226"/>
      <c r="CG18" s="226"/>
      <c r="CH18" s="226"/>
      <c r="CI18" s="226"/>
      <c r="CJ18" s="226"/>
      <c r="CK18" s="226"/>
      <c r="CL18" s="226"/>
      <c r="CM18" s="226"/>
      <c r="CN18" s="226"/>
      <c r="CO18" s="226"/>
      <c r="CP18" s="226"/>
      <c r="CQ18" s="226"/>
      <c r="CR18" s="226"/>
      <c r="CS18" s="226"/>
      <c r="CT18" s="226"/>
      <c r="CU18" s="226"/>
      <c r="CV18" s="226"/>
      <c r="CW18" s="226"/>
      <c r="CX18" s="226"/>
      <c r="CY18" s="226"/>
      <c r="CZ18" s="226"/>
      <c r="DA18" s="226"/>
      <c r="DB18" s="226"/>
      <c r="DC18" s="226"/>
      <c r="DD18" s="226"/>
      <c r="DE18" s="226"/>
      <c r="DF18" s="226"/>
      <c r="DG18" s="226"/>
      <c r="DH18" s="226"/>
      <c r="DI18" s="226"/>
      <c r="DJ18" s="226"/>
      <c r="DK18" s="226"/>
      <c r="DL18" s="226"/>
      <c r="DM18" s="226"/>
      <c r="DN18" s="226"/>
      <c r="DO18" s="226"/>
      <c r="DP18" s="226"/>
      <c r="DQ18" s="226"/>
      <c r="DR18" s="226"/>
      <c r="DS18" s="226"/>
      <c r="DT18" s="226"/>
      <c r="DU18" s="226"/>
      <c r="DV18" s="226"/>
      <c r="DW18" s="226"/>
      <c r="DX18" s="226"/>
      <c r="DY18" s="226"/>
      <c r="DZ18" s="226"/>
      <c r="EA18" s="226"/>
      <c r="EB18" s="226"/>
      <c r="EC18" s="226"/>
      <c r="ED18" s="226"/>
      <c r="EE18" s="226"/>
      <c r="EF18" s="226"/>
      <c r="EG18" s="226"/>
      <c r="EH18" s="226"/>
      <c r="EI18" s="226"/>
      <c r="EJ18" s="226"/>
      <c r="EK18" s="226"/>
      <c r="EL18" s="226"/>
      <c r="EM18" s="226"/>
      <c r="EN18" s="226"/>
      <c r="EO18" s="226"/>
      <c r="EP18" s="226"/>
      <c r="EQ18" s="226"/>
      <c r="ER18" s="226"/>
      <c r="ES18" s="226"/>
      <c r="ET18" s="226"/>
      <c r="EU18" s="226"/>
      <c r="EV18" s="226"/>
      <c r="EW18" s="226"/>
      <c r="EX18" s="226"/>
      <c r="EY18" s="226"/>
      <c r="EZ18" s="226"/>
      <c r="FA18" s="226"/>
      <c r="FB18" s="226"/>
      <c r="FC18" s="226"/>
      <c r="FD18" s="226"/>
      <c r="FE18" s="226"/>
      <c r="FF18" s="226"/>
      <c r="FG18" s="226"/>
      <c r="FH18" s="226"/>
      <c r="FI18" s="226"/>
      <c r="FJ18" s="226"/>
      <c r="FK18" s="226"/>
      <c r="FL18" s="226"/>
      <c r="FM18" s="226"/>
      <c r="FN18" s="226"/>
      <c r="FO18" s="226"/>
      <c r="FP18" s="226"/>
      <c r="FQ18" s="226"/>
      <c r="FR18" s="226"/>
      <c r="FS18" s="226"/>
      <c r="FT18" s="226"/>
      <c r="FU18" s="226"/>
      <c r="FV18" s="226"/>
      <c r="FW18" s="226"/>
      <c r="FX18" s="226"/>
      <c r="FY18" s="226"/>
      <c r="FZ18" s="226"/>
      <c r="GA18" s="226"/>
      <c r="GB18" s="226"/>
      <c r="GC18" s="226"/>
      <c r="GD18" s="226"/>
      <c r="GE18" s="226"/>
      <c r="GF18" s="226"/>
      <c r="GG18" s="226"/>
      <c r="GH18" s="226"/>
      <c r="GI18" s="226"/>
      <c r="GJ18" s="226"/>
      <c r="GK18" s="226"/>
    </row>
    <row r="19" spans="1:193" s="227" customFormat="1" ht="21.75" customHeight="1">
      <c r="A19" s="455"/>
      <c r="B19" s="235"/>
      <c r="C19" s="459" t="s">
        <v>369</v>
      </c>
      <c r="D19" s="460"/>
      <c r="E19" s="223"/>
      <c r="F19" s="224" t="s">
        <v>344</v>
      </c>
      <c r="G19" s="474"/>
      <c r="H19" s="226"/>
      <c r="I19" s="226"/>
      <c r="J19" s="226"/>
      <c r="K19" s="226"/>
      <c r="L19" s="226"/>
      <c r="M19" s="226"/>
      <c r="N19" s="226"/>
      <c r="O19" s="226"/>
      <c r="P19" s="226"/>
      <c r="Q19" s="226"/>
      <c r="R19" s="226"/>
      <c r="S19" s="226"/>
      <c r="T19" s="226"/>
      <c r="U19" s="226"/>
      <c r="V19" s="226"/>
      <c r="W19" s="226"/>
      <c r="X19" s="226"/>
      <c r="Y19" s="226"/>
      <c r="Z19" s="226"/>
      <c r="AA19" s="226"/>
      <c r="AB19" s="226"/>
      <c r="AC19" s="226"/>
      <c r="AD19" s="226"/>
      <c r="AE19" s="226"/>
      <c r="AF19" s="226"/>
      <c r="AG19" s="226"/>
      <c r="AH19" s="226"/>
      <c r="AI19" s="226"/>
      <c r="AJ19" s="226"/>
      <c r="AK19" s="226"/>
      <c r="AL19" s="226"/>
      <c r="AM19" s="226"/>
      <c r="AN19" s="226"/>
      <c r="AO19" s="226"/>
      <c r="AP19" s="226"/>
      <c r="AQ19" s="226"/>
      <c r="AR19" s="226"/>
      <c r="AS19" s="226"/>
      <c r="AT19" s="226"/>
      <c r="AU19" s="226"/>
      <c r="AV19" s="226"/>
      <c r="AW19" s="226"/>
      <c r="AX19" s="226"/>
      <c r="AY19" s="226"/>
      <c r="AZ19" s="226"/>
      <c r="BA19" s="226"/>
      <c r="BB19" s="226"/>
      <c r="BC19" s="226"/>
      <c r="BD19" s="226"/>
      <c r="BE19" s="226"/>
      <c r="BF19" s="226"/>
      <c r="BG19" s="226"/>
      <c r="BH19" s="226"/>
      <c r="BI19" s="226"/>
      <c r="BJ19" s="226"/>
      <c r="BK19" s="226"/>
      <c r="BL19" s="226"/>
      <c r="BM19" s="226"/>
      <c r="BN19" s="226"/>
      <c r="BO19" s="226"/>
      <c r="BP19" s="226"/>
      <c r="BQ19" s="226"/>
      <c r="BR19" s="226"/>
      <c r="BS19" s="226"/>
      <c r="BT19" s="226"/>
      <c r="BU19" s="226"/>
      <c r="BV19" s="226"/>
      <c r="BW19" s="226"/>
      <c r="BX19" s="226"/>
      <c r="BY19" s="226"/>
      <c r="BZ19" s="226"/>
      <c r="CA19" s="226"/>
      <c r="CB19" s="226"/>
      <c r="CC19" s="226"/>
      <c r="CD19" s="226"/>
      <c r="CE19" s="226"/>
      <c r="CF19" s="226"/>
      <c r="CG19" s="226"/>
      <c r="CH19" s="226"/>
      <c r="CI19" s="226"/>
      <c r="CJ19" s="226"/>
      <c r="CK19" s="226"/>
      <c r="CL19" s="226"/>
      <c r="CM19" s="226"/>
      <c r="CN19" s="226"/>
      <c r="CO19" s="226"/>
      <c r="CP19" s="226"/>
      <c r="CQ19" s="226"/>
      <c r="CR19" s="226"/>
      <c r="CS19" s="226"/>
      <c r="CT19" s="226"/>
      <c r="CU19" s="226"/>
      <c r="CV19" s="226"/>
      <c r="CW19" s="226"/>
      <c r="CX19" s="226"/>
      <c r="CY19" s="226"/>
      <c r="CZ19" s="226"/>
      <c r="DA19" s="226"/>
      <c r="DB19" s="226"/>
      <c r="DC19" s="226"/>
      <c r="DD19" s="226"/>
      <c r="DE19" s="226"/>
      <c r="DF19" s="226"/>
      <c r="DG19" s="226"/>
      <c r="DH19" s="226"/>
      <c r="DI19" s="226"/>
      <c r="DJ19" s="226"/>
      <c r="DK19" s="226"/>
      <c r="DL19" s="226"/>
      <c r="DM19" s="226"/>
      <c r="DN19" s="226"/>
      <c r="DO19" s="226"/>
      <c r="DP19" s="226"/>
      <c r="DQ19" s="226"/>
      <c r="DR19" s="226"/>
      <c r="DS19" s="226"/>
      <c r="DT19" s="226"/>
      <c r="DU19" s="226"/>
      <c r="DV19" s="226"/>
      <c r="DW19" s="226"/>
      <c r="DX19" s="226"/>
      <c r="DY19" s="226"/>
      <c r="DZ19" s="226"/>
      <c r="EA19" s="226"/>
      <c r="EB19" s="226"/>
      <c r="EC19" s="226"/>
      <c r="ED19" s="226"/>
      <c r="EE19" s="226"/>
      <c r="EF19" s="226"/>
      <c r="EG19" s="226"/>
      <c r="EH19" s="226"/>
      <c r="EI19" s="226"/>
      <c r="EJ19" s="226"/>
      <c r="EK19" s="226"/>
      <c r="EL19" s="226"/>
      <c r="EM19" s="226"/>
      <c r="EN19" s="226"/>
      <c r="EO19" s="226"/>
      <c r="EP19" s="226"/>
      <c r="EQ19" s="226"/>
      <c r="ER19" s="226"/>
      <c r="ES19" s="226"/>
      <c r="ET19" s="226"/>
      <c r="EU19" s="226"/>
      <c r="EV19" s="226"/>
      <c r="EW19" s="226"/>
      <c r="EX19" s="226"/>
      <c r="EY19" s="226"/>
      <c r="EZ19" s="226"/>
      <c r="FA19" s="226"/>
      <c r="FB19" s="226"/>
      <c r="FC19" s="226"/>
      <c r="FD19" s="226"/>
      <c r="FE19" s="226"/>
      <c r="FF19" s="226"/>
      <c r="FG19" s="226"/>
      <c r="FH19" s="226"/>
      <c r="FI19" s="226"/>
      <c r="FJ19" s="226"/>
      <c r="FK19" s="226"/>
      <c r="FL19" s="226"/>
      <c r="FM19" s="226"/>
      <c r="FN19" s="226"/>
      <c r="FO19" s="226"/>
      <c r="FP19" s="226"/>
      <c r="FQ19" s="226"/>
      <c r="FR19" s="226"/>
      <c r="FS19" s="226"/>
      <c r="FT19" s="226"/>
      <c r="FU19" s="226"/>
      <c r="FV19" s="226"/>
      <c r="FW19" s="226"/>
      <c r="FX19" s="226"/>
      <c r="FY19" s="226"/>
      <c r="FZ19" s="226"/>
      <c r="GA19" s="226"/>
      <c r="GB19" s="226"/>
      <c r="GC19" s="226"/>
      <c r="GD19" s="226"/>
      <c r="GE19" s="226"/>
      <c r="GF19" s="226"/>
      <c r="GG19" s="226"/>
      <c r="GH19" s="226"/>
      <c r="GI19" s="226"/>
      <c r="GJ19" s="226"/>
      <c r="GK19" s="226"/>
    </row>
    <row r="20" spans="1:193" s="227" customFormat="1" ht="21.75" customHeight="1">
      <c r="A20" s="464"/>
      <c r="B20" s="228"/>
      <c r="C20" s="461" t="s">
        <v>370</v>
      </c>
      <c r="D20" s="462"/>
      <c r="E20" s="229"/>
      <c r="F20" s="230" t="s">
        <v>344</v>
      </c>
      <c r="G20" s="475"/>
      <c r="H20" s="226"/>
      <c r="I20" s="226"/>
      <c r="J20" s="226"/>
      <c r="K20" s="226"/>
      <c r="L20" s="226"/>
      <c r="M20" s="226"/>
      <c r="N20" s="226"/>
      <c r="O20" s="226"/>
      <c r="P20" s="226"/>
      <c r="Q20" s="226"/>
      <c r="R20" s="226"/>
      <c r="S20" s="226"/>
      <c r="T20" s="226"/>
      <c r="U20" s="226"/>
      <c r="V20" s="226"/>
      <c r="W20" s="226"/>
      <c r="X20" s="226"/>
      <c r="Y20" s="226"/>
      <c r="Z20" s="226"/>
      <c r="AA20" s="226"/>
      <c r="AB20" s="226"/>
      <c r="AC20" s="226"/>
      <c r="AD20" s="226"/>
      <c r="AE20" s="226"/>
      <c r="AF20" s="226"/>
      <c r="AG20" s="226"/>
      <c r="AH20" s="226"/>
      <c r="AI20" s="226"/>
      <c r="AJ20" s="226"/>
      <c r="AK20" s="226"/>
      <c r="AL20" s="226"/>
      <c r="AM20" s="226"/>
      <c r="AN20" s="226"/>
      <c r="AO20" s="226"/>
      <c r="AP20" s="226"/>
      <c r="AQ20" s="226"/>
      <c r="AR20" s="226"/>
      <c r="AS20" s="226"/>
      <c r="AT20" s="226"/>
      <c r="AU20" s="226"/>
      <c r="AV20" s="226"/>
      <c r="AW20" s="226"/>
      <c r="AX20" s="226"/>
      <c r="AY20" s="226"/>
      <c r="AZ20" s="226"/>
      <c r="BA20" s="226"/>
      <c r="BB20" s="226"/>
      <c r="BC20" s="226"/>
      <c r="BD20" s="226"/>
      <c r="BE20" s="226"/>
      <c r="BF20" s="226"/>
      <c r="BG20" s="226"/>
      <c r="BH20" s="226"/>
      <c r="BI20" s="226"/>
      <c r="BJ20" s="226"/>
      <c r="BK20" s="226"/>
      <c r="BL20" s="226"/>
      <c r="BM20" s="226"/>
      <c r="BN20" s="226"/>
      <c r="BO20" s="226"/>
      <c r="BP20" s="226"/>
      <c r="BQ20" s="226"/>
      <c r="BR20" s="226"/>
      <c r="BS20" s="226"/>
      <c r="BT20" s="226"/>
      <c r="BU20" s="226"/>
      <c r="BV20" s="226"/>
      <c r="BW20" s="226"/>
      <c r="BX20" s="226"/>
      <c r="BY20" s="226"/>
      <c r="BZ20" s="226"/>
      <c r="CA20" s="226"/>
      <c r="CB20" s="226"/>
      <c r="CC20" s="226"/>
      <c r="CD20" s="226"/>
      <c r="CE20" s="226"/>
      <c r="CF20" s="226"/>
      <c r="CG20" s="226"/>
      <c r="CH20" s="226"/>
      <c r="CI20" s="226"/>
      <c r="CJ20" s="226"/>
      <c r="CK20" s="226"/>
      <c r="CL20" s="226"/>
      <c r="CM20" s="226"/>
      <c r="CN20" s="226"/>
      <c r="CO20" s="226"/>
      <c r="CP20" s="226"/>
      <c r="CQ20" s="226"/>
      <c r="CR20" s="226"/>
      <c r="CS20" s="226"/>
      <c r="CT20" s="226"/>
      <c r="CU20" s="226"/>
      <c r="CV20" s="226"/>
      <c r="CW20" s="226"/>
      <c r="CX20" s="226"/>
      <c r="CY20" s="226"/>
      <c r="CZ20" s="226"/>
      <c r="DA20" s="226"/>
      <c r="DB20" s="226"/>
      <c r="DC20" s="226"/>
      <c r="DD20" s="226"/>
      <c r="DE20" s="226"/>
      <c r="DF20" s="226"/>
      <c r="DG20" s="226"/>
      <c r="DH20" s="226"/>
      <c r="DI20" s="226"/>
      <c r="DJ20" s="226"/>
      <c r="DK20" s="226"/>
      <c r="DL20" s="226"/>
      <c r="DM20" s="226"/>
      <c r="DN20" s="226"/>
      <c r="DO20" s="226"/>
      <c r="DP20" s="226"/>
      <c r="DQ20" s="226"/>
      <c r="DR20" s="226"/>
      <c r="DS20" s="226"/>
      <c r="DT20" s="226"/>
      <c r="DU20" s="226"/>
      <c r="DV20" s="226"/>
      <c r="DW20" s="226"/>
      <c r="DX20" s="226"/>
      <c r="DY20" s="226"/>
      <c r="DZ20" s="226"/>
      <c r="EA20" s="226"/>
      <c r="EB20" s="226"/>
      <c r="EC20" s="226"/>
      <c r="ED20" s="226"/>
      <c r="EE20" s="226"/>
      <c r="EF20" s="226"/>
      <c r="EG20" s="226"/>
      <c r="EH20" s="226"/>
      <c r="EI20" s="226"/>
      <c r="EJ20" s="226"/>
      <c r="EK20" s="226"/>
      <c r="EL20" s="226"/>
      <c r="EM20" s="226"/>
      <c r="EN20" s="226"/>
      <c r="EO20" s="226"/>
      <c r="EP20" s="226"/>
      <c r="EQ20" s="226"/>
      <c r="ER20" s="226"/>
      <c r="ES20" s="226"/>
      <c r="ET20" s="226"/>
      <c r="EU20" s="226"/>
      <c r="EV20" s="226"/>
      <c r="EW20" s="226"/>
      <c r="EX20" s="226"/>
      <c r="EY20" s="226"/>
      <c r="EZ20" s="226"/>
      <c r="FA20" s="226"/>
      <c r="FB20" s="226"/>
      <c r="FC20" s="226"/>
      <c r="FD20" s="226"/>
      <c r="FE20" s="226"/>
      <c r="FF20" s="226"/>
      <c r="FG20" s="226"/>
      <c r="FH20" s="226"/>
      <c r="FI20" s="226"/>
      <c r="FJ20" s="226"/>
      <c r="FK20" s="226"/>
      <c r="FL20" s="226"/>
      <c r="FM20" s="226"/>
      <c r="FN20" s="226"/>
      <c r="FO20" s="226"/>
      <c r="FP20" s="226"/>
      <c r="FQ20" s="226"/>
      <c r="FR20" s="226"/>
      <c r="FS20" s="226"/>
      <c r="FT20" s="226"/>
      <c r="FU20" s="226"/>
      <c r="FV20" s="226"/>
      <c r="FW20" s="226"/>
      <c r="FX20" s="226"/>
      <c r="FY20" s="226"/>
      <c r="FZ20" s="226"/>
      <c r="GA20" s="226"/>
      <c r="GB20" s="226"/>
      <c r="GC20" s="226"/>
      <c r="GD20" s="226"/>
      <c r="GE20" s="226"/>
      <c r="GF20" s="226"/>
      <c r="GG20" s="226"/>
      <c r="GH20" s="226"/>
      <c r="GI20" s="226"/>
      <c r="GJ20" s="226"/>
      <c r="GK20" s="226"/>
    </row>
    <row r="21" spans="1:193" s="227" customFormat="1" ht="49.5" customHeight="1">
      <c r="A21" s="454" t="s">
        <v>371</v>
      </c>
      <c r="B21" s="222" t="s">
        <v>363</v>
      </c>
      <c r="C21" s="457" t="s">
        <v>372</v>
      </c>
      <c r="D21" s="458"/>
      <c r="E21" s="232"/>
      <c r="F21" s="233" t="s">
        <v>344</v>
      </c>
      <c r="G21" s="234"/>
      <c r="H21" s="226"/>
      <c r="I21" s="226"/>
      <c r="J21" s="226"/>
      <c r="K21" s="226"/>
      <c r="L21" s="226"/>
      <c r="M21" s="226"/>
      <c r="N21" s="226"/>
      <c r="O21" s="226"/>
      <c r="P21" s="226"/>
      <c r="Q21" s="226"/>
      <c r="R21" s="226"/>
      <c r="S21" s="226"/>
      <c r="T21" s="226"/>
      <c r="U21" s="226"/>
      <c r="V21" s="226"/>
      <c r="W21" s="226"/>
      <c r="X21" s="226"/>
      <c r="Y21" s="226"/>
      <c r="Z21" s="226"/>
      <c r="AA21" s="226"/>
      <c r="AB21" s="226"/>
      <c r="AC21" s="226"/>
      <c r="AD21" s="226"/>
      <c r="AE21" s="226"/>
      <c r="AF21" s="226"/>
      <c r="AG21" s="226"/>
      <c r="AH21" s="226"/>
      <c r="AI21" s="226"/>
      <c r="AJ21" s="226"/>
      <c r="AK21" s="226"/>
      <c r="AL21" s="226"/>
      <c r="AM21" s="226"/>
      <c r="AN21" s="226"/>
      <c r="AO21" s="226"/>
      <c r="AP21" s="226"/>
      <c r="AQ21" s="226"/>
      <c r="AR21" s="226"/>
      <c r="AS21" s="226"/>
      <c r="AT21" s="226"/>
      <c r="AU21" s="226"/>
      <c r="AV21" s="226"/>
      <c r="AW21" s="226"/>
      <c r="AX21" s="226"/>
      <c r="AY21" s="226"/>
      <c r="AZ21" s="226"/>
      <c r="BA21" s="226"/>
      <c r="BB21" s="226"/>
      <c r="BC21" s="226"/>
      <c r="BD21" s="226"/>
      <c r="BE21" s="226"/>
      <c r="BF21" s="226"/>
      <c r="BG21" s="226"/>
      <c r="BH21" s="226"/>
      <c r="BI21" s="226"/>
      <c r="BJ21" s="226"/>
      <c r="BK21" s="226"/>
      <c r="BL21" s="226"/>
      <c r="BM21" s="226"/>
      <c r="BN21" s="226"/>
      <c r="BO21" s="226"/>
      <c r="BP21" s="226"/>
      <c r="BQ21" s="226"/>
      <c r="BR21" s="226"/>
      <c r="BS21" s="226"/>
      <c r="BT21" s="226"/>
      <c r="BU21" s="226"/>
      <c r="BV21" s="226"/>
      <c r="BW21" s="226"/>
      <c r="BX21" s="226"/>
      <c r="BY21" s="226"/>
      <c r="BZ21" s="226"/>
      <c r="CA21" s="226"/>
      <c r="CB21" s="226"/>
      <c r="CC21" s="226"/>
      <c r="CD21" s="226"/>
      <c r="CE21" s="226"/>
      <c r="CF21" s="226"/>
      <c r="CG21" s="226"/>
      <c r="CH21" s="226"/>
      <c r="CI21" s="226"/>
      <c r="CJ21" s="226"/>
      <c r="CK21" s="226"/>
      <c r="CL21" s="226"/>
      <c r="CM21" s="226"/>
      <c r="CN21" s="226"/>
      <c r="CO21" s="226"/>
      <c r="CP21" s="226"/>
      <c r="CQ21" s="226"/>
      <c r="CR21" s="226"/>
      <c r="CS21" s="226"/>
      <c r="CT21" s="226"/>
      <c r="CU21" s="226"/>
      <c r="CV21" s="226"/>
      <c r="CW21" s="226"/>
      <c r="CX21" s="226"/>
      <c r="CY21" s="226"/>
      <c r="CZ21" s="226"/>
      <c r="DA21" s="226"/>
      <c r="DB21" s="226"/>
      <c r="DC21" s="226"/>
      <c r="DD21" s="226"/>
      <c r="DE21" s="226"/>
      <c r="DF21" s="226"/>
      <c r="DG21" s="226"/>
      <c r="DH21" s="226"/>
      <c r="DI21" s="226"/>
      <c r="DJ21" s="226"/>
      <c r="DK21" s="226"/>
      <c r="DL21" s="226"/>
      <c r="DM21" s="226"/>
      <c r="DN21" s="226"/>
      <c r="DO21" s="226"/>
      <c r="DP21" s="226"/>
      <c r="DQ21" s="226"/>
      <c r="DR21" s="226"/>
      <c r="DS21" s="226"/>
      <c r="DT21" s="226"/>
      <c r="DU21" s="226"/>
      <c r="DV21" s="226"/>
      <c r="DW21" s="226"/>
      <c r="DX21" s="226"/>
      <c r="DY21" s="226"/>
      <c r="DZ21" s="226"/>
      <c r="EA21" s="226"/>
      <c r="EB21" s="226"/>
      <c r="EC21" s="226"/>
      <c r="ED21" s="226"/>
      <c r="EE21" s="226"/>
      <c r="EF21" s="226"/>
      <c r="EG21" s="226"/>
      <c r="EH21" s="226"/>
      <c r="EI21" s="226"/>
      <c r="EJ21" s="226"/>
      <c r="EK21" s="226"/>
      <c r="EL21" s="226"/>
      <c r="EM21" s="226"/>
      <c r="EN21" s="226"/>
      <c r="EO21" s="226"/>
      <c r="EP21" s="226"/>
      <c r="EQ21" s="226"/>
      <c r="ER21" s="226"/>
      <c r="ES21" s="226"/>
      <c r="ET21" s="226"/>
      <c r="EU21" s="226"/>
      <c r="EV21" s="226"/>
      <c r="EW21" s="226"/>
      <c r="EX21" s="226"/>
      <c r="EY21" s="226"/>
      <c r="EZ21" s="226"/>
      <c r="FA21" s="226"/>
      <c r="FB21" s="226"/>
      <c r="FC21" s="226"/>
      <c r="FD21" s="226"/>
      <c r="FE21" s="226"/>
      <c r="FF21" s="226"/>
      <c r="FG21" s="226"/>
      <c r="FH21" s="226"/>
      <c r="FI21" s="226"/>
      <c r="FJ21" s="226"/>
      <c r="FK21" s="226"/>
      <c r="FL21" s="226"/>
      <c r="FM21" s="226"/>
      <c r="FN21" s="226"/>
      <c r="FO21" s="226"/>
      <c r="FP21" s="226"/>
      <c r="FQ21" s="226"/>
      <c r="FR21" s="226"/>
      <c r="FS21" s="226"/>
      <c r="FT21" s="226"/>
      <c r="FU21" s="226"/>
      <c r="FV21" s="226"/>
      <c r="FW21" s="226"/>
      <c r="FX21" s="226"/>
      <c r="FY21" s="226"/>
      <c r="FZ21" s="226"/>
      <c r="GA21" s="226"/>
      <c r="GB21" s="226"/>
      <c r="GC21" s="226"/>
      <c r="GD21" s="226"/>
      <c r="GE21" s="226"/>
      <c r="GF21" s="226"/>
      <c r="GG21" s="226"/>
      <c r="GH21" s="226"/>
      <c r="GI21" s="226"/>
      <c r="GJ21" s="226"/>
      <c r="GK21" s="226"/>
    </row>
    <row r="22" spans="1:193" s="227" customFormat="1" ht="66" customHeight="1">
      <c r="A22" s="455"/>
      <c r="B22" s="235"/>
      <c r="C22" s="459" t="s">
        <v>373</v>
      </c>
      <c r="D22" s="460"/>
      <c r="E22" s="223"/>
      <c r="F22" s="224" t="s">
        <v>344</v>
      </c>
      <c r="G22" s="225"/>
      <c r="H22" s="226"/>
      <c r="I22" s="226"/>
      <c r="J22" s="226"/>
      <c r="K22" s="226"/>
      <c r="L22" s="226"/>
      <c r="M22" s="226"/>
      <c r="N22" s="226"/>
      <c r="O22" s="226"/>
      <c r="P22" s="226"/>
      <c r="Q22" s="226"/>
      <c r="R22" s="226"/>
      <c r="S22" s="226"/>
      <c r="T22" s="226"/>
      <c r="U22" s="226"/>
      <c r="V22" s="226"/>
      <c r="W22" s="226"/>
      <c r="X22" s="226"/>
      <c r="Y22" s="226"/>
      <c r="Z22" s="226"/>
      <c r="AA22" s="226"/>
      <c r="AB22" s="226"/>
      <c r="AC22" s="226"/>
      <c r="AD22" s="226"/>
      <c r="AE22" s="226"/>
      <c r="AF22" s="226"/>
      <c r="AG22" s="226"/>
      <c r="AH22" s="226"/>
      <c r="AI22" s="226"/>
      <c r="AJ22" s="226"/>
      <c r="AK22" s="226"/>
      <c r="AL22" s="226"/>
      <c r="AM22" s="226"/>
      <c r="AN22" s="226"/>
      <c r="AO22" s="226"/>
      <c r="AP22" s="226"/>
      <c r="AQ22" s="226"/>
      <c r="AR22" s="226"/>
      <c r="AS22" s="226"/>
      <c r="AT22" s="226"/>
      <c r="AU22" s="226"/>
      <c r="AV22" s="226"/>
      <c r="AW22" s="226"/>
      <c r="AX22" s="226"/>
      <c r="AY22" s="226"/>
      <c r="AZ22" s="226"/>
      <c r="BA22" s="226"/>
      <c r="BB22" s="226"/>
      <c r="BC22" s="226"/>
      <c r="BD22" s="226"/>
      <c r="BE22" s="226"/>
      <c r="BF22" s="226"/>
      <c r="BG22" s="226"/>
      <c r="BH22" s="226"/>
      <c r="BI22" s="226"/>
      <c r="BJ22" s="226"/>
      <c r="BK22" s="226"/>
      <c r="BL22" s="226"/>
      <c r="BM22" s="226"/>
      <c r="BN22" s="226"/>
      <c r="BO22" s="226"/>
      <c r="BP22" s="226"/>
      <c r="BQ22" s="226"/>
      <c r="BR22" s="226"/>
      <c r="BS22" s="226"/>
      <c r="BT22" s="226"/>
      <c r="BU22" s="226"/>
      <c r="BV22" s="226"/>
      <c r="BW22" s="226"/>
      <c r="BX22" s="226"/>
      <c r="BY22" s="226"/>
      <c r="BZ22" s="226"/>
      <c r="CA22" s="226"/>
      <c r="CB22" s="226"/>
      <c r="CC22" s="226"/>
      <c r="CD22" s="226"/>
      <c r="CE22" s="226"/>
      <c r="CF22" s="226"/>
      <c r="CG22" s="226"/>
      <c r="CH22" s="226"/>
      <c r="CI22" s="226"/>
      <c r="CJ22" s="226"/>
      <c r="CK22" s="226"/>
      <c r="CL22" s="226"/>
      <c r="CM22" s="226"/>
      <c r="CN22" s="226"/>
      <c r="CO22" s="226"/>
      <c r="CP22" s="226"/>
      <c r="CQ22" s="226"/>
      <c r="CR22" s="226"/>
      <c r="CS22" s="226"/>
      <c r="CT22" s="226"/>
      <c r="CU22" s="226"/>
      <c r="CV22" s="226"/>
      <c r="CW22" s="226"/>
      <c r="CX22" s="226"/>
      <c r="CY22" s="226"/>
      <c r="CZ22" s="226"/>
      <c r="DA22" s="226"/>
      <c r="DB22" s="226"/>
      <c r="DC22" s="226"/>
      <c r="DD22" s="226"/>
      <c r="DE22" s="226"/>
      <c r="DF22" s="226"/>
      <c r="DG22" s="226"/>
      <c r="DH22" s="226"/>
      <c r="DI22" s="226"/>
      <c r="DJ22" s="226"/>
      <c r="DK22" s="226"/>
      <c r="DL22" s="226"/>
      <c r="DM22" s="226"/>
      <c r="DN22" s="226"/>
      <c r="DO22" s="226"/>
      <c r="DP22" s="226"/>
      <c r="DQ22" s="226"/>
      <c r="DR22" s="226"/>
      <c r="DS22" s="226"/>
      <c r="DT22" s="226"/>
      <c r="DU22" s="226"/>
      <c r="DV22" s="226"/>
      <c r="DW22" s="226"/>
      <c r="DX22" s="226"/>
      <c r="DY22" s="226"/>
      <c r="DZ22" s="226"/>
      <c r="EA22" s="226"/>
      <c r="EB22" s="226"/>
      <c r="EC22" s="226"/>
      <c r="ED22" s="226"/>
      <c r="EE22" s="226"/>
      <c r="EF22" s="226"/>
      <c r="EG22" s="226"/>
      <c r="EH22" s="226"/>
      <c r="EI22" s="226"/>
      <c r="EJ22" s="226"/>
      <c r="EK22" s="226"/>
      <c r="EL22" s="226"/>
      <c r="EM22" s="226"/>
      <c r="EN22" s="226"/>
      <c r="EO22" s="226"/>
      <c r="EP22" s="226"/>
      <c r="EQ22" s="226"/>
      <c r="ER22" s="226"/>
      <c r="ES22" s="226"/>
      <c r="ET22" s="226"/>
      <c r="EU22" s="226"/>
      <c r="EV22" s="226"/>
      <c r="EW22" s="226"/>
      <c r="EX22" s="226"/>
      <c r="EY22" s="226"/>
      <c r="EZ22" s="226"/>
      <c r="FA22" s="226"/>
      <c r="FB22" s="226"/>
      <c r="FC22" s="226"/>
      <c r="FD22" s="226"/>
      <c r="FE22" s="226"/>
      <c r="FF22" s="226"/>
      <c r="FG22" s="226"/>
      <c r="FH22" s="226"/>
      <c r="FI22" s="226"/>
      <c r="FJ22" s="226"/>
      <c r="FK22" s="226"/>
      <c r="FL22" s="226"/>
      <c r="FM22" s="226"/>
      <c r="FN22" s="226"/>
      <c r="FO22" s="226"/>
      <c r="FP22" s="226"/>
      <c r="FQ22" s="226"/>
      <c r="FR22" s="226"/>
      <c r="FS22" s="226"/>
      <c r="FT22" s="226"/>
      <c r="FU22" s="226"/>
      <c r="FV22" s="226"/>
      <c r="FW22" s="226"/>
      <c r="FX22" s="226"/>
      <c r="FY22" s="226"/>
      <c r="FZ22" s="226"/>
      <c r="GA22" s="226"/>
      <c r="GB22" s="226"/>
      <c r="GC22" s="226"/>
      <c r="GD22" s="226"/>
      <c r="GE22" s="226"/>
      <c r="GF22" s="226"/>
      <c r="GG22" s="226"/>
      <c r="GH22" s="226"/>
      <c r="GI22" s="226"/>
      <c r="GJ22" s="226"/>
      <c r="GK22" s="226"/>
    </row>
    <row r="23" spans="1:193" s="227" customFormat="1" ht="49.5" customHeight="1">
      <c r="A23" s="455"/>
      <c r="B23" s="235"/>
      <c r="C23" s="459" t="s">
        <v>374</v>
      </c>
      <c r="D23" s="460"/>
      <c r="E23" s="223"/>
      <c r="F23" s="224" t="s">
        <v>344</v>
      </c>
      <c r="G23" s="225"/>
      <c r="H23" s="226"/>
      <c r="I23" s="226"/>
      <c r="J23" s="226"/>
      <c r="K23" s="226"/>
      <c r="L23" s="226"/>
      <c r="M23" s="226"/>
      <c r="N23" s="226"/>
      <c r="O23" s="226"/>
      <c r="P23" s="226"/>
      <c r="Q23" s="226"/>
      <c r="R23" s="226"/>
      <c r="S23" s="226"/>
      <c r="T23" s="226"/>
      <c r="U23" s="226"/>
      <c r="V23" s="226"/>
      <c r="W23" s="226"/>
      <c r="X23" s="226"/>
      <c r="Y23" s="226"/>
      <c r="Z23" s="226"/>
      <c r="AA23" s="226"/>
      <c r="AB23" s="226"/>
      <c r="AC23" s="226"/>
      <c r="AD23" s="226"/>
      <c r="AE23" s="226"/>
      <c r="AF23" s="226"/>
      <c r="AG23" s="226"/>
      <c r="AH23" s="226"/>
      <c r="AI23" s="226"/>
      <c r="AJ23" s="226"/>
      <c r="AK23" s="226"/>
      <c r="AL23" s="226"/>
      <c r="AM23" s="226"/>
      <c r="AN23" s="226"/>
      <c r="AO23" s="226"/>
      <c r="AP23" s="226"/>
      <c r="AQ23" s="226"/>
      <c r="AR23" s="226"/>
      <c r="AS23" s="226"/>
      <c r="AT23" s="226"/>
      <c r="AU23" s="226"/>
      <c r="AV23" s="226"/>
      <c r="AW23" s="226"/>
      <c r="AX23" s="226"/>
      <c r="AY23" s="226"/>
      <c r="AZ23" s="226"/>
      <c r="BA23" s="226"/>
      <c r="BB23" s="226"/>
      <c r="BC23" s="226"/>
      <c r="BD23" s="226"/>
      <c r="BE23" s="226"/>
      <c r="BF23" s="226"/>
      <c r="BG23" s="226"/>
      <c r="BH23" s="226"/>
      <c r="BI23" s="226"/>
      <c r="BJ23" s="226"/>
      <c r="BK23" s="226"/>
      <c r="BL23" s="226"/>
      <c r="BM23" s="226"/>
      <c r="BN23" s="226"/>
      <c r="BO23" s="226"/>
      <c r="BP23" s="226"/>
      <c r="BQ23" s="226"/>
      <c r="BR23" s="226"/>
      <c r="BS23" s="226"/>
      <c r="BT23" s="226"/>
      <c r="BU23" s="226"/>
      <c r="BV23" s="226"/>
      <c r="BW23" s="226"/>
      <c r="BX23" s="226"/>
      <c r="BY23" s="226"/>
      <c r="BZ23" s="226"/>
      <c r="CA23" s="226"/>
      <c r="CB23" s="226"/>
      <c r="CC23" s="226"/>
      <c r="CD23" s="226"/>
      <c r="CE23" s="226"/>
      <c r="CF23" s="226"/>
      <c r="CG23" s="226"/>
      <c r="CH23" s="226"/>
      <c r="CI23" s="226"/>
      <c r="CJ23" s="226"/>
      <c r="CK23" s="226"/>
      <c r="CL23" s="226"/>
      <c r="CM23" s="226"/>
      <c r="CN23" s="226"/>
      <c r="CO23" s="226"/>
      <c r="CP23" s="226"/>
      <c r="CQ23" s="226"/>
      <c r="CR23" s="226"/>
      <c r="CS23" s="226"/>
      <c r="CT23" s="226"/>
      <c r="CU23" s="226"/>
      <c r="CV23" s="226"/>
      <c r="CW23" s="226"/>
      <c r="CX23" s="226"/>
      <c r="CY23" s="226"/>
      <c r="CZ23" s="226"/>
      <c r="DA23" s="226"/>
      <c r="DB23" s="226"/>
      <c r="DC23" s="226"/>
      <c r="DD23" s="226"/>
      <c r="DE23" s="226"/>
      <c r="DF23" s="226"/>
      <c r="DG23" s="226"/>
      <c r="DH23" s="226"/>
      <c r="DI23" s="226"/>
      <c r="DJ23" s="226"/>
      <c r="DK23" s="226"/>
      <c r="DL23" s="226"/>
      <c r="DM23" s="226"/>
      <c r="DN23" s="226"/>
      <c r="DO23" s="226"/>
      <c r="DP23" s="226"/>
      <c r="DQ23" s="226"/>
      <c r="DR23" s="226"/>
      <c r="DS23" s="226"/>
      <c r="DT23" s="226"/>
      <c r="DU23" s="226"/>
      <c r="DV23" s="226"/>
      <c r="DW23" s="226"/>
      <c r="DX23" s="226"/>
      <c r="DY23" s="226"/>
      <c r="DZ23" s="226"/>
      <c r="EA23" s="226"/>
      <c r="EB23" s="226"/>
      <c r="EC23" s="226"/>
      <c r="ED23" s="226"/>
      <c r="EE23" s="226"/>
      <c r="EF23" s="226"/>
      <c r="EG23" s="226"/>
      <c r="EH23" s="226"/>
      <c r="EI23" s="226"/>
      <c r="EJ23" s="226"/>
      <c r="EK23" s="226"/>
      <c r="EL23" s="226"/>
      <c r="EM23" s="226"/>
      <c r="EN23" s="226"/>
      <c r="EO23" s="226"/>
      <c r="EP23" s="226"/>
      <c r="EQ23" s="226"/>
      <c r="ER23" s="226"/>
      <c r="ES23" s="226"/>
      <c r="ET23" s="226"/>
      <c r="EU23" s="226"/>
      <c r="EV23" s="226"/>
      <c r="EW23" s="226"/>
      <c r="EX23" s="226"/>
      <c r="EY23" s="226"/>
      <c r="EZ23" s="226"/>
      <c r="FA23" s="226"/>
      <c r="FB23" s="226"/>
      <c r="FC23" s="226"/>
      <c r="FD23" s="226"/>
      <c r="FE23" s="226"/>
      <c r="FF23" s="226"/>
      <c r="FG23" s="226"/>
      <c r="FH23" s="226"/>
      <c r="FI23" s="226"/>
      <c r="FJ23" s="226"/>
      <c r="FK23" s="226"/>
      <c r="FL23" s="226"/>
      <c r="FM23" s="226"/>
      <c r="FN23" s="226"/>
      <c r="FO23" s="226"/>
      <c r="FP23" s="226"/>
      <c r="FQ23" s="226"/>
      <c r="FR23" s="226"/>
      <c r="FS23" s="226"/>
      <c r="FT23" s="226"/>
      <c r="FU23" s="226"/>
      <c r="FV23" s="226"/>
      <c r="FW23" s="226"/>
      <c r="FX23" s="226"/>
      <c r="FY23" s="226"/>
      <c r="FZ23" s="226"/>
      <c r="GA23" s="226"/>
      <c r="GB23" s="226"/>
      <c r="GC23" s="226"/>
      <c r="GD23" s="226"/>
      <c r="GE23" s="226"/>
      <c r="GF23" s="226"/>
      <c r="GG23" s="226"/>
      <c r="GH23" s="226"/>
      <c r="GI23" s="226"/>
      <c r="GJ23" s="226"/>
      <c r="GK23" s="226"/>
    </row>
    <row r="24" spans="1:193" s="227" customFormat="1" ht="49.5" customHeight="1">
      <c r="A24" s="456"/>
      <c r="B24" s="228"/>
      <c r="C24" s="461" t="s">
        <v>375</v>
      </c>
      <c r="D24" s="462"/>
      <c r="E24" s="236"/>
      <c r="F24" s="237" t="s">
        <v>344</v>
      </c>
      <c r="G24" s="238"/>
      <c r="H24" s="226"/>
      <c r="I24" s="226"/>
      <c r="J24" s="226"/>
      <c r="K24" s="226"/>
      <c r="L24" s="226"/>
      <c r="M24" s="226"/>
      <c r="N24" s="226"/>
      <c r="O24" s="226"/>
      <c r="P24" s="226"/>
      <c r="Q24" s="226"/>
      <c r="R24" s="226"/>
      <c r="S24" s="226"/>
      <c r="T24" s="226"/>
      <c r="U24" s="226"/>
      <c r="V24" s="226"/>
      <c r="W24" s="226"/>
      <c r="X24" s="226"/>
      <c r="Y24" s="226"/>
      <c r="Z24" s="226"/>
      <c r="AA24" s="226"/>
      <c r="AB24" s="226"/>
      <c r="AC24" s="226"/>
      <c r="AD24" s="226"/>
      <c r="AE24" s="226"/>
      <c r="AF24" s="226"/>
      <c r="AG24" s="226"/>
      <c r="AH24" s="226"/>
      <c r="AI24" s="226"/>
      <c r="AJ24" s="226"/>
      <c r="AK24" s="226"/>
      <c r="AL24" s="226"/>
      <c r="AM24" s="226"/>
      <c r="AN24" s="226"/>
      <c r="AO24" s="226"/>
      <c r="AP24" s="226"/>
      <c r="AQ24" s="226"/>
      <c r="AR24" s="226"/>
      <c r="AS24" s="226"/>
      <c r="AT24" s="226"/>
      <c r="AU24" s="226"/>
      <c r="AV24" s="226"/>
      <c r="AW24" s="226"/>
      <c r="AX24" s="226"/>
      <c r="AY24" s="226"/>
      <c r="AZ24" s="226"/>
      <c r="BA24" s="226"/>
      <c r="BB24" s="226"/>
      <c r="BC24" s="226"/>
      <c r="BD24" s="226"/>
      <c r="BE24" s="226"/>
      <c r="BF24" s="226"/>
      <c r="BG24" s="226"/>
      <c r="BH24" s="226"/>
      <c r="BI24" s="226"/>
      <c r="BJ24" s="226"/>
      <c r="BK24" s="226"/>
      <c r="BL24" s="226"/>
      <c r="BM24" s="226"/>
      <c r="BN24" s="226"/>
      <c r="BO24" s="226"/>
      <c r="BP24" s="226"/>
      <c r="BQ24" s="226"/>
      <c r="BR24" s="226"/>
      <c r="BS24" s="226"/>
      <c r="BT24" s="226"/>
      <c r="BU24" s="226"/>
      <c r="BV24" s="226"/>
      <c r="BW24" s="226"/>
      <c r="BX24" s="226"/>
      <c r="BY24" s="226"/>
      <c r="BZ24" s="226"/>
      <c r="CA24" s="226"/>
      <c r="CB24" s="226"/>
      <c r="CC24" s="226"/>
      <c r="CD24" s="226"/>
      <c r="CE24" s="226"/>
      <c r="CF24" s="226"/>
      <c r="CG24" s="226"/>
      <c r="CH24" s="226"/>
      <c r="CI24" s="226"/>
      <c r="CJ24" s="226"/>
      <c r="CK24" s="226"/>
      <c r="CL24" s="226"/>
      <c r="CM24" s="226"/>
      <c r="CN24" s="226"/>
      <c r="CO24" s="226"/>
      <c r="CP24" s="226"/>
      <c r="CQ24" s="226"/>
      <c r="CR24" s="226"/>
      <c r="CS24" s="226"/>
      <c r="CT24" s="226"/>
      <c r="CU24" s="226"/>
      <c r="CV24" s="226"/>
      <c r="CW24" s="226"/>
      <c r="CX24" s="226"/>
      <c r="CY24" s="226"/>
      <c r="CZ24" s="226"/>
      <c r="DA24" s="226"/>
      <c r="DB24" s="226"/>
      <c r="DC24" s="226"/>
      <c r="DD24" s="226"/>
      <c r="DE24" s="226"/>
      <c r="DF24" s="226"/>
      <c r="DG24" s="226"/>
      <c r="DH24" s="226"/>
      <c r="DI24" s="226"/>
      <c r="DJ24" s="226"/>
      <c r="DK24" s="226"/>
      <c r="DL24" s="226"/>
      <c r="DM24" s="226"/>
      <c r="DN24" s="226"/>
      <c r="DO24" s="226"/>
      <c r="DP24" s="226"/>
      <c r="DQ24" s="226"/>
      <c r="DR24" s="226"/>
      <c r="DS24" s="226"/>
      <c r="DT24" s="226"/>
      <c r="DU24" s="226"/>
      <c r="DV24" s="226"/>
      <c r="DW24" s="226"/>
      <c r="DX24" s="226"/>
      <c r="DY24" s="226"/>
      <c r="DZ24" s="226"/>
      <c r="EA24" s="226"/>
      <c r="EB24" s="226"/>
      <c r="EC24" s="226"/>
      <c r="ED24" s="226"/>
      <c r="EE24" s="226"/>
      <c r="EF24" s="226"/>
      <c r="EG24" s="226"/>
      <c r="EH24" s="226"/>
      <c r="EI24" s="226"/>
      <c r="EJ24" s="226"/>
      <c r="EK24" s="226"/>
      <c r="EL24" s="226"/>
      <c r="EM24" s="226"/>
      <c r="EN24" s="226"/>
      <c r="EO24" s="226"/>
      <c r="EP24" s="226"/>
      <c r="EQ24" s="226"/>
      <c r="ER24" s="226"/>
      <c r="ES24" s="226"/>
      <c r="ET24" s="226"/>
      <c r="EU24" s="226"/>
      <c r="EV24" s="226"/>
      <c r="EW24" s="226"/>
      <c r="EX24" s="226"/>
      <c r="EY24" s="226"/>
      <c r="EZ24" s="226"/>
      <c r="FA24" s="226"/>
      <c r="FB24" s="226"/>
      <c r="FC24" s="226"/>
      <c r="FD24" s="226"/>
      <c r="FE24" s="226"/>
      <c r="FF24" s="226"/>
      <c r="FG24" s="226"/>
      <c r="FH24" s="226"/>
      <c r="FI24" s="226"/>
      <c r="FJ24" s="226"/>
      <c r="FK24" s="226"/>
      <c r="FL24" s="226"/>
      <c r="FM24" s="226"/>
      <c r="FN24" s="226"/>
      <c r="FO24" s="226"/>
      <c r="FP24" s="226"/>
      <c r="FQ24" s="226"/>
      <c r="FR24" s="226"/>
      <c r="FS24" s="226"/>
      <c r="FT24" s="226"/>
      <c r="FU24" s="226"/>
      <c r="FV24" s="226"/>
      <c r="FW24" s="226"/>
      <c r="FX24" s="226"/>
      <c r="FY24" s="226"/>
      <c r="FZ24" s="226"/>
      <c r="GA24" s="226"/>
      <c r="GB24" s="226"/>
      <c r="GC24" s="226"/>
      <c r="GD24" s="226"/>
      <c r="GE24" s="226"/>
      <c r="GF24" s="226"/>
      <c r="GG24" s="226"/>
      <c r="GH24" s="226"/>
      <c r="GI24" s="226"/>
      <c r="GJ24" s="226"/>
      <c r="GK24" s="226"/>
    </row>
    <row r="25" spans="1:193" s="227" customFormat="1" ht="15" customHeight="1">
      <c r="A25" s="463" t="s">
        <v>376</v>
      </c>
      <c r="B25" s="248" t="s">
        <v>363</v>
      </c>
      <c r="C25" s="457" t="s">
        <v>377</v>
      </c>
      <c r="D25" s="458"/>
      <c r="E25" s="249"/>
      <c r="F25" s="233" t="s">
        <v>344</v>
      </c>
      <c r="G25" s="234"/>
      <c r="H25" s="226"/>
      <c r="I25" s="226"/>
      <c r="J25" s="226"/>
      <c r="K25" s="226"/>
      <c r="L25" s="226"/>
      <c r="M25" s="226"/>
      <c r="N25" s="226"/>
      <c r="O25" s="226"/>
      <c r="P25" s="226"/>
      <c r="Q25" s="226"/>
      <c r="R25" s="226"/>
      <c r="S25" s="226"/>
      <c r="T25" s="226"/>
      <c r="U25" s="226"/>
      <c r="V25" s="226"/>
      <c r="W25" s="226"/>
      <c r="X25" s="226"/>
      <c r="Y25" s="226"/>
      <c r="Z25" s="226"/>
      <c r="AA25" s="226"/>
      <c r="AB25" s="226"/>
      <c r="AC25" s="226"/>
      <c r="AD25" s="226"/>
      <c r="AE25" s="226"/>
      <c r="AF25" s="226"/>
      <c r="AG25" s="226"/>
      <c r="AH25" s="226"/>
      <c r="AI25" s="226"/>
      <c r="AJ25" s="226"/>
      <c r="AK25" s="226"/>
      <c r="AL25" s="226"/>
      <c r="AM25" s="226"/>
      <c r="AN25" s="226"/>
      <c r="AO25" s="226"/>
      <c r="AP25" s="226"/>
      <c r="AQ25" s="226"/>
      <c r="AR25" s="226"/>
      <c r="AS25" s="226"/>
      <c r="AT25" s="226"/>
      <c r="AU25" s="226"/>
      <c r="AV25" s="226"/>
      <c r="AW25" s="226"/>
      <c r="AX25" s="226"/>
      <c r="AY25" s="226"/>
      <c r="AZ25" s="226"/>
      <c r="BA25" s="226"/>
      <c r="BB25" s="226"/>
      <c r="BC25" s="226"/>
      <c r="BD25" s="226"/>
      <c r="BE25" s="226"/>
      <c r="BF25" s="226"/>
      <c r="BG25" s="226"/>
      <c r="BH25" s="226"/>
      <c r="BI25" s="226"/>
      <c r="BJ25" s="226"/>
      <c r="BK25" s="226"/>
      <c r="BL25" s="226"/>
      <c r="BM25" s="226"/>
      <c r="BN25" s="226"/>
      <c r="BO25" s="226"/>
      <c r="BP25" s="226"/>
      <c r="BQ25" s="226"/>
      <c r="BR25" s="226"/>
      <c r="BS25" s="226"/>
      <c r="BT25" s="226"/>
      <c r="BU25" s="226"/>
      <c r="BV25" s="226"/>
      <c r="BW25" s="226"/>
      <c r="BX25" s="226"/>
      <c r="BY25" s="226"/>
      <c r="BZ25" s="226"/>
      <c r="CA25" s="226"/>
      <c r="CB25" s="226"/>
      <c r="CC25" s="226"/>
      <c r="CD25" s="226"/>
      <c r="CE25" s="226"/>
      <c r="CF25" s="226"/>
      <c r="CG25" s="226"/>
      <c r="CH25" s="226"/>
      <c r="CI25" s="226"/>
      <c r="CJ25" s="226"/>
      <c r="CK25" s="226"/>
      <c r="CL25" s="226"/>
      <c r="CM25" s="226"/>
      <c r="CN25" s="226"/>
      <c r="CO25" s="226"/>
      <c r="CP25" s="226"/>
      <c r="CQ25" s="226"/>
      <c r="CR25" s="226"/>
      <c r="CS25" s="226"/>
      <c r="CT25" s="226"/>
      <c r="CU25" s="226"/>
      <c r="CV25" s="226"/>
      <c r="CW25" s="226"/>
      <c r="CX25" s="226"/>
      <c r="CY25" s="226"/>
      <c r="CZ25" s="226"/>
      <c r="DA25" s="226"/>
      <c r="DB25" s="226"/>
      <c r="DC25" s="226"/>
      <c r="DD25" s="226"/>
      <c r="DE25" s="226"/>
      <c r="DF25" s="226"/>
      <c r="DG25" s="226"/>
      <c r="DH25" s="226"/>
      <c r="DI25" s="226"/>
      <c r="DJ25" s="226"/>
      <c r="DK25" s="226"/>
      <c r="DL25" s="226"/>
      <c r="DM25" s="226"/>
      <c r="DN25" s="226"/>
      <c r="DO25" s="226"/>
      <c r="DP25" s="226"/>
      <c r="DQ25" s="226"/>
      <c r="DR25" s="226"/>
      <c r="DS25" s="226"/>
      <c r="DT25" s="226"/>
      <c r="DU25" s="226"/>
      <c r="DV25" s="226"/>
      <c r="DW25" s="226"/>
      <c r="DX25" s="226"/>
      <c r="DY25" s="226"/>
      <c r="DZ25" s="226"/>
      <c r="EA25" s="226"/>
      <c r="EB25" s="226"/>
      <c r="EC25" s="226"/>
      <c r="ED25" s="226"/>
      <c r="EE25" s="226"/>
      <c r="EF25" s="226"/>
      <c r="EG25" s="226"/>
      <c r="EH25" s="226"/>
      <c r="EI25" s="226"/>
      <c r="EJ25" s="226"/>
      <c r="EK25" s="226"/>
      <c r="EL25" s="226"/>
      <c r="EM25" s="226"/>
      <c r="EN25" s="226"/>
      <c r="EO25" s="226"/>
      <c r="EP25" s="226"/>
      <c r="EQ25" s="226"/>
      <c r="ER25" s="226"/>
      <c r="ES25" s="226"/>
      <c r="ET25" s="226"/>
      <c r="EU25" s="226"/>
      <c r="EV25" s="226"/>
      <c r="EW25" s="226"/>
      <c r="EX25" s="226"/>
      <c r="EY25" s="226"/>
      <c r="EZ25" s="226"/>
      <c r="FA25" s="226"/>
      <c r="FB25" s="226"/>
      <c r="FC25" s="226"/>
      <c r="FD25" s="226"/>
      <c r="FE25" s="226"/>
      <c r="FF25" s="226"/>
      <c r="FG25" s="226"/>
      <c r="FH25" s="226"/>
      <c r="FI25" s="226"/>
      <c r="FJ25" s="226"/>
      <c r="FK25" s="226"/>
      <c r="FL25" s="226"/>
      <c r="FM25" s="226"/>
      <c r="FN25" s="226"/>
      <c r="FO25" s="226"/>
      <c r="FP25" s="226"/>
      <c r="FQ25" s="226"/>
      <c r="FR25" s="226"/>
      <c r="FS25" s="226"/>
      <c r="FT25" s="226"/>
      <c r="FU25" s="226"/>
      <c r="FV25" s="226"/>
      <c r="FW25" s="226"/>
      <c r="FX25" s="226"/>
      <c r="FY25" s="226"/>
      <c r="FZ25" s="226"/>
      <c r="GA25" s="226"/>
      <c r="GB25" s="226"/>
      <c r="GC25" s="226"/>
      <c r="GD25" s="226"/>
      <c r="GE25" s="226"/>
      <c r="GF25" s="226"/>
      <c r="GG25" s="226"/>
      <c r="GH25" s="226"/>
      <c r="GI25" s="226"/>
      <c r="GJ25" s="226"/>
      <c r="GK25" s="226"/>
    </row>
    <row r="26" spans="1:193" s="227" customFormat="1" ht="49.5" customHeight="1">
      <c r="A26" s="455"/>
      <c r="B26" s="235"/>
      <c r="C26" s="476" t="s">
        <v>378</v>
      </c>
      <c r="D26" s="477"/>
      <c r="E26" s="239"/>
      <c r="F26" s="240" t="s">
        <v>344</v>
      </c>
      <c r="G26" s="241"/>
      <c r="H26" s="226"/>
      <c r="I26" s="226"/>
      <c r="J26" s="226"/>
      <c r="K26" s="226"/>
      <c r="L26" s="226"/>
      <c r="M26" s="226"/>
      <c r="N26" s="226"/>
      <c r="O26" s="226"/>
      <c r="P26" s="226"/>
      <c r="Q26" s="226"/>
      <c r="R26" s="226"/>
      <c r="S26" s="226"/>
      <c r="T26" s="226"/>
      <c r="U26" s="226"/>
      <c r="V26" s="226"/>
      <c r="W26" s="226"/>
      <c r="X26" s="226"/>
      <c r="Y26" s="226"/>
      <c r="Z26" s="226"/>
      <c r="AA26" s="226"/>
      <c r="AB26" s="226"/>
      <c r="AC26" s="226"/>
      <c r="AD26" s="226"/>
      <c r="AE26" s="226"/>
      <c r="AF26" s="226"/>
      <c r="AG26" s="226"/>
      <c r="AH26" s="226"/>
      <c r="AI26" s="226"/>
      <c r="AJ26" s="226"/>
      <c r="AK26" s="226"/>
      <c r="AL26" s="226"/>
      <c r="AM26" s="226"/>
      <c r="AN26" s="226"/>
      <c r="AO26" s="226"/>
      <c r="AP26" s="226"/>
      <c r="AQ26" s="226"/>
      <c r="AR26" s="226"/>
      <c r="AS26" s="226"/>
      <c r="AT26" s="226"/>
      <c r="AU26" s="226"/>
      <c r="AV26" s="226"/>
      <c r="AW26" s="226"/>
      <c r="AX26" s="226"/>
      <c r="AY26" s="226"/>
      <c r="AZ26" s="226"/>
      <c r="BA26" s="226"/>
      <c r="BB26" s="226"/>
      <c r="BC26" s="226"/>
      <c r="BD26" s="226"/>
      <c r="BE26" s="226"/>
      <c r="BF26" s="226"/>
      <c r="BG26" s="226"/>
      <c r="BH26" s="226"/>
      <c r="BI26" s="226"/>
      <c r="BJ26" s="226"/>
      <c r="BK26" s="226"/>
      <c r="BL26" s="226"/>
      <c r="BM26" s="226"/>
      <c r="BN26" s="226"/>
      <c r="BO26" s="226"/>
      <c r="BP26" s="226"/>
      <c r="BQ26" s="226"/>
      <c r="BR26" s="226"/>
      <c r="BS26" s="226"/>
      <c r="BT26" s="226"/>
      <c r="BU26" s="226"/>
      <c r="BV26" s="226"/>
      <c r="BW26" s="226"/>
      <c r="BX26" s="226"/>
      <c r="BY26" s="226"/>
      <c r="BZ26" s="226"/>
      <c r="CA26" s="226"/>
      <c r="CB26" s="226"/>
      <c r="CC26" s="226"/>
      <c r="CD26" s="226"/>
      <c r="CE26" s="226"/>
      <c r="CF26" s="226"/>
      <c r="CG26" s="226"/>
      <c r="CH26" s="226"/>
      <c r="CI26" s="226"/>
      <c r="CJ26" s="226"/>
      <c r="CK26" s="226"/>
      <c r="CL26" s="226"/>
      <c r="CM26" s="226"/>
      <c r="CN26" s="226"/>
      <c r="CO26" s="226"/>
      <c r="CP26" s="226"/>
      <c r="CQ26" s="226"/>
      <c r="CR26" s="226"/>
      <c r="CS26" s="226"/>
      <c r="CT26" s="226"/>
      <c r="CU26" s="226"/>
      <c r="CV26" s="226"/>
      <c r="CW26" s="226"/>
      <c r="CX26" s="226"/>
      <c r="CY26" s="226"/>
      <c r="CZ26" s="226"/>
      <c r="DA26" s="226"/>
      <c r="DB26" s="226"/>
      <c r="DC26" s="226"/>
      <c r="DD26" s="226"/>
      <c r="DE26" s="226"/>
      <c r="DF26" s="226"/>
      <c r="DG26" s="226"/>
      <c r="DH26" s="226"/>
      <c r="DI26" s="226"/>
      <c r="DJ26" s="226"/>
      <c r="DK26" s="226"/>
      <c r="DL26" s="226"/>
      <c r="DM26" s="226"/>
      <c r="DN26" s="226"/>
      <c r="DO26" s="226"/>
      <c r="DP26" s="226"/>
      <c r="DQ26" s="226"/>
      <c r="DR26" s="226"/>
      <c r="DS26" s="226"/>
      <c r="DT26" s="226"/>
      <c r="DU26" s="226"/>
      <c r="DV26" s="226"/>
      <c r="DW26" s="226"/>
      <c r="DX26" s="226"/>
      <c r="DY26" s="226"/>
      <c r="DZ26" s="226"/>
      <c r="EA26" s="226"/>
      <c r="EB26" s="226"/>
      <c r="EC26" s="226"/>
      <c r="ED26" s="226"/>
      <c r="EE26" s="226"/>
      <c r="EF26" s="226"/>
      <c r="EG26" s="226"/>
      <c r="EH26" s="226"/>
      <c r="EI26" s="226"/>
      <c r="EJ26" s="226"/>
      <c r="EK26" s="226"/>
      <c r="EL26" s="226"/>
      <c r="EM26" s="226"/>
      <c r="EN26" s="226"/>
      <c r="EO26" s="226"/>
      <c r="EP26" s="226"/>
      <c r="EQ26" s="226"/>
      <c r="ER26" s="226"/>
      <c r="ES26" s="226"/>
      <c r="ET26" s="226"/>
      <c r="EU26" s="226"/>
      <c r="EV26" s="226"/>
      <c r="EW26" s="226"/>
      <c r="EX26" s="226"/>
      <c r="EY26" s="226"/>
      <c r="EZ26" s="226"/>
      <c r="FA26" s="226"/>
      <c r="FB26" s="226"/>
      <c r="FC26" s="226"/>
      <c r="FD26" s="226"/>
      <c r="FE26" s="226"/>
      <c r="FF26" s="226"/>
      <c r="FG26" s="226"/>
      <c r="FH26" s="226"/>
      <c r="FI26" s="226"/>
      <c r="FJ26" s="226"/>
      <c r="FK26" s="226"/>
      <c r="FL26" s="226"/>
      <c r="FM26" s="226"/>
      <c r="FN26" s="226"/>
      <c r="FO26" s="226"/>
      <c r="FP26" s="226"/>
      <c r="FQ26" s="226"/>
      <c r="FR26" s="226"/>
      <c r="FS26" s="226"/>
      <c r="FT26" s="226"/>
      <c r="FU26" s="226"/>
      <c r="FV26" s="226"/>
      <c r="FW26" s="226"/>
      <c r="FX26" s="226"/>
      <c r="FY26" s="226"/>
      <c r="FZ26" s="226"/>
      <c r="GA26" s="226"/>
      <c r="GB26" s="226"/>
      <c r="GC26" s="226"/>
      <c r="GD26" s="226"/>
      <c r="GE26" s="226"/>
      <c r="GF26" s="226"/>
      <c r="GG26" s="226"/>
      <c r="GH26" s="226"/>
      <c r="GI26" s="226"/>
      <c r="GJ26" s="226"/>
      <c r="GK26" s="226"/>
    </row>
    <row r="27" spans="1:193" s="227" customFormat="1" ht="21.75" customHeight="1">
      <c r="A27" s="464"/>
      <c r="B27" s="228"/>
      <c r="C27" s="461" t="s">
        <v>379</v>
      </c>
      <c r="D27" s="462"/>
      <c r="E27" s="236"/>
      <c r="F27" s="237" t="s">
        <v>344</v>
      </c>
      <c r="G27" s="231"/>
      <c r="H27" s="226"/>
      <c r="I27" s="226"/>
      <c r="J27" s="226"/>
      <c r="K27" s="226"/>
      <c r="L27" s="226"/>
      <c r="M27" s="226"/>
      <c r="N27" s="226"/>
      <c r="O27" s="226"/>
      <c r="P27" s="226"/>
      <c r="Q27" s="226"/>
      <c r="R27" s="226"/>
      <c r="S27" s="226"/>
      <c r="T27" s="226"/>
      <c r="U27" s="226"/>
      <c r="V27" s="226"/>
      <c r="W27" s="226"/>
      <c r="X27" s="226"/>
      <c r="Y27" s="226"/>
      <c r="Z27" s="226"/>
      <c r="AA27" s="226"/>
      <c r="AB27" s="226"/>
      <c r="AC27" s="226"/>
      <c r="AD27" s="226"/>
      <c r="AE27" s="226"/>
      <c r="AF27" s="226"/>
      <c r="AG27" s="226"/>
      <c r="AH27" s="226"/>
      <c r="AI27" s="226"/>
      <c r="AJ27" s="226"/>
      <c r="AK27" s="226"/>
      <c r="AL27" s="226"/>
      <c r="AM27" s="226"/>
      <c r="AN27" s="226"/>
      <c r="AO27" s="226"/>
      <c r="AP27" s="226"/>
      <c r="AQ27" s="226"/>
      <c r="AR27" s="226"/>
      <c r="AS27" s="226"/>
      <c r="AT27" s="226"/>
      <c r="AU27" s="226"/>
      <c r="AV27" s="226"/>
      <c r="AW27" s="226"/>
      <c r="AX27" s="226"/>
      <c r="AY27" s="226"/>
      <c r="AZ27" s="226"/>
      <c r="BA27" s="226"/>
      <c r="BB27" s="226"/>
      <c r="BC27" s="226"/>
      <c r="BD27" s="226"/>
      <c r="BE27" s="226"/>
      <c r="BF27" s="226"/>
      <c r="BG27" s="226"/>
      <c r="BH27" s="226"/>
      <c r="BI27" s="226"/>
      <c r="BJ27" s="226"/>
      <c r="BK27" s="226"/>
      <c r="BL27" s="226"/>
      <c r="BM27" s="226"/>
      <c r="BN27" s="226"/>
      <c r="BO27" s="226"/>
      <c r="BP27" s="226"/>
      <c r="BQ27" s="226"/>
      <c r="BR27" s="226"/>
      <c r="BS27" s="226"/>
      <c r="BT27" s="226"/>
      <c r="BU27" s="226"/>
      <c r="BV27" s="226"/>
      <c r="BW27" s="226"/>
      <c r="BX27" s="226"/>
      <c r="BY27" s="226"/>
      <c r="BZ27" s="226"/>
      <c r="CA27" s="226"/>
      <c r="CB27" s="226"/>
      <c r="CC27" s="226"/>
      <c r="CD27" s="226"/>
      <c r="CE27" s="226"/>
      <c r="CF27" s="226"/>
      <c r="CG27" s="226"/>
      <c r="CH27" s="226"/>
      <c r="CI27" s="226"/>
      <c r="CJ27" s="226"/>
      <c r="CK27" s="226"/>
      <c r="CL27" s="226"/>
      <c r="CM27" s="226"/>
      <c r="CN27" s="226"/>
      <c r="CO27" s="226"/>
      <c r="CP27" s="226"/>
      <c r="CQ27" s="226"/>
      <c r="CR27" s="226"/>
      <c r="CS27" s="226"/>
      <c r="CT27" s="226"/>
      <c r="CU27" s="226"/>
      <c r="CV27" s="226"/>
      <c r="CW27" s="226"/>
      <c r="CX27" s="226"/>
      <c r="CY27" s="226"/>
      <c r="CZ27" s="226"/>
      <c r="DA27" s="226"/>
      <c r="DB27" s="226"/>
      <c r="DC27" s="226"/>
      <c r="DD27" s="226"/>
      <c r="DE27" s="226"/>
      <c r="DF27" s="226"/>
      <c r="DG27" s="226"/>
      <c r="DH27" s="226"/>
      <c r="DI27" s="226"/>
      <c r="DJ27" s="226"/>
      <c r="DK27" s="226"/>
      <c r="DL27" s="226"/>
      <c r="DM27" s="226"/>
      <c r="DN27" s="226"/>
      <c r="DO27" s="226"/>
      <c r="DP27" s="226"/>
      <c r="DQ27" s="226"/>
      <c r="DR27" s="226"/>
      <c r="DS27" s="226"/>
      <c r="DT27" s="226"/>
      <c r="DU27" s="226"/>
      <c r="DV27" s="226"/>
      <c r="DW27" s="226"/>
      <c r="DX27" s="226"/>
      <c r="DY27" s="226"/>
      <c r="DZ27" s="226"/>
      <c r="EA27" s="226"/>
      <c r="EB27" s="226"/>
      <c r="EC27" s="226"/>
      <c r="ED27" s="226"/>
      <c r="EE27" s="226"/>
      <c r="EF27" s="226"/>
      <c r="EG27" s="226"/>
      <c r="EH27" s="226"/>
      <c r="EI27" s="226"/>
      <c r="EJ27" s="226"/>
      <c r="EK27" s="226"/>
      <c r="EL27" s="226"/>
      <c r="EM27" s="226"/>
      <c r="EN27" s="226"/>
      <c r="EO27" s="226"/>
      <c r="EP27" s="226"/>
      <c r="EQ27" s="226"/>
      <c r="ER27" s="226"/>
      <c r="ES27" s="226"/>
      <c r="ET27" s="226"/>
      <c r="EU27" s="226"/>
      <c r="EV27" s="226"/>
      <c r="EW27" s="226"/>
      <c r="EX27" s="226"/>
      <c r="EY27" s="226"/>
      <c r="EZ27" s="226"/>
      <c r="FA27" s="226"/>
      <c r="FB27" s="226"/>
      <c r="FC27" s="226"/>
      <c r="FD27" s="226"/>
      <c r="FE27" s="226"/>
      <c r="FF27" s="226"/>
      <c r="FG27" s="226"/>
      <c r="FH27" s="226"/>
      <c r="FI27" s="226"/>
      <c r="FJ27" s="226"/>
      <c r="FK27" s="226"/>
      <c r="FL27" s="226"/>
      <c r="FM27" s="226"/>
      <c r="FN27" s="226"/>
      <c r="FO27" s="226"/>
      <c r="FP27" s="226"/>
      <c r="FQ27" s="226"/>
      <c r="FR27" s="226"/>
      <c r="FS27" s="226"/>
      <c r="FT27" s="226"/>
      <c r="FU27" s="226"/>
      <c r="FV27" s="226"/>
      <c r="FW27" s="226"/>
      <c r="FX27" s="226"/>
      <c r="FY27" s="226"/>
      <c r="FZ27" s="226"/>
      <c r="GA27" s="226"/>
      <c r="GB27" s="226"/>
      <c r="GC27" s="226"/>
      <c r="GD27" s="226"/>
      <c r="GE27" s="226"/>
      <c r="GF27" s="226"/>
      <c r="GG27" s="226"/>
      <c r="GH27" s="226"/>
      <c r="GI27" s="226"/>
      <c r="GJ27" s="226"/>
      <c r="GK27" s="226"/>
    </row>
    <row r="28" spans="1:193" ht="67.5" customHeight="1">
      <c r="A28" s="250" t="s">
        <v>380</v>
      </c>
      <c r="B28" s="251" t="s">
        <v>363</v>
      </c>
      <c r="C28" s="483" t="s">
        <v>381</v>
      </c>
      <c r="D28" s="484"/>
      <c r="E28" s="252"/>
      <c r="F28" s="253" t="s">
        <v>344</v>
      </c>
      <c r="G28" s="254"/>
    </row>
    <row r="29" spans="1:193" s="227" customFormat="1" ht="36" customHeight="1">
      <c r="A29" s="463" t="s">
        <v>382</v>
      </c>
      <c r="B29" s="222" t="s">
        <v>363</v>
      </c>
      <c r="C29" s="457" t="s">
        <v>383</v>
      </c>
      <c r="D29" s="458"/>
      <c r="E29" s="239"/>
      <c r="F29" s="240" t="s">
        <v>344</v>
      </c>
      <c r="G29" s="255" t="s">
        <v>384</v>
      </c>
      <c r="H29" s="226"/>
      <c r="I29" s="226"/>
      <c r="J29" s="226"/>
      <c r="K29" s="226"/>
      <c r="L29" s="226"/>
      <c r="M29" s="226"/>
      <c r="N29" s="226"/>
      <c r="O29" s="226"/>
      <c r="P29" s="226"/>
      <c r="Q29" s="226"/>
      <c r="R29" s="226"/>
      <c r="S29" s="226"/>
      <c r="T29" s="226"/>
      <c r="U29" s="226"/>
      <c r="V29" s="226"/>
      <c r="W29" s="226"/>
      <c r="X29" s="226"/>
      <c r="Y29" s="226"/>
      <c r="Z29" s="226"/>
      <c r="AA29" s="226"/>
      <c r="AB29" s="226"/>
      <c r="AC29" s="226"/>
      <c r="AD29" s="226"/>
      <c r="AE29" s="226"/>
      <c r="AF29" s="226"/>
      <c r="AG29" s="226"/>
      <c r="AH29" s="226"/>
      <c r="AI29" s="226"/>
      <c r="AJ29" s="226"/>
      <c r="AK29" s="226"/>
      <c r="AL29" s="226"/>
      <c r="AM29" s="226"/>
      <c r="AN29" s="226"/>
      <c r="AO29" s="226"/>
      <c r="AP29" s="226"/>
      <c r="AQ29" s="226"/>
      <c r="AR29" s="226"/>
      <c r="AS29" s="226"/>
      <c r="AT29" s="226"/>
      <c r="AU29" s="226"/>
      <c r="AV29" s="226"/>
      <c r="AW29" s="226"/>
      <c r="AX29" s="226"/>
      <c r="AY29" s="226"/>
      <c r="AZ29" s="226"/>
      <c r="BA29" s="226"/>
      <c r="BB29" s="226"/>
      <c r="BC29" s="226"/>
      <c r="BD29" s="226"/>
      <c r="BE29" s="226"/>
      <c r="BF29" s="226"/>
      <c r="BG29" s="226"/>
      <c r="BH29" s="226"/>
      <c r="BI29" s="226"/>
      <c r="BJ29" s="226"/>
      <c r="BK29" s="226"/>
      <c r="BL29" s="226"/>
      <c r="BM29" s="226"/>
      <c r="BN29" s="226"/>
      <c r="BO29" s="226"/>
      <c r="BP29" s="226"/>
      <c r="BQ29" s="226"/>
      <c r="BR29" s="226"/>
      <c r="BS29" s="226"/>
      <c r="BT29" s="226"/>
      <c r="BU29" s="226"/>
      <c r="BV29" s="226"/>
      <c r="BW29" s="226"/>
      <c r="BX29" s="226"/>
      <c r="BY29" s="226"/>
      <c r="BZ29" s="226"/>
      <c r="CA29" s="226"/>
      <c r="CB29" s="226"/>
      <c r="CC29" s="226"/>
      <c r="CD29" s="226"/>
      <c r="CE29" s="226"/>
      <c r="CF29" s="226"/>
      <c r="CG29" s="226"/>
      <c r="CH29" s="226"/>
      <c r="CI29" s="226"/>
      <c r="CJ29" s="226"/>
      <c r="CK29" s="226"/>
      <c r="CL29" s="226"/>
      <c r="CM29" s="226"/>
      <c r="CN29" s="226"/>
      <c r="CO29" s="226"/>
      <c r="CP29" s="226"/>
      <c r="CQ29" s="226"/>
      <c r="CR29" s="226"/>
      <c r="CS29" s="226"/>
      <c r="CT29" s="226"/>
      <c r="CU29" s="226"/>
      <c r="CV29" s="226"/>
      <c r="CW29" s="226"/>
      <c r="CX29" s="226"/>
      <c r="CY29" s="226"/>
      <c r="CZ29" s="226"/>
      <c r="DA29" s="226"/>
      <c r="DB29" s="226"/>
      <c r="DC29" s="226"/>
      <c r="DD29" s="226"/>
      <c r="DE29" s="226"/>
      <c r="DF29" s="226"/>
      <c r="DG29" s="226"/>
      <c r="DH29" s="226"/>
      <c r="DI29" s="226"/>
      <c r="DJ29" s="226"/>
      <c r="DK29" s="226"/>
      <c r="DL29" s="226"/>
      <c r="DM29" s="226"/>
      <c r="DN29" s="226"/>
      <c r="DO29" s="226"/>
      <c r="DP29" s="226"/>
      <c r="DQ29" s="226"/>
      <c r="DR29" s="226"/>
      <c r="DS29" s="226"/>
      <c r="DT29" s="226"/>
      <c r="DU29" s="226"/>
      <c r="DV29" s="226"/>
      <c r="DW29" s="226"/>
      <c r="DX29" s="226"/>
      <c r="DY29" s="226"/>
      <c r="DZ29" s="226"/>
      <c r="EA29" s="226"/>
      <c r="EB29" s="226"/>
      <c r="EC29" s="226"/>
      <c r="ED29" s="226"/>
      <c r="EE29" s="226"/>
      <c r="EF29" s="226"/>
      <c r="EG29" s="226"/>
      <c r="EH29" s="226"/>
      <c r="EI29" s="226"/>
      <c r="EJ29" s="226"/>
      <c r="EK29" s="226"/>
      <c r="EL29" s="226"/>
      <c r="EM29" s="226"/>
      <c r="EN29" s="226"/>
      <c r="EO29" s="226"/>
      <c r="EP29" s="226"/>
      <c r="EQ29" s="226"/>
      <c r="ER29" s="226"/>
      <c r="ES29" s="226"/>
      <c r="ET29" s="226"/>
      <c r="EU29" s="226"/>
      <c r="EV29" s="226"/>
      <c r="EW29" s="226"/>
      <c r="EX29" s="226"/>
      <c r="EY29" s="226"/>
      <c r="EZ29" s="226"/>
      <c r="FA29" s="226"/>
      <c r="FB29" s="226"/>
      <c r="FC29" s="226"/>
      <c r="FD29" s="226"/>
      <c r="FE29" s="226"/>
      <c r="FF29" s="226"/>
      <c r="FG29" s="226"/>
      <c r="FH29" s="226"/>
      <c r="FI29" s="226"/>
      <c r="FJ29" s="226"/>
      <c r="FK29" s="226"/>
      <c r="FL29" s="226"/>
      <c r="FM29" s="226"/>
      <c r="FN29" s="226"/>
      <c r="FO29" s="226"/>
      <c r="FP29" s="226"/>
      <c r="FQ29" s="226"/>
      <c r="FR29" s="226"/>
      <c r="FS29" s="226"/>
      <c r="FT29" s="226"/>
      <c r="FU29" s="226"/>
      <c r="FV29" s="226"/>
      <c r="FW29" s="226"/>
      <c r="FX29" s="226"/>
      <c r="FY29" s="226"/>
      <c r="FZ29" s="226"/>
      <c r="GA29" s="226"/>
      <c r="GB29" s="226"/>
      <c r="GC29" s="226"/>
      <c r="GD29" s="226"/>
      <c r="GE29" s="226"/>
      <c r="GF29" s="226"/>
      <c r="GG29" s="226"/>
      <c r="GH29" s="226"/>
      <c r="GI29" s="226"/>
      <c r="GJ29" s="226"/>
      <c r="GK29" s="226"/>
    </row>
    <row r="30" spans="1:193" s="227" customFormat="1" ht="21.75" customHeight="1">
      <c r="A30" s="464"/>
      <c r="B30" s="228"/>
      <c r="C30" s="461" t="s">
        <v>385</v>
      </c>
      <c r="D30" s="462"/>
      <c r="E30" s="229"/>
      <c r="F30" s="230" t="s">
        <v>344</v>
      </c>
      <c r="G30" s="238" t="s">
        <v>386</v>
      </c>
      <c r="H30" s="226"/>
      <c r="I30" s="226"/>
      <c r="J30" s="226"/>
      <c r="K30" s="226"/>
      <c r="L30" s="226"/>
      <c r="M30" s="226"/>
      <c r="N30" s="226"/>
      <c r="O30" s="226"/>
      <c r="P30" s="226"/>
      <c r="Q30" s="226"/>
      <c r="R30" s="226"/>
      <c r="S30" s="226"/>
      <c r="T30" s="226"/>
      <c r="U30" s="226"/>
      <c r="V30" s="226"/>
      <c r="W30" s="226"/>
      <c r="X30" s="226"/>
      <c r="Y30" s="226"/>
      <c r="Z30" s="226"/>
      <c r="AA30" s="226"/>
      <c r="AB30" s="226"/>
      <c r="AC30" s="226"/>
      <c r="AD30" s="226"/>
      <c r="AE30" s="226"/>
      <c r="AF30" s="226"/>
      <c r="AG30" s="226"/>
      <c r="AH30" s="226"/>
      <c r="AI30" s="226"/>
      <c r="AJ30" s="226"/>
      <c r="AK30" s="226"/>
      <c r="AL30" s="226"/>
      <c r="AM30" s="226"/>
      <c r="AN30" s="226"/>
      <c r="AO30" s="226"/>
      <c r="AP30" s="226"/>
      <c r="AQ30" s="226"/>
      <c r="AR30" s="226"/>
      <c r="AS30" s="226"/>
      <c r="AT30" s="226"/>
      <c r="AU30" s="226"/>
      <c r="AV30" s="226"/>
      <c r="AW30" s="226"/>
      <c r="AX30" s="226"/>
      <c r="AY30" s="226"/>
      <c r="AZ30" s="226"/>
      <c r="BA30" s="226"/>
      <c r="BB30" s="226"/>
      <c r="BC30" s="226"/>
      <c r="BD30" s="226"/>
      <c r="BE30" s="226"/>
      <c r="BF30" s="226"/>
      <c r="BG30" s="226"/>
      <c r="BH30" s="226"/>
      <c r="BI30" s="226"/>
      <c r="BJ30" s="226"/>
      <c r="BK30" s="226"/>
      <c r="BL30" s="226"/>
      <c r="BM30" s="226"/>
      <c r="BN30" s="226"/>
      <c r="BO30" s="226"/>
      <c r="BP30" s="226"/>
      <c r="BQ30" s="226"/>
      <c r="BR30" s="226"/>
      <c r="BS30" s="226"/>
      <c r="BT30" s="226"/>
      <c r="BU30" s="226"/>
      <c r="BV30" s="226"/>
      <c r="BW30" s="226"/>
      <c r="BX30" s="226"/>
      <c r="BY30" s="226"/>
      <c r="BZ30" s="226"/>
      <c r="CA30" s="226"/>
      <c r="CB30" s="226"/>
      <c r="CC30" s="226"/>
      <c r="CD30" s="226"/>
      <c r="CE30" s="226"/>
      <c r="CF30" s="226"/>
      <c r="CG30" s="226"/>
      <c r="CH30" s="226"/>
      <c r="CI30" s="226"/>
      <c r="CJ30" s="226"/>
      <c r="CK30" s="226"/>
      <c r="CL30" s="226"/>
      <c r="CM30" s="226"/>
      <c r="CN30" s="226"/>
      <c r="CO30" s="226"/>
      <c r="CP30" s="226"/>
      <c r="CQ30" s="226"/>
      <c r="CR30" s="226"/>
      <c r="CS30" s="226"/>
      <c r="CT30" s="226"/>
      <c r="CU30" s="226"/>
      <c r="CV30" s="226"/>
      <c r="CW30" s="226"/>
      <c r="CX30" s="226"/>
      <c r="CY30" s="226"/>
      <c r="CZ30" s="226"/>
      <c r="DA30" s="226"/>
      <c r="DB30" s="226"/>
      <c r="DC30" s="226"/>
      <c r="DD30" s="226"/>
      <c r="DE30" s="226"/>
      <c r="DF30" s="226"/>
      <c r="DG30" s="226"/>
      <c r="DH30" s="226"/>
      <c r="DI30" s="226"/>
      <c r="DJ30" s="226"/>
      <c r="DK30" s="226"/>
      <c r="DL30" s="226"/>
      <c r="DM30" s="226"/>
      <c r="DN30" s="226"/>
      <c r="DO30" s="226"/>
      <c r="DP30" s="226"/>
      <c r="DQ30" s="226"/>
      <c r="DR30" s="226"/>
      <c r="DS30" s="226"/>
      <c r="DT30" s="226"/>
      <c r="DU30" s="226"/>
      <c r="DV30" s="226"/>
      <c r="DW30" s="226"/>
      <c r="DX30" s="226"/>
      <c r="DY30" s="226"/>
      <c r="DZ30" s="226"/>
      <c r="EA30" s="226"/>
      <c r="EB30" s="226"/>
      <c r="EC30" s="226"/>
      <c r="ED30" s="226"/>
      <c r="EE30" s="226"/>
      <c r="EF30" s="226"/>
      <c r="EG30" s="226"/>
      <c r="EH30" s="226"/>
      <c r="EI30" s="226"/>
      <c r="EJ30" s="226"/>
      <c r="EK30" s="226"/>
      <c r="EL30" s="226"/>
      <c r="EM30" s="226"/>
      <c r="EN30" s="226"/>
      <c r="EO30" s="226"/>
      <c r="EP30" s="226"/>
      <c r="EQ30" s="226"/>
      <c r="ER30" s="226"/>
      <c r="ES30" s="226"/>
      <c r="ET30" s="226"/>
      <c r="EU30" s="226"/>
      <c r="EV30" s="226"/>
      <c r="EW30" s="226"/>
      <c r="EX30" s="226"/>
      <c r="EY30" s="226"/>
      <c r="EZ30" s="226"/>
      <c r="FA30" s="226"/>
      <c r="FB30" s="226"/>
      <c r="FC30" s="226"/>
      <c r="FD30" s="226"/>
      <c r="FE30" s="226"/>
      <c r="FF30" s="226"/>
      <c r="FG30" s="226"/>
      <c r="FH30" s="226"/>
      <c r="FI30" s="226"/>
      <c r="FJ30" s="226"/>
      <c r="FK30" s="226"/>
      <c r="FL30" s="226"/>
      <c r="FM30" s="226"/>
      <c r="FN30" s="226"/>
      <c r="FO30" s="226"/>
      <c r="FP30" s="226"/>
      <c r="FQ30" s="226"/>
      <c r="FR30" s="226"/>
      <c r="FS30" s="226"/>
      <c r="FT30" s="226"/>
      <c r="FU30" s="226"/>
      <c r="FV30" s="226"/>
      <c r="FW30" s="226"/>
      <c r="FX30" s="226"/>
      <c r="FY30" s="226"/>
      <c r="FZ30" s="226"/>
      <c r="GA30" s="226"/>
      <c r="GB30" s="226"/>
      <c r="GC30" s="226"/>
      <c r="GD30" s="226"/>
      <c r="GE30" s="226"/>
      <c r="GF30" s="226"/>
      <c r="GG30" s="226"/>
      <c r="GH30" s="226"/>
      <c r="GI30" s="226"/>
      <c r="GJ30" s="226"/>
      <c r="GK30" s="226"/>
    </row>
    <row r="31" spans="1:193" s="227" customFormat="1" ht="36" customHeight="1">
      <c r="A31" s="454" t="s">
        <v>387</v>
      </c>
      <c r="B31" s="222" t="s">
        <v>363</v>
      </c>
      <c r="C31" s="457" t="s">
        <v>383</v>
      </c>
      <c r="D31" s="458"/>
      <c r="E31" s="232"/>
      <c r="F31" s="233" t="s">
        <v>344</v>
      </c>
      <c r="G31" s="255" t="s">
        <v>384</v>
      </c>
      <c r="H31" s="226"/>
      <c r="I31" s="226"/>
      <c r="J31" s="226"/>
      <c r="K31" s="226"/>
      <c r="L31" s="226"/>
      <c r="M31" s="226"/>
      <c r="N31" s="226"/>
      <c r="O31" s="226"/>
      <c r="P31" s="226"/>
      <c r="Q31" s="226"/>
      <c r="R31" s="226"/>
      <c r="S31" s="226"/>
      <c r="T31" s="226"/>
      <c r="U31" s="226"/>
      <c r="V31" s="226"/>
      <c r="W31" s="226"/>
      <c r="X31" s="226"/>
      <c r="Y31" s="226"/>
      <c r="Z31" s="226"/>
      <c r="AA31" s="226"/>
      <c r="AB31" s="226"/>
      <c r="AC31" s="226"/>
      <c r="AD31" s="226"/>
      <c r="AE31" s="226"/>
      <c r="AF31" s="226"/>
      <c r="AG31" s="226"/>
      <c r="AH31" s="226"/>
      <c r="AI31" s="226"/>
      <c r="AJ31" s="226"/>
      <c r="AK31" s="226"/>
      <c r="AL31" s="226"/>
      <c r="AM31" s="226"/>
      <c r="AN31" s="226"/>
      <c r="AO31" s="226"/>
      <c r="AP31" s="226"/>
      <c r="AQ31" s="226"/>
      <c r="AR31" s="226"/>
      <c r="AS31" s="226"/>
      <c r="AT31" s="226"/>
      <c r="AU31" s="226"/>
      <c r="AV31" s="226"/>
      <c r="AW31" s="226"/>
      <c r="AX31" s="226"/>
      <c r="AY31" s="226"/>
      <c r="AZ31" s="226"/>
      <c r="BA31" s="226"/>
      <c r="BB31" s="226"/>
      <c r="BC31" s="226"/>
      <c r="BD31" s="226"/>
      <c r="BE31" s="226"/>
      <c r="BF31" s="226"/>
      <c r="BG31" s="226"/>
      <c r="BH31" s="226"/>
      <c r="BI31" s="226"/>
      <c r="BJ31" s="226"/>
      <c r="BK31" s="226"/>
      <c r="BL31" s="226"/>
      <c r="BM31" s="226"/>
      <c r="BN31" s="226"/>
      <c r="BO31" s="226"/>
      <c r="BP31" s="226"/>
      <c r="BQ31" s="226"/>
      <c r="BR31" s="226"/>
      <c r="BS31" s="226"/>
      <c r="BT31" s="226"/>
      <c r="BU31" s="226"/>
      <c r="BV31" s="226"/>
      <c r="BW31" s="226"/>
      <c r="BX31" s="226"/>
      <c r="BY31" s="226"/>
      <c r="BZ31" s="226"/>
      <c r="CA31" s="226"/>
      <c r="CB31" s="226"/>
      <c r="CC31" s="226"/>
      <c r="CD31" s="226"/>
      <c r="CE31" s="226"/>
      <c r="CF31" s="226"/>
      <c r="CG31" s="226"/>
      <c r="CH31" s="226"/>
      <c r="CI31" s="226"/>
      <c r="CJ31" s="226"/>
      <c r="CK31" s="226"/>
      <c r="CL31" s="226"/>
      <c r="CM31" s="226"/>
      <c r="CN31" s="226"/>
      <c r="CO31" s="226"/>
      <c r="CP31" s="226"/>
      <c r="CQ31" s="226"/>
      <c r="CR31" s="226"/>
      <c r="CS31" s="226"/>
      <c r="CT31" s="226"/>
      <c r="CU31" s="226"/>
      <c r="CV31" s="226"/>
      <c r="CW31" s="226"/>
      <c r="CX31" s="226"/>
      <c r="CY31" s="226"/>
      <c r="CZ31" s="226"/>
      <c r="DA31" s="226"/>
      <c r="DB31" s="226"/>
      <c r="DC31" s="226"/>
      <c r="DD31" s="226"/>
      <c r="DE31" s="226"/>
      <c r="DF31" s="226"/>
      <c r="DG31" s="226"/>
      <c r="DH31" s="226"/>
      <c r="DI31" s="226"/>
      <c r="DJ31" s="226"/>
      <c r="DK31" s="226"/>
      <c r="DL31" s="226"/>
      <c r="DM31" s="226"/>
      <c r="DN31" s="226"/>
      <c r="DO31" s="226"/>
      <c r="DP31" s="226"/>
      <c r="DQ31" s="226"/>
      <c r="DR31" s="226"/>
      <c r="DS31" s="226"/>
      <c r="DT31" s="226"/>
      <c r="DU31" s="226"/>
      <c r="DV31" s="226"/>
      <c r="DW31" s="226"/>
      <c r="DX31" s="226"/>
      <c r="DY31" s="226"/>
      <c r="DZ31" s="226"/>
      <c r="EA31" s="226"/>
      <c r="EB31" s="226"/>
      <c r="EC31" s="226"/>
      <c r="ED31" s="226"/>
      <c r="EE31" s="226"/>
      <c r="EF31" s="226"/>
      <c r="EG31" s="226"/>
      <c r="EH31" s="226"/>
      <c r="EI31" s="226"/>
      <c r="EJ31" s="226"/>
      <c r="EK31" s="226"/>
      <c r="EL31" s="226"/>
      <c r="EM31" s="226"/>
      <c r="EN31" s="226"/>
      <c r="EO31" s="226"/>
      <c r="EP31" s="226"/>
      <c r="EQ31" s="226"/>
      <c r="ER31" s="226"/>
      <c r="ES31" s="226"/>
      <c r="ET31" s="226"/>
      <c r="EU31" s="226"/>
      <c r="EV31" s="226"/>
      <c r="EW31" s="226"/>
      <c r="EX31" s="226"/>
      <c r="EY31" s="226"/>
      <c r="EZ31" s="226"/>
      <c r="FA31" s="226"/>
      <c r="FB31" s="226"/>
      <c r="FC31" s="226"/>
      <c r="FD31" s="226"/>
      <c r="FE31" s="226"/>
      <c r="FF31" s="226"/>
      <c r="FG31" s="226"/>
      <c r="FH31" s="226"/>
      <c r="FI31" s="226"/>
      <c r="FJ31" s="226"/>
      <c r="FK31" s="226"/>
      <c r="FL31" s="226"/>
      <c r="FM31" s="226"/>
      <c r="FN31" s="226"/>
      <c r="FO31" s="226"/>
      <c r="FP31" s="226"/>
      <c r="FQ31" s="226"/>
      <c r="FR31" s="226"/>
      <c r="FS31" s="226"/>
      <c r="FT31" s="226"/>
      <c r="FU31" s="226"/>
      <c r="FV31" s="226"/>
      <c r="FW31" s="226"/>
      <c r="FX31" s="226"/>
      <c r="FY31" s="226"/>
      <c r="FZ31" s="226"/>
      <c r="GA31" s="226"/>
      <c r="GB31" s="226"/>
      <c r="GC31" s="226"/>
      <c r="GD31" s="226"/>
      <c r="GE31" s="226"/>
      <c r="GF31" s="226"/>
      <c r="GG31" s="226"/>
      <c r="GH31" s="226"/>
      <c r="GI31" s="226"/>
      <c r="GJ31" s="226"/>
      <c r="GK31" s="226"/>
    </row>
    <row r="32" spans="1:193" s="227" customFormat="1" ht="79.5" customHeight="1">
      <c r="A32" s="455"/>
      <c r="B32" s="235"/>
      <c r="C32" s="459" t="s">
        <v>388</v>
      </c>
      <c r="D32" s="460"/>
      <c r="E32" s="223"/>
      <c r="F32" s="224" t="s">
        <v>344</v>
      </c>
      <c r="G32" s="225" t="s">
        <v>389</v>
      </c>
      <c r="H32" s="226"/>
      <c r="I32" s="226"/>
      <c r="J32" s="226"/>
      <c r="K32" s="226"/>
      <c r="L32" s="226"/>
      <c r="M32" s="226"/>
      <c r="N32" s="226"/>
      <c r="O32" s="226"/>
      <c r="P32" s="226"/>
      <c r="Q32" s="226"/>
      <c r="R32" s="226"/>
      <c r="S32" s="226"/>
      <c r="T32" s="226"/>
      <c r="U32" s="226"/>
      <c r="V32" s="226"/>
      <c r="W32" s="226"/>
      <c r="X32" s="226"/>
      <c r="Y32" s="226"/>
      <c r="Z32" s="226"/>
      <c r="AA32" s="226"/>
      <c r="AB32" s="226"/>
      <c r="AC32" s="226"/>
      <c r="AD32" s="226"/>
      <c r="AE32" s="226"/>
      <c r="AF32" s="226"/>
      <c r="AG32" s="226"/>
      <c r="AH32" s="226"/>
      <c r="AI32" s="226"/>
      <c r="AJ32" s="226"/>
      <c r="AK32" s="226"/>
      <c r="AL32" s="226"/>
      <c r="AM32" s="226"/>
      <c r="AN32" s="226"/>
      <c r="AO32" s="226"/>
      <c r="AP32" s="226"/>
      <c r="AQ32" s="226"/>
      <c r="AR32" s="226"/>
      <c r="AS32" s="226"/>
      <c r="AT32" s="226"/>
      <c r="AU32" s="226"/>
      <c r="AV32" s="226"/>
      <c r="AW32" s="226"/>
      <c r="AX32" s="226"/>
      <c r="AY32" s="226"/>
      <c r="AZ32" s="226"/>
      <c r="BA32" s="226"/>
      <c r="BB32" s="226"/>
      <c r="BC32" s="226"/>
      <c r="BD32" s="226"/>
      <c r="BE32" s="226"/>
      <c r="BF32" s="226"/>
      <c r="BG32" s="226"/>
      <c r="BH32" s="226"/>
      <c r="BI32" s="226"/>
      <c r="BJ32" s="226"/>
      <c r="BK32" s="226"/>
      <c r="BL32" s="226"/>
      <c r="BM32" s="226"/>
      <c r="BN32" s="226"/>
      <c r="BO32" s="226"/>
      <c r="BP32" s="226"/>
      <c r="BQ32" s="226"/>
      <c r="BR32" s="226"/>
      <c r="BS32" s="226"/>
      <c r="BT32" s="226"/>
      <c r="BU32" s="226"/>
      <c r="BV32" s="226"/>
      <c r="BW32" s="226"/>
      <c r="BX32" s="226"/>
      <c r="BY32" s="226"/>
      <c r="BZ32" s="226"/>
      <c r="CA32" s="226"/>
      <c r="CB32" s="226"/>
      <c r="CC32" s="226"/>
      <c r="CD32" s="226"/>
      <c r="CE32" s="226"/>
      <c r="CF32" s="226"/>
      <c r="CG32" s="226"/>
      <c r="CH32" s="226"/>
      <c r="CI32" s="226"/>
      <c r="CJ32" s="226"/>
      <c r="CK32" s="226"/>
      <c r="CL32" s="226"/>
      <c r="CM32" s="226"/>
      <c r="CN32" s="226"/>
      <c r="CO32" s="226"/>
      <c r="CP32" s="226"/>
      <c r="CQ32" s="226"/>
      <c r="CR32" s="226"/>
      <c r="CS32" s="226"/>
      <c r="CT32" s="226"/>
      <c r="CU32" s="226"/>
      <c r="CV32" s="226"/>
      <c r="CW32" s="226"/>
      <c r="CX32" s="226"/>
      <c r="CY32" s="226"/>
      <c r="CZ32" s="226"/>
      <c r="DA32" s="226"/>
      <c r="DB32" s="226"/>
      <c r="DC32" s="226"/>
      <c r="DD32" s="226"/>
      <c r="DE32" s="226"/>
      <c r="DF32" s="226"/>
      <c r="DG32" s="226"/>
      <c r="DH32" s="226"/>
      <c r="DI32" s="226"/>
      <c r="DJ32" s="226"/>
      <c r="DK32" s="226"/>
      <c r="DL32" s="226"/>
      <c r="DM32" s="226"/>
      <c r="DN32" s="226"/>
      <c r="DO32" s="226"/>
      <c r="DP32" s="226"/>
      <c r="DQ32" s="226"/>
      <c r="DR32" s="226"/>
      <c r="DS32" s="226"/>
      <c r="DT32" s="226"/>
      <c r="DU32" s="226"/>
      <c r="DV32" s="226"/>
      <c r="DW32" s="226"/>
      <c r="DX32" s="226"/>
      <c r="DY32" s="226"/>
      <c r="DZ32" s="226"/>
      <c r="EA32" s="226"/>
      <c r="EB32" s="226"/>
      <c r="EC32" s="226"/>
      <c r="ED32" s="226"/>
      <c r="EE32" s="226"/>
      <c r="EF32" s="226"/>
      <c r="EG32" s="226"/>
      <c r="EH32" s="226"/>
      <c r="EI32" s="226"/>
      <c r="EJ32" s="226"/>
      <c r="EK32" s="226"/>
      <c r="EL32" s="226"/>
      <c r="EM32" s="226"/>
      <c r="EN32" s="226"/>
      <c r="EO32" s="226"/>
      <c r="EP32" s="226"/>
      <c r="EQ32" s="226"/>
      <c r="ER32" s="226"/>
      <c r="ES32" s="226"/>
      <c r="ET32" s="226"/>
      <c r="EU32" s="226"/>
      <c r="EV32" s="226"/>
      <c r="EW32" s="226"/>
      <c r="EX32" s="226"/>
      <c r="EY32" s="226"/>
      <c r="EZ32" s="226"/>
      <c r="FA32" s="226"/>
      <c r="FB32" s="226"/>
      <c r="FC32" s="226"/>
      <c r="FD32" s="226"/>
      <c r="FE32" s="226"/>
      <c r="FF32" s="226"/>
      <c r="FG32" s="226"/>
      <c r="FH32" s="226"/>
      <c r="FI32" s="226"/>
      <c r="FJ32" s="226"/>
      <c r="FK32" s="226"/>
      <c r="FL32" s="226"/>
      <c r="FM32" s="226"/>
      <c r="FN32" s="226"/>
      <c r="FO32" s="226"/>
      <c r="FP32" s="226"/>
      <c r="FQ32" s="226"/>
      <c r="FR32" s="226"/>
      <c r="FS32" s="226"/>
      <c r="FT32" s="226"/>
      <c r="FU32" s="226"/>
      <c r="FV32" s="226"/>
      <c r="FW32" s="226"/>
      <c r="FX32" s="226"/>
      <c r="FY32" s="226"/>
      <c r="FZ32" s="226"/>
      <c r="GA32" s="226"/>
      <c r="GB32" s="226"/>
      <c r="GC32" s="226"/>
      <c r="GD32" s="226"/>
      <c r="GE32" s="226"/>
      <c r="GF32" s="226"/>
      <c r="GG32" s="226"/>
      <c r="GH32" s="226"/>
      <c r="GI32" s="226"/>
      <c r="GJ32" s="226"/>
      <c r="GK32" s="226"/>
    </row>
    <row r="33" spans="1:193" s="227" customFormat="1" ht="117.75" customHeight="1">
      <c r="A33" s="455"/>
      <c r="B33" s="235"/>
      <c r="C33" s="459" t="s">
        <v>390</v>
      </c>
      <c r="D33" s="460"/>
      <c r="E33" s="223"/>
      <c r="F33" s="224" t="s">
        <v>344</v>
      </c>
      <c r="G33" s="225" t="s">
        <v>391</v>
      </c>
      <c r="H33" s="226"/>
      <c r="I33" s="226"/>
      <c r="J33" s="226"/>
      <c r="K33" s="226"/>
      <c r="L33" s="226"/>
      <c r="M33" s="226"/>
      <c r="N33" s="226"/>
      <c r="O33" s="226"/>
      <c r="P33" s="226"/>
      <c r="Q33" s="226"/>
      <c r="R33" s="226"/>
      <c r="S33" s="226"/>
      <c r="T33" s="226"/>
      <c r="U33" s="226"/>
      <c r="V33" s="226"/>
      <c r="W33" s="226"/>
      <c r="X33" s="226"/>
      <c r="Y33" s="226"/>
      <c r="Z33" s="226"/>
      <c r="AA33" s="226"/>
      <c r="AB33" s="226"/>
      <c r="AC33" s="226"/>
      <c r="AD33" s="226"/>
      <c r="AE33" s="226"/>
      <c r="AF33" s="226"/>
      <c r="AG33" s="226"/>
      <c r="AH33" s="226"/>
      <c r="AI33" s="226"/>
      <c r="AJ33" s="226"/>
      <c r="AK33" s="226"/>
      <c r="AL33" s="226"/>
      <c r="AM33" s="226"/>
      <c r="AN33" s="226"/>
      <c r="AO33" s="226"/>
      <c r="AP33" s="226"/>
      <c r="AQ33" s="226"/>
      <c r="AR33" s="226"/>
      <c r="AS33" s="226"/>
      <c r="AT33" s="226"/>
      <c r="AU33" s="226"/>
      <c r="AV33" s="226"/>
      <c r="AW33" s="226"/>
      <c r="AX33" s="226"/>
      <c r="AY33" s="226"/>
      <c r="AZ33" s="226"/>
      <c r="BA33" s="226"/>
      <c r="BB33" s="226"/>
      <c r="BC33" s="226"/>
      <c r="BD33" s="226"/>
      <c r="BE33" s="226"/>
      <c r="BF33" s="226"/>
      <c r="BG33" s="226"/>
      <c r="BH33" s="226"/>
      <c r="BI33" s="226"/>
      <c r="BJ33" s="226"/>
      <c r="BK33" s="226"/>
      <c r="BL33" s="226"/>
      <c r="BM33" s="226"/>
      <c r="BN33" s="226"/>
      <c r="BO33" s="226"/>
      <c r="BP33" s="226"/>
      <c r="BQ33" s="226"/>
      <c r="BR33" s="226"/>
      <c r="BS33" s="226"/>
      <c r="BT33" s="226"/>
      <c r="BU33" s="226"/>
      <c r="BV33" s="226"/>
      <c r="BW33" s="226"/>
      <c r="BX33" s="226"/>
      <c r="BY33" s="226"/>
      <c r="BZ33" s="226"/>
      <c r="CA33" s="226"/>
      <c r="CB33" s="226"/>
      <c r="CC33" s="226"/>
      <c r="CD33" s="226"/>
      <c r="CE33" s="226"/>
      <c r="CF33" s="226"/>
      <c r="CG33" s="226"/>
      <c r="CH33" s="226"/>
      <c r="CI33" s="226"/>
      <c r="CJ33" s="226"/>
      <c r="CK33" s="226"/>
      <c r="CL33" s="226"/>
      <c r="CM33" s="226"/>
      <c r="CN33" s="226"/>
      <c r="CO33" s="226"/>
      <c r="CP33" s="226"/>
      <c r="CQ33" s="226"/>
      <c r="CR33" s="226"/>
      <c r="CS33" s="226"/>
      <c r="CT33" s="226"/>
      <c r="CU33" s="226"/>
      <c r="CV33" s="226"/>
      <c r="CW33" s="226"/>
      <c r="CX33" s="226"/>
      <c r="CY33" s="226"/>
      <c r="CZ33" s="226"/>
      <c r="DA33" s="226"/>
      <c r="DB33" s="226"/>
      <c r="DC33" s="226"/>
      <c r="DD33" s="226"/>
      <c r="DE33" s="226"/>
      <c r="DF33" s="226"/>
      <c r="DG33" s="226"/>
      <c r="DH33" s="226"/>
      <c r="DI33" s="226"/>
      <c r="DJ33" s="226"/>
      <c r="DK33" s="226"/>
      <c r="DL33" s="226"/>
      <c r="DM33" s="226"/>
      <c r="DN33" s="226"/>
      <c r="DO33" s="226"/>
      <c r="DP33" s="226"/>
      <c r="DQ33" s="226"/>
      <c r="DR33" s="226"/>
      <c r="DS33" s="226"/>
      <c r="DT33" s="226"/>
      <c r="DU33" s="226"/>
      <c r="DV33" s="226"/>
      <c r="DW33" s="226"/>
      <c r="DX33" s="226"/>
      <c r="DY33" s="226"/>
      <c r="DZ33" s="226"/>
      <c r="EA33" s="226"/>
      <c r="EB33" s="226"/>
      <c r="EC33" s="226"/>
      <c r="ED33" s="226"/>
      <c r="EE33" s="226"/>
      <c r="EF33" s="226"/>
      <c r="EG33" s="226"/>
      <c r="EH33" s="226"/>
      <c r="EI33" s="226"/>
      <c r="EJ33" s="226"/>
      <c r="EK33" s="226"/>
      <c r="EL33" s="226"/>
      <c r="EM33" s="226"/>
      <c r="EN33" s="226"/>
      <c r="EO33" s="226"/>
      <c r="EP33" s="226"/>
      <c r="EQ33" s="226"/>
      <c r="ER33" s="226"/>
      <c r="ES33" s="226"/>
      <c r="ET33" s="226"/>
      <c r="EU33" s="226"/>
      <c r="EV33" s="226"/>
      <c r="EW33" s="226"/>
      <c r="EX33" s="226"/>
      <c r="EY33" s="226"/>
      <c r="EZ33" s="226"/>
      <c r="FA33" s="226"/>
      <c r="FB33" s="226"/>
      <c r="FC33" s="226"/>
      <c r="FD33" s="226"/>
      <c r="FE33" s="226"/>
      <c r="FF33" s="226"/>
      <c r="FG33" s="226"/>
      <c r="FH33" s="226"/>
      <c r="FI33" s="226"/>
      <c r="FJ33" s="226"/>
      <c r="FK33" s="226"/>
      <c r="FL33" s="226"/>
      <c r="FM33" s="226"/>
      <c r="FN33" s="226"/>
      <c r="FO33" s="226"/>
      <c r="FP33" s="226"/>
      <c r="FQ33" s="226"/>
      <c r="FR33" s="226"/>
      <c r="FS33" s="226"/>
      <c r="FT33" s="226"/>
      <c r="FU33" s="226"/>
      <c r="FV33" s="226"/>
      <c r="FW33" s="226"/>
      <c r="FX33" s="226"/>
      <c r="FY33" s="226"/>
      <c r="FZ33" s="226"/>
      <c r="GA33" s="226"/>
      <c r="GB33" s="226"/>
      <c r="GC33" s="226"/>
      <c r="GD33" s="226"/>
      <c r="GE33" s="226"/>
      <c r="GF33" s="226"/>
      <c r="GG33" s="226"/>
      <c r="GH33" s="226"/>
      <c r="GI33" s="226"/>
      <c r="GJ33" s="226"/>
      <c r="GK33" s="226"/>
    </row>
    <row r="34" spans="1:193" s="258" customFormat="1" ht="134.25" customHeight="1">
      <c r="A34" s="455"/>
      <c r="B34" s="235"/>
      <c r="C34" s="476" t="s">
        <v>392</v>
      </c>
      <c r="D34" s="477"/>
      <c r="E34" s="239"/>
      <c r="F34" s="240" t="s">
        <v>344</v>
      </c>
      <c r="G34" s="256" t="s">
        <v>393</v>
      </c>
      <c r="H34" s="257"/>
      <c r="I34" s="257"/>
      <c r="J34" s="257"/>
      <c r="K34" s="257"/>
      <c r="L34" s="257"/>
      <c r="M34" s="257"/>
      <c r="N34" s="257"/>
      <c r="O34" s="257"/>
      <c r="P34" s="257"/>
      <c r="Q34" s="257"/>
      <c r="R34" s="257"/>
      <c r="S34" s="257"/>
      <c r="T34" s="257"/>
      <c r="U34" s="257"/>
      <c r="V34" s="257"/>
      <c r="W34" s="257"/>
      <c r="X34" s="257"/>
      <c r="Y34" s="257"/>
      <c r="Z34" s="257"/>
      <c r="AA34" s="257"/>
      <c r="AB34" s="257"/>
      <c r="AC34" s="257"/>
      <c r="AD34" s="257"/>
      <c r="AE34" s="257"/>
      <c r="AF34" s="257"/>
      <c r="AG34" s="257"/>
      <c r="AH34" s="257"/>
      <c r="AI34" s="257"/>
      <c r="AJ34" s="257"/>
      <c r="AK34" s="257"/>
      <c r="AL34" s="257"/>
      <c r="AM34" s="257"/>
      <c r="AN34" s="257"/>
      <c r="AO34" s="257"/>
      <c r="AP34" s="257"/>
      <c r="AQ34" s="257"/>
      <c r="AR34" s="257"/>
      <c r="AS34" s="257"/>
      <c r="AT34" s="257"/>
      <c r="AU34" s="257"/>
      <c r="AV34" s="257"/>
      <c r="AW34" s="257"/>
      <c r="AX34" s="257"/>
      <c r="AY34" s="257"/>
      <c r="AZ34" s="257"/>
      <c r="BA34" s="257"/>
      <c r="BB34" s="257"/>
      <c r="BC34" s="257"/>
      <c r="BD34" s="257"/>
      <c r="BE34" s="257"/>
      <c r="BF34" s="257"/>
      <c r="BG34" s="257"/>
      <c r="BH34" s="257"/>
      <c r="BI34" s="257"/>
      <c r="BJ34" s="257"/>
      <c r="BK34" s="257"/>
      <c r="BL34" s="257"/>
      <c r="BM34" s="257"/>
      <c r="BN34" s="257"/>
      <c r="BO34" s="257"/>
      <c r="BP34" s="257"/>
      <c r="BQ34" s="257"/>
      <c r="BR34" s="257"/>
      <c r="BS34" s="257"/>
      <c r="BT34" s="257"/>
      <c r="BU34" s="257"/>
      <c r="BV34" s="257"/>
      <c r="BW34" s="257"/>
      <c r="BX34" s="257"/>
      <c r="BY34" s="257"/>
      <c r="BZ34" s="257"/>
      <c r="CA34" s="257"/>
      <c r="CB34" s="257"/>
      <c r="CC34" s="257"/>
      <c r="CD34" s="257"/>
      <c r="CE34" s="257"/>
      <c r="CF34" s="257"/>
      <c r="CG34" s="257"/>
      <c r="CH34" s="257"/>
      <c r="CI34" s="257"/>
      <c r="CJ34" s="257"/>
      <c r="CK34" s="257"/>
      <c r="CL34" s="257"/>
      <c r="CM34" s="257"/>
      <c r="CN34" s="257"/>
      <c r="CO34" s="257"/>
      <c r="CP34" s="257"/>
      <c r="CQ34" s="257"/>
      <c r="CR34" s="257"/>
      <c r="CS34" s="257"/>
      <c r="CT34" s="257"/>
      <c r="CU34" s="257"/>
      <c r="CV34" s="257"/>
      <c r="CW34" s="257"/>
      <c r="CX34" s="257"/>
      <c r="CY34" s="257"/>
      <c r="CZ34" s="257"/>
      <c r="DA34" s="257"/>
      <c r="DB34" s="257"/>
      <c r="DC34" s="257"/>
      <c r="DD34" s="257"/>
      <c r="DE34" s="257"/>
      <c r="DF34" s="257"/>
      <c r="DG34" s="257"/>
      <c r="DH34" s="257"/>
      <c r="DI34" s="257"/>
      <c r="DJ34" s="257"/>
      <c r="DK34" s="257"/>
      <c r="DL34" s="257"/>
      <c r="DM34" s="257"/>
      <c r="DN34" s="257"/>
      <c r="DO34" s="257"/>
      <c r="DP34" s="257"/>
      <c r="DQ34" s="257"/>
      <c r="DR34" s="257"/>
      <c r="DS34" s="257"/>
      <c r="DT34" s="257"/>
      <c r="DU34" s="257"/>
      <c r="DV34" s="257"/>
      <c r="DW34" s="257"/>
      <c r="DX34" s="257"/>
      <c r="DY34" s="257"/>
      <c r="DZ34" s="257"/>
      <c r="EA34" s="257"/>
      <c r="EB34" s="257"/>
      <c r="EC34" s="257"/>
      <c r="ED34" s="257"/>
      <c r="EE34" s="257"/>
      <c r="EF34" s="257"/>
      <c r="EG34" s="257"/>
      <c r="EH34" s="257"/>
      <c r="EI34" s="257"/>
      <c r="EJ34" s="257"/>
      <c r="EK34" s="257"/>
      <c r="EL34" s="257"/>
      <c r="EM34" s="257"/>
      <c r="EN34" s="257"/>
      <c r="EO34" s="257"/>
      <c r="EP34" s="257"/>
      <c r="EQ34" s="257"/>
      <c r="ER34" s="257"/>
      <c r="ES34" s="257"/>
      <c r="ET34" s="257"/>
      <c r="EU34" s="257"/>
      <c r="EV34" s="257"/>
      <c r="EW34" s="257"/>
      <c r="EX34" s="257"/>
      <c r="EY34" s="257"/>
      <c r="EZ34" s="257"/>
      <c r="FA34" s="257"/>
      <c r="FB34" s="257"/>
      <c r="FC34" s="257"/>
      <c r="FD34" s="257"/>
      <c r="FE34" s="257"/>
      <c r="FF34" s="257"/>
      <c r="FG34" s="257"/>
      <c r="FH34" s="257"/>
      <c r="FI34" s="257"/>
      <c r="FJ34" s="257"/>
      <c r="FK34" s="257"/>
      <c r="FL34" s="257"/>
      <c r="FM34" s="257"/>
      <c r="FN34" s="257"/>
      <c r="FO34" s="257"/>
      <c r="FP34" s="257"/>
      <c r="FQ34" s="257"/>
      <c r="FR34" s="257"/>
      <c r="FS34" s="257"/>
      <c r="FT34" s="257"/>
      <c r="FU34" s="257"/>
      <c r="FV34" s="257"/>
      <c r="FW34" s="257"/>
      <c r="FX34" s="257"/>
      <c r="FY34" s="257"/>
      <c r="FZ34" s="257"/>
      <c r="GA34" s="257"/>
      <c r="GB34" s="257"/>
      <c r="GC34" s="257"/>
      <c r="GD34" s="257"/>
      <c r="GE34" s="257"/>
      <c r="GF34" s="257"/>
      <c r="GG34" s="257"/>
      <c r="GH34" s="257"/>
      <c r="GI34" s="257"/>
      <c r="GJ34" s="257"/>
      <c r="GK34" s="257"/>
    </row>
    <row r="35" spans="1:193" s="260" customFormat="1" ht="90" customHeight="1">
      <c r="A35" s="455"/>
      <c r="B35" s="235"/>
      <c r="C35" s="459" t="s">
        <v>394</v>
      </c>
      <c r="D35" s="460"/>
      <c r="E35" s="223"/>
      <c r="F35" s="224" t="s">
        <v>344</v>
      </c>
      <c r="G35" s="259" t="s">
        <v>395</v>
      </c>
      <c r="H35" s="257"/>
      <c r="I35" s="257"/>
      <c r="J35" s="257"/>
      <c r="K35" s="257"/>
      <c r="L35" s="257"/>
      <c r="M35" s="257"/>
      <c r="N35" s="257"/>
      <c r="O35" s="257"/>
      <c r="P35" s="257"/>
      <c r="Q35" s="257"/>
      <c r="R35" s="257"/>
      <c r="S35" s="257"/>
      <c r="T35" s="257"/>
      <c r="U35" s="257"/>
      <c r="V35" s="257"/>
      <c r="W35" s="257"/>
      <c r="X35" s="257"/>
      <c r="Y35" s="257"/>
      <c r="Z35" s="257"/>
      <c r="AA35" s="257"/>
      <c r="AB35" s="257"/>
      <c r="AC35" s="257"/>
      <c r="AD35" s="257"/>
      <c r="AE35" s="257"/>
      <c r="AF35" s="257"/>
      <c r="AG35" s="257"/>
      <c r="AH35" s="257"/>
      <c r="AI35" s="257"/>
      <c r="AJ35" s="257"/>
      <c r="AK35" s="257"/>
      <c r="AL35" s="257"/>
      <c r="AM35" s="257"/>
      <c r="AN35" s="257"/>
      <c r="AO35" s="257"/>
      <c r="AP35" s="257"/>
      <c r="AQ35" s="257"/>
      <c r="AR35" s="257"/>
      <c r="AS35" s="257"/>
      <c r="AT35" s="257"/>
      <c r="AU35" s="257"/>
      <c r="AV35" s="257"/>
      <c r="AW35" s="257"/>
      <c r="AX35" s="257"/>
      <c r="AY35" s="257"/>
      <c r="AZ35" s="257"/>
      <c r="BA35" s="257"/>
      <c r="BB35" s="257"/>
      <c r="BC35" s="257"/>
      <c r="BD35" s="257"/>
      <c r="BE35" s="257"/>
      <c r="BF35" s="257"/>
      <c r="BG35" s="257"/>
      <c r="BH35" s="257"/>
      <c r="BI35" s="257"/>
      <c r="BJ35" s="257"/>
      <c r="BK35" s="257"/>
      <c r="BL35" s="257"/>
      <c r="BM35" s="257"/>
      <c r="BN35" s="257"/>
      <c r="BO35" s="257"/>
      <c r="BP35" s="257"/>
      <c r="BQ35" s="257"/>
      <c r="BR35" s="257"/>
      <c r="BS35" s="257"/>
      <c r="BT35" s="257"/>
      <c r="BU35" s="257"/>
      <c r="BV35" s="257"/>
      <c r="BW35" s="257"/>
      <c r="BX35" s="257"/>
      <c r="BY35" s="257"/>
      <c r="BZ35" s="257"/>
      <c r="CA35" s="257"/>
      <c r="CB35" s="257"/>
      <c r="CC35" s="257"/>
      <c r="CD35" s="257"/>
      <c r="CE35" s="257"/>
      <c r="CF35" s="257"/>
      <c r="CG35" s="257"/>
      <c r="CH35" s="257"/>
      <c r="CI35" s="257"/>
      <c r="CJ35" s="257"/>
      <c r="CK35" s="257"/>
      <c r="CL35" s="257"/>
      <c r="CM35" s="257"/>
      <c r="CN35" s="257"/>
      <c r="CO35" s="257"/>
      <c r="CP35" s="257"/>
      <c r="CQ35" s="257"/>
      <c r="CR35" s="257"/>
      <c r="CS35" s="257"/>
      <c r="CT35" s="257"/>
      <c r="CU35" s="257"/>
      <c r="CV35" s="257"/>
      <c r="CW35" s="257"/>
      <c r="CX35" s="257"/>
      <c r="CY35" s="257"/>
      <c r="CZ35" s="257"/>
      <c r="DA35" s="257"/>
      <c r="DB35" s="257"/>
      <c r="DC35" s="257"/>
      <c r="DD35" s="257"/>
      <c r="DE35" s="257"/>
      <c r="DF35" s="257"/>
      <c r="DG35" s="257"/>
      <c r="DH35" s="257"/>
      <c r="DI35" s="257"/>
      <c r="DJ35" s="257"/>
      <c r="DK35" s="257"/>
      <c r="DL35" s="257"/>
      <c r="DM35" s="257"/>
      <c r="DN35" s="257"/>
      <c r="DO35" s="257"/>
      <c r="DP35" s="257"/>
      <c r="DQ35" s="257"/>
      <c r="DR35" s="257"/>
      <c r="DS35" s="257"/>
      <c r="DT35" s="257"/>
      <c r="DU35" s="257"/>
      <c r="DV35" s="257"/>
      <c r="DW35" s="257"/>
      <c r="DX35" s="257"/>
      <c r="DY35" s="257"/>
      <c r="DZ35" s="257"/>
      <c r="EA35" s="257"/>
      <c r="EB35" s="257"/>
      <c r="EC35" s="257"/>
      <c r="ED35" s="257"/>
      <c r="EE35" s="257"/>
      <c r="EF35" s="257"/>
      <c r="EG35" s="257"/>
      <c r="EH35" s="257"/>
      <c r="EI35" s="257"/>
      <c r="EJ35" s="257"/>
      <c r="EK35" s="257"/>
      <c r="EL35" s="257"/>
      <c r="EM35" s="257"/>
      <c r="EN35" s="257"/>
      <c r="EO35" s="257"/>
      <c r="EP35" s="257"/>
      <c r="EQ35" s="257"/>
      <c r="ER35" s="257"/>
      <c r="ES35" s="257"/>
      <c r="ET35" s="257"/>
      <c r="EU35" s="257"/>
      <c r="EV35" s="257"/>
      <c r="EW35" s="257"/>
      <c r="EX35" s="257"/>
      <c r="EY35" s="257"/>
      <c r="EZ35" s="257"/>
      <c r="FA35" s="257"/>
      <c r="FB35" s="257"/>
      <c r="FC35" s="257"/>
      <c r="FD35" s="257"/>
      <c r="FE35" s="257"/>
      <c r="FF35" s="257"/>
      <c r="FG35" s="257"/>
      <c r="FH35" s="257"/>
      <c r="FI35" s="257"/>
      <c r="FJ35" s="257"/>
      <c r="FK35" s="257"/>
      <c r="FL35" s="257"/>
      <c r="FM35" s="257"/>
      <c r="FN35" s="257"/>
      <c r="FO35" s="257"/>
      <c r="FP35" s="257"/>
      <c r="FQ35" s="257"/>
      <c r="FR35" s="257"/>
      <c r="FS35" s="257"/>
      <c r="FT35" s="257"/>
      <c r="FU35" s="257"/>
      <c r="FV35" s="257"/>
      <c r="FW35" s="257"/>
      <c r="FX35" s="257"/>
      <c r="FY35" s="257"/>
      <c r="FZ35" s="257"/>
      <c r="GA35" s="257"/>
      <c r="GB35" s="257"/>
      <c r="GC35" s="257"/>
      <c r="GD35" s="257"/>
      <c r="GE35" s="257"/>
      <c r="GF35" s="257"/>
      <c r="GG35" s="257"/>
      <c r="GH35" s="257"/>
      <c r="GI35" s="257"/>
      <c r="GJ35" s="257"/>
      <c r="GK35" s="257"/>
    </row>
    <row r="36" spans="1:193" s="260" customFormat="1" ht="37.5" customHeight="1">
      <c r="A36" s="464"/>
      <c r="B36" s="235"/>
      <c r="C36" s="459" t="s">
        <v>396</v>
      </c>
      <c r="D36" s="460"/>
      <c r="E36" s="229"/>
      <c r="F36" s="230" t="s">
        <v>397</v>
      </c>
      <c r="G36" s="225" t="s">
        <v>398</v>
      </c>
      <c r="H36" s="257"/>
      <c r="I36" s="257"/>
      <c r="J36" s="257"/>
      <c r="K36" s="257"/>
      <c r="L36" s="257"/>
      <c r="M36" s="257"/>
      <c r="N36" s="257"/>
      <c r="O36" s="257"/>
      <c r="P36" s="257"/>
      <c r="Q36" s="257"/>
      <c r="R36" s="257"/>
      <c r="S36" s="257"/>
      <c r="T36" s="257"/>
      <c r="U36" s="257"/>
      <c r="V36" s="257"/>
      <c r="W36" s="257"/>
      <c r="X36" s="257"/>
      <c r="Y36" s="257"/>
      <c r="Z36" s="257"/>
      <c r="AA36" s="257"/>
      <c r="AB36" s="257"/>
      <c r="AC36" s="257"/>
      <c r="AD36" s="257"/>
      <c r="AE36" s="257"/>
      <c r="AF36" s="257"/>
      <c r="AG36" s="257"/>
      <c r="AH36" s="257"/>
      <c r="AI36" s="257"/>
      <c r="AJ36" s="257"/>
      <c r="AK36" s="257"/>
      <c r="AL36" s="257"/>
      <c r="AM36" s="257"/>
      <c r="AN36" s="257"/>
      <c r="AO36" s="257"/>
      <c r="AP36" s="257"/>
      <c r="AQ36" s="257"/>
      <c r="AR36" s="257"/>
      <c r="AS36" s="257"/>
      <c r="AT36" s="257"/>
      <c r="AU36" s="257"/>
      <c r="AV36" s="257"/>
      <c r="AW36" s="257"/>
      <c r="AX36" s="257"/>
      <c r="AY36" s="257"/>
      <c r="AZ36" s="257"/>
      <c r="BA36" s="257"/>
      <c r="BB36" s="257"/>
      <c r="BC36" s="257"/>
      <c r="BD36" s="257"/>
      <c r="BE36" s="257"/>
      <c r="BF36" s="257"/>
      <c r="BG36" s="257"/>
      <c r="BH36" s="257"/>
      <c r="BI36" s="257"/>
      <c r="BJ36" s="257"/>
      <c r="BK36" s="257"/>
      <c r="BL36" s="257"/>
      <c r="BM36" s="257"/>
      <c r="BN36" s="257"/>
      <c r="BO36" s="257"/>
      <c r="BP36" s="257"/>
      <c r="BQ36" s="257"/>
      <c r="BR36" s="257"/>
      <c r="BS36" s="257"/>
      <c r="BT36" s="257"/>
      <c r="BU36" s="257"/>
      <c r="BV36" s="257"/>
      <c r="BW36" s="257"/>
      <c r="BX36" s="257"/>
      <c r="BY36" s="257"/>
      <c r="BZ36" s="257"/>
      <c r="CA36" s="257"/>
      <c r="CB36" s="257"/>
      <c r="CC36" s="257"/>
      <c r="CD36" s="257"/>
      <c r="CE36" s="257"/>
      <c r="CF36" s="257"/>
      <c r="CG36" s="257"/>
      <c r="CH36" s="257"/>
      <c r="CI36" s="257"/>
      <c r="CJ36" s="257"/>
      <c r="CK36" s="257"/>
      <c r="CL36" s="257"/>
      <c r="CM36" s="257"/>
      <c r="CN36" s="257"/>
      <c r="CO36" s="257"/>
      <c r="CP36" s="257"/>
      <c r="CQ36" s="257"/>
      <c r="CR36" s="257"/>
      <c r="CS36" s="257"/>
      <c r="CT36" s="257"/>
      <c r="CU36" s="257"/>
      <c r="CV36" s="257"/>
      <c r="CW36" s="257"/>
      <c r="CX36" s="257"/>
      <c r="CY36" s="257"/>
      <c r="CZ36" s="257"/>
      <c r="DA36" s="257"/>
      <c r="DB36" s="257"/>
      <c r="DC36" s="257"/>
      <c r="DD36" s="257"/>
      <c r="DE36" s="257"/>
      <c r="DF36" s="257"/>
      <c r="DG36" s="257"/>
      <c r="DH36" s="257"/>
      <c r="DI36" s="257"/>
      <c r="DJ36" s="257"/>
      <c r="DK36" s="257"/>
      <c r="DL36" s="257"/>
      <c r="DM36" s="257"/>
      <c r="DN36" s="257"/>
      <c r="DO36" s="257"/>
      <c r="DP36" s="257"/>
      <c r="DQ36" s="257"/>
      <c r="DR36" s="257"/>
      <c r="DS36" s="257"/>
      <c r="DT36" s="257"/>
      <c r="DU36" s="257"/>
      <c r="DV36" s="257"/>
      <c r="DW36" s="257"/>
      <c r="DX36" s="257"/>
      <c r="DY36" s="257"/>
      <c r="DZ36" s="257"/>
      <c r="EA36" s="257"/>
      <c r="EB36" s="257"/>
      <c r="EC36" s="257"/>
      <c r="ED36" s="257"/>
      <c r="EE36" s="257"/>
      <c r="EF36" s="257"/>
      <c r="EG36" s="257"/>
      <c r="EH36" s="257"/>
      <c r="EI36" s="257"/>
      <c r="EJ36" s="257"/>
      <c r="EK36" s="257"/>
      <c r="EL36" s="257"/>
      <c r="EM36" s="257"/>
      <c r="EN36" s="257"/>
      <c r="EO36" s="257"/>
      <c r="EP36" s="257"/>
      <c r="EQ36" s="257"/>
      <c r="ER36" s="257"/>
      <c r="ES36" s="257"/>
      <c r="ET36" s="257"/>
      <c r="EU36" s="257"/>
      <c r="EV36" s="257"/>
      <c r="EW36" s="257"/>
      <c r="EX36" s="257"/>
      <c r="EY36" s="257"/>
      <c r="EZ36" s="257"/>
      <c r="FA36" s="257"/>
      <c r="FB36" s="257"/>
      <c r="FC36" s="257"/>
      <c r="FD36" s="257"/>
      <c r="FE36" s="257"/>
      <c r="FF36" s="257"/>
      <c r="FG36" s="257"/>
      <c r="FH36" s="257"/>
      <c r="FI36" s="257"/>
      <c r="FJ36" s="257"/>
      <c r="FK36" s="257"/>
      <c r="FL36" s="257"/>
      <c r="FM36" s="257"/>
      <c r="FN36" s="257"/>
      <c r="FO36" s="257"/>
      <c r="FP36" s="257"/>
      <c r="FQ36" s="257"/>
      <c r="FR36" s="257"/>
      <c r="FS36" s="257"/>
      <c r="FT36" s="257"/>
      <c r="FU36" s="257"/>
      <c r="FV36" s="257"/>
      <c r="FW36" s="257"/>
      <c r="FX36" s="257"/>
      <c r="FY36" s="257"/>
      <c r="FZ36" s="257"/>
      <c r="GA36" s="257"/>
      <c r="GB36" s="257"/>
      <c r="GC36" s="257"/>
      <c r="GD36" s="257"/>
      <c r="GE36" s="257"/>
      <c r="GF36" s="257"/>
      <c r="GG36" s="257"/>
      <c r="GH36" s="257"/>
      <c r="GI36" s="257"/>
      <c r="GJ36" s="257"/>
      <c r="GK36" s="257"/>
    </row>
    <row r="37" spans="1:193" s="227" customFormat="1" ht="69.75" customHeight="1">
      <c r="A37" s="456"/>
      <c r="B37" s="228"/>
      <c r="C37" s="461" t="s">
        <v>399</v>
      </c>
      <c r="D37" s="462"/>
      <c r="E37" s="236"/>
      <c r="F37" s="237" t="s">
        <v>397</v>
      </c>
      <c r="G37" s="238" t="s">
        <v>400</v>
      </c>
      <c r="H37" s="226"/>
      <c r="I37" s="226"/>
      <c r="J37" s="226"/>
      <c r="K37" s="226"/>
      <c r="L37" s="226"/>
      <c r="M37" s="226"/>
      <c r="N37" s="226"/>
      <c r="O37" s="226"/>
      <c r="P37" s="226"/>
      <c r="Q37" s="226"/>
      <c r="R37" s="226"/>
      <c r="S37" s="226"/>
      <c r="T37" s="226"/>
      <c r="U37" s="226"/>
      <c r="V37" s="226"/>
      <c r="W37" s="226"/>
      <c r="X37" s="226"/>
      <c r="Y37" s="226"/>
      <c r="Z37" s="226"/>
      <c r="AA37" s="226"/>
      <c r="AB37" s="226"/>
      <c r="AC37" s="226"/>
      <c r="AD37" s="226"/>
      <c r="AE37" s="226"/>
      <c r="AF37" s="226"/>
      <c r="AG37" s="226"/>
      <c r="AH37" s="226"/>
      <c r="AI37" s="226"/>
      <c r="AJ37" s="226"/>
      <c r="AK37" s="226"/>
      <c r="AL37" s="226"/>
      <c r="AM37" s="226"/>
      <c r="AN37" s="226"/>
      <c r="AO37" s="226"/>
      <c r="AP37" s="226"/>
      <c r="AQ37" s="226"/>
      <c r="AR37" s="226"/>
      <c r="AS37" s="226"/>
      <c r="AT37" s="226"/>
      <c r="AU37" s="226"/>
      <c r="AV37" s="226"/>
      <c r="AW37" s="226"/>
      <c r="AX37" s="226"/>
      <c r="AY37" s="226"/>
      <c r="AZ37" s="226"/>
      <c r="BA37" s="226"/>
      <c r="BB37" s="226"/>
      <c r="BC37" s="226"/>
      <c r="BD37" s="226"/>
      <c r="BE37" s="226"/>
      <c r="BF37" s="226"/>
      <c r="BG37" s="226"/>
      <c r="BH37" s="226"/>
      <c r="BI37" s="226"/>
      <c r="BJ37" s="226"/>
      <c r="BK37" s="226"/>
      <c r="BL37" s="226"/>
      <c r="BM37" s="226"/>
      <c r="BN37" s="226"/>
      <c r="BO37" s="226"/>
      <c r="BP37" s="226"/>
      <c r="BQ37" s="226"/>
      <c r="BR37" s="226"/>
      <c r="BS37" s="226"/>
      <c r="BT37" s="226"/>
      <c r="BU37" s="226"/>
      <c r="BV37" s="226"/>
      <c r="BW37" s="226"/>
      <c r="BX37" s="226"/>
      <c r="BY37" s="226"/>
      <c r="BZ37" s="226"/>
      <c r="CA37" s="226"/>
      <c r="CB37" s="226"/>
      <c r="CC37" s="226"/>
      <c r="CD37" s="226"/>
      <c r="CE37" s="226"/>
      <c r="CF37" s="226"/>
      <c r="CG37" s="226"/>
      <c r="CH37" s="226"/>
      <c r="CI37" s="226"/>
      <c r="CJ37" s="226"/>
      <c r="CK37" s="226"/>
      <c r="CL37" s="226"/>
      <c r="CM37" s="226"/>
      <c r="CN37" s="226"/>
      <c r="CO37" s="226"/>
      <c r="CP37" s="226"/>
      <c r="CQ37" s="226"/>
      <c r="CR37" s="226"/>
      <c r="CS37" s="226"/>
      <c r="CT37" s="226"/>
      <c r="CU37" s="226"/>
      <c r="CV37" s="226"/>
      <c r="CW37" s="226"/>
      <c r="CX37" s="226"/>
      <c r="CY37" s="226"/>
      <c r="CZ37" s="226"/>
      <c r="DA37" s="226"/>
      <c r="DB37" s="226"/>
      <c r="DC37" s="226"/>
      <c r="DD37" s="226"/>
      <c r="DE37" s="226"/>
      <c r="DF37" s="226"/>
      <c r="DG37" s="226"/>
      <c r="DH37" s="226"/>
      <c r="DI37" s="226"/>
      <c r="DJ37" s="226"/>
      <c r="DK37" s="226"/>
      <c r="DL37" s="226"/>
      <c r="DM37" s="226"/>
      <c r="DN37" s="226"/>
      <c r="DO37" s="226"/>
      <c r="DP37" s="226"/>
      <c r="DQ37" s="226"/>
      <c r="DR37" s="226"/>
      <c r="DS37" s="226"/>
      <c r="DT37" s="226"/>
      <c r="DU37" s="226"/>
      <c r="DV37" s="226"/>
      <c r="DW37" s="226"/>
      <c r="DX37" s="226"/>
      <c r="DY37" s="226"/>
      <c r="DZ37" s="226"/>
      <c r="EA37" s="226"/>
      <c r="EB37" s="226"/>
      <c r="EC37" s="226"/>
      <c r="ED37" s="226"/>
      <c r="EE37" s="226"/>
      <c r="EF37" s="226"/>
      <c r="EG37" s="226"/>
      <c r="EH37" s="226"/>
      <c r="EI37" s="226"/>
      <c r="EJ37" s="226"/>
      <c r="EK37" s="226"/>
      <c r="EL37" s="226"/>
      <c r="EM37" s="226"/>
      <c r="EN37" s="226"/>
      <c r="EO37" s="226"/>
      <c r="EP37" s="226"/>
      <c r="EQ37" s="226"/>
      <c r="ER37" s="226"/>
      <c r="ES37" s="226"/>
      <c r="ET37" s="226"/>
      <c r="EU37" s="226"/>
      <c r="EV37" s="226"/>
      <c r="EW37" s="226"/>
      <c r="EX37" s="226"/>
      <c r="EY37" s="226"/>
      <c r="EZ37" s="226"/>
      <c r="FA37" s="226"/>
      <c r="FB37" s="226"/>
      <c r="FC37" s="226"/>
      <c r="FD37" s="226"/>
      <c r="FE37" s="226"/>
      <c r="FF37" s="226"/>
      <c r="FG37" s="226"/>
      <c r="FH37" s="226"/>
      <c r="FI37" s="226"/>
      <c r="FJ37" s="226"/>
      <c r="FK37" s="226"/>
      <c r="FL37" s="226"/>
      <c r="FM37" s="226"/>
      <c r="FN37" s="226"/>
      <c r="FO37" s="226"/>
      <c r="FP37" s="226"/>
      <c r="FQ37" s="226"/>
      <c r="FR37" s="226"/>
      <c r="FS37" s="226"/>
      <c r="FT37" s="226"/>
      <c r="FU37" s="226"/>
      <c r="FV37" s="226"/>
      <c r="FW37" s="226"/>
      <c r="FX37" s="226"/>
      <c r="FY37" s="226"/>
      <c r="FZ37" s="226"/>
      <c r="GA37" s="226"/>
      <c r="GB37" s="226"/>
      <c r="GC37" s="226"/>
      <c r="GD37" s="226"/>
      <c r="GE37" s="226"/>
      <c r="GF37" s="226"/>
      <c r="GG37" s="226"/>
      <c r="GH37" s="226"/>
      <c r="GI37" s="226"/>
      <c r="GJ37" s="226"/>
      <c r="GK37" s="226"/>
    </row>
    <row r="38" spans="1:193" s="227" customFormat="1" ht="49.5" customHeight="1">
      <c r="A38" s="478" t="s">
        <v>401</v>
      </c>
      <c r="B38" s="222" t="s">
        <v>353</v>
      </c>
      <c r="C38" s="457" t="s">
        <v>402</v>
      </c>
      <c r="D38" s="458"/>
      <c r="E38" s="232"/>
      <c r="F38" s="233" t="s">
        <v>344</v>
      </c>
      <c r="G38" s="234" t="s">
        <v>403</v>
      </c>
      <c r="H38" s="226"/>
      <c r="I38" s="226"/>
      <c r="J38" s="226"/>
      <c r="K38" s="226"/>
      <c r="L38" s="226"/>
      <c r="M38" s="226"/>
      <c r="N38" s="226"/>
      <c r="O38" s="226"/>
      <c r="P38" s="226"/>
      <c r="Q38" s="226"/>
      <c r="R38" s="226"/>
      <c r="S38" s="226"/>
      <c r="T38" s="226"/>
      <c r="U38" s="226"/>
      <c r="V38" s="226"/>
      <c r="W38" s="226"/>
      <c r="X38" s="226"/>
      <c r="Y38" s="226"/>
      <c r="Z38" s="226"/>
      <c r="AA38" s="226"/>
      <c r="AB38" s="226"/>
      <c r="AC38" s="226"/>
      <c r="AD38" s="226"/>
      <c r="AE38" s="226"/>
      <c r="AF38" s="226"/>
      <c r="AG38" s="226"/>
      <c r="AH38" s="226"/>
      <c r="AI38" s="226"/>
      <c r="AJ38" s="226"/>
      <c r="AK38" s="226"/>
      <c r="AL38" s="226"/>
      <c r="AM38" s="226"/>
      <c r="AN38" s="226"/>
      <c r="AO38" s="226"/>
      <c r="AP38" s="226"/>
      <c r="AQ38" s="226"/>
      <c r="AR38" s="226"/>
      <c r="AS38" s="226"/>
      <c r="AT38" s="226"/>
      <c r="AU38" s="226"/>
      <c r="AV38" s="226"/>
      <c r="AW38" s="226"/>
      <c r="AX38" s="226"/>
      <c r="AY38" s="226"/>
      <c r="AZ38" s="226"/>
      <c r="BA38" s="226"/>
      <c r="BB38" s="226"/>
      <c r="BC38" s="226"/>
      <c r="BD38" s="226"/>
      <c r="BE38" s="226"/>
      <c r="BF38" s="226"/>
      <c r="BG38" s="226"/>
      <c r="BH38" s="226"/>
      <c r="BI38" s="226"/>
      <c r="BJ38" s="226"/>
      <c r="BK38" s="226"/>
      <c r="BL38" s="226"/>
      <c r="BM38" s="226"/>
      <c r="BN38" s="226"/>
      <c r="BO38" s="226"/>
      <c r="BP38" s="226"/>
      <c r="BQ38" s="226"/>
      <c r="BR38" s="226"/>
      <c r="BS38" s="226"/>
      <c r="BT38" s="226"/>
      <c r="BU38" s="226"/>
      <c r="BV38" s="226"/>
      <c r="BW38" s="226"/>
      <c r="BX38" s="226"/>
      <c r="BY38" s="226"/>
      <c r="BZ38" s="226"/>
      <c r="CA38" s="226"/>
      <c r="CB38" s="226"/>
      <c r="CC38" s="226"/>
      <c r="CD38" s="226"/>
      <c r="CE38" s="226"/>
      <c r="CF38" s="226"/>
      <c r="CG38" s="226"/>
      <c r="CH38" s="226"/>
      <c r="CI38" s="226"/>
      <c r="CJ38" s="226"/>
      <c r="CK38" s="226"/>
      <c r="CL38" s="226"/>
      <c r="CM38" s="226"/>
      <c r="CN38" s="226"/>
      <c r="CO38" s="226"/>
      <c r="CP38" s="226"/>
      <c r="CQ38" s="226"/>
      <c r="CR38" s="226"/>
      <c r="CS38" s="226"/>
      <c r="CT38" s="226"/>
      <c r="CU38" s="226"/>
      <c r="CV38" s="226"/>
      <c r="CW38" s="226"/>
      <c r="CX38" s="226"/>
      <c r="CY38" s="226"/>
      <c r="CZ38" s="226"/>
      <c r="DA38" s="226"/>
      <c r="DB38" s="226"/>
      <c r="DC38" s="226"/>
      <c r="DD38" s="226"/>
      <c r="DE38" s="226"/>
      <c r="DF38" s="226"/>
      <c r="DG38" s="226"/>
      <c r="DH38" s="226"/>
      <c r="DI38" s="226"/>
      <c r="DJ38" s="226"/>
      <c r="DK38" s="226"/>
      <c r="DL38" s="226"/>
      <c r="DM38" s="226"/>
      <c r="DN38" s="226"/>
      <c r="DO38" s="226"/>
      <c r="DP38" s="226"/>
      <c r="DQ38" s="226"/>
      <c r="DR38" s="226"/>
      <c r="DS38" s="226"/>
      <c r="DT38" s="226"/>
      <c r="DU38" s="226"/>
      <c r="DV38" s="226"/>
      <c r="DW38" s="226"/>
      <c r="DX38" s="226"/>
      <c r="DY38" s="226"/>
      <c r="DZ38" s="226"/>
      <c r="EA38" s="226"/>
      <c r="EB38" s="226"/>
      <c r="EC38" s="226"/>
      <c r="ED38" s="226"/>
      <c r="EE38" s="226"/>
      <c r="EF38" s="226"/>
      <c r="EG38" s="226"/>
      <c r="EH38" s="226"/>
      <c r="EI38" s="226"/>
      <c r="EJ38" s="226"/>
      <c r="EK38" s="226"/>
      <c r="EL38" s="226"/>
      <c r="EM38" s="226"/>
      <c r="EN38" s="226"/>
      <c r="EO38" s="226"/>
      <c r="EP38" s="226"/>
      <c r="EQ38" s="226"/>
      <c r="ER38" s="226"/>
      <c r="ES38" s="226"/>
      <c r="ET38" s="226"/>
      <c r="EU38" s="226"/>
      <c r="EV38" s="226"/>
      <c r="EW38" s="226"/>
      <c r="EX38" s="226"/>
      <c r="EY38" s="226"/>
      <c r="EZ38" s="226"/>
      <c r="FA38" s="226"/>
      <c r="FB38" s="226"/>
      <c r="FC38" s="226"/>
      <c r="FD38" s="226"/>
      <c r="FE38" s="226"/>
      <c r="FF38" s="226"/>
      <c r="FG38" s="226"/>
      <c r="FH38" s="226"/>
      <c r="FI38" s="226"/>
      <c r="FJ38" s="226"/>
      <c r="FK38" s="226"/>
      <c r="FL38" s="226"/>
      <c r="FM38" s="226"/>
      <c r="FN38" s="226"/>
      <c r="FO38" s="226"/>
      <c r="FP38" s="226"/>
      <c r="FQ38" s="226"/>
      <c r="FR38" s="226"/>
      <c r="FS38" s="226"/>
      <c r="FT38" s="226"/>
      <c r="FU38" s="226"/>
      <c r="FV38" s="226"/>
      <c r="FW38" s="226"/>
      <c r="FX38" s="226"/>
      <c r="FY38" s="226"/>
      <c r="FZ38" s="226"/>
      <c r="GA38" s="226"/>
      <c r="GB38" s="226"/>
      <c r="GC38" s="226"/>
      <c r="GD38" s="226"/>
      <c r="GE38" s="226"/>
      <c r="GF38" s="226"/>
      <c r="GG38" s="226"/>
      <c r="GH38" s="226"/>
      <c r="GI38" s="226"/>
      <c r="GJ38" s="226"/>
      <c r="GK38" s="226"/>
    </row>
    <row r="39" spans="1:193" s="227" customFormat="1" ht="61.5" customHeight="1">
      <c r="A39" s="479"/>
      <c r="B39" s="261"/>
      <c r="C39" s="459" t="s">
        <v>404</v>
      </c>
      <c r="D39" s="460"/>
      <c r="E39" s="223"/>
      <c r="F39" s="224" t="s">
        <v>344</v>
      </c>
      <c r="G39" s="225" t="s">
        <v>405</v>
      </c>
      <c r="H39" s="481"/>
      <c r="I39" s="482"/>
      <c r="J39" s="226"/>
      <c r="K39" s="226"/>
      <c r="L39" s="226"/>
      <c r="M39" s="226"/>
      <c r="N39" s="226"/>
      <c r="O39" s="226"/>
      <c r="P39" s="226"/>
      <c r="Q39" s="226"/>
      <c r="R39" s="226"/>
      <c r="S39" s="226"/>
      <c r="T39" s="226"/>
      <c r="U39" s="226"/>
      <c r="V39" s="226"/>
      <c r="W39" s="226"/>
      <c r="X39" s="226"/>
      <c r="Y39" s="226"/>
      <c r="Z39" s="226"/>
      <c r="AA39" s="226"/>
      <c r="AB39" s="226"/>
      <c r="AC39" s="226"/>
      <c r="AD39" s="226"/>
      <c r="AE39" s="226"/>
      <c r="AF39" s="226"/>
      <c r="AG39" s="226"/>
      <c r="AH39" s="226"/>
      <c r="AI39" s="226"/>
      <c r="AJ39" s="226"/>
      <c r="AK39" s="226"/>
      <c r="AL39" s="226"/>
      <c r="AM39" s="226"/>
      <c r="AN39" s="226"/>
      <c r="AO39" s="226"/>
      <c r="AP39" s="226"/>
      <c r="AQ39" s="226"/>
      <c r="AR39" s="226"/>
      <c r="AS39" s="226"/>
      <c r="AT39" s="226"/>
      <c r="AU39" s="226"/>
      <c r="AV39" s="226"/>
      <c r="AW39" s="226"/>
      <c r="AX39" s="226"/>
      <c r="AY39" s="226"/>
      <c r="AZ39" s="226"/>
      <c r="BA39" s="226"/>
      <c r="BB39" s="226"/>
      <c r="BC39" s="226"/>
      <c r="BD39" s="226"/>
      <c r="BE39" s="226"/>
      <c r="BF39" s="226"/>
      <c r="BG39" s="226"/>
      <c r="BH39" s="226"/>
      <c r="BI39" s="226"/>
      <c r="BJ39" s="226"/>
      <c r="BK39" s="226"/>
      <c r="BL39" s="226"/>
      <c r="BM39" s="226"/>
      <c r="BN39" s="226"/>
      <c r="BO39" s="226"/>
      <c r="BP39" s="226"/>
      <c r="BQ39" s="226"/>
      <c r="BR39" s="226"/>
      <c r="BS39" s="226"/>
      <c r="BT39" s="226"/>
      <c r="BU39" s="226"/>
      <c r="BV39" s="226"/>
      <c r="BW39" s="226"/>
      <c r="BX39" s="226"/>
      <c r="BY39" s="226"/>
      <c r="BZ39" s="226"/>
      <c r="CA39" s="226"/>
      <c r="CB39" s="226"/>
      <c r="CC39" s="226"/>
      <c r="CD39" s="226"/>
      <c r="CE39" s="226"/>
      <c r="CF39" s="226"/>
      <c r="CG39" s="226"/>
      <c r="CH39" s="226"/>
      <c r="CI39" s="226"/>
      <c r="CJ39" s="226"/>
      <c r="CK39" s="226"/>
      <c r="CL39" s="226"/>
      <c r="CM39" s="226"/>
      <c r="CN39" s="226"/>
      <c r="CO39" s="226"/>
      <c r="CP39" s="226"/>
      <c r="CQ39" s="226"/>
      <c r="CR39" s="226"/>
      <c r="CS39" s="226"/>
      <c r="CT39" s="226"/>
      <c r="CU39" s="226"/>
      <c r="CV39" s="226"/>
      <c r="CW39" s="226"/>
      <c r="CX39" s="226"/>
      <c r="CY39" s="226"/>
      <c r="CZ39" s="226"/>
      <c r="DA39" s="226"/>
      <c r="DB39" s="226"/>
      <c r="DC39" s="226"/>
      <c r="DD39" s="226"/>
      <c r="DE39" s="226"/>
      <c r="DF39" s="226"/>
      <c r="DG39" s="226"/>
      <c r="DH39" s="226"/>
      <c r="DI39" s="226"/>
      <c r="DJ39" s="226"/>
      <c r="DK39" s="226"/>
      <c r="DL39" s="226"/>
      <c r="DM39" s="226"/>
      <c r="DN39" s="226"/>
      <c r="DO39" s="226"/>
      <c r="DP39" s="226"/>
      <c r="DQ39" s="226"/>
      <c r="DR39" s="226"/>
      <c r="DS39" s="226"/>
      <c r="DT39" s="226"/>
      <c r="DU39" s="226"/>
      <c r="DV39" s="226"/>
      <c r="DW39" s="226"/>
      <c r="DX39" s="226"/>
      <c r="DY39" s="226"/>
      <c r="DZ39" s="226"/>
      <c r="EA39" s="226"/>
      <c r="EB39" s="226"/>
      <c r="EC39" s="226"/>
      <c r="ED39" s="226"/>
      <c r="EE39" s="226"/>
      <c r="EF39" s="226"/>
      <c r="EG39" s="226"/>
      <c r="EH39" s="226"/>
      <c r="EI39" s="226"/>
      <c r="EJ39" s="226"/>
      <c r="EK39" s="226"/>
      <c r="EL39" s="226"/>
      <c r="EM39" s="226"/>
      <c r="EN39" s="226"/>
      <c r="EO39" s="226"/>
      <c r="EP39" s="226"/>
      <c r="EQ39" s="226"/>
      <c r="ER39" s="226"/>
      <c r="ES39" s="226"/>
      <c r="ET39" s="226"/>
      <c r="EU39" s="226"/>
      <c r="EV39" s="226"/>
      <c r="EW39" s="226"/>
      <c r="EX39" s="226"/>
      <c r="EY39" s="226"/>
      <c r="EZ39" s="226"/>
      <c r="FA39" s="226"/>
      <c r="FB39" s="226"/>
      <c r="FC39" s="226"/>
      <c r="FD39" s="226"/>
      <c r="FE39" s="226"/>
      <c r="FF39" s="226"/>
      <c r="FG39" s="226"/>
      <c r="FH39" s="226"/>
      <c r="FI39" s="226"/>
      <c r="FJ39" s="226"/>
      <c r="FK39" s="226"/>
      <c r="FL39" s="226"/>
      <c r="FM39" s="226"/>
      <c r="FN39" s="226"/>
      <c r="FO39" s="226"/>
      <c r="FP39" s="226"/>
      <c r="FQ39" s="226"/>
      <c r="FR39" s="226"/>
      <c r="FS39" s="226"/>
      <c r="FT39" s="226"/>
      <c r="FU39" s="226"/>
      <c r="FV39" s="226"/>
      <c r="FW39" s="226"/>
      <c r="FX39" s="226"/>
      <c r="FY39" s="226"/>
      <c r="FZ39" s="226"/>
      <c r="GA39" s="226"/>
      <c r="GB39" s="226"/>
      <c r="GC39" s="226"/>
      <c r="GD39" s="226"/>
      <c r="GE39" s="226"/>
      <c r="GF39" s="226"/>
      <c r="GG39" s="226"/>
      <c r="GH39" s="226"/>
      <c r="GI39" s="226"/>
      <c r="GJ39" s="226"/>
      <c r="GK39" s="226"/>
    </row>
    <row r="40" spans="1:193" s="227" customFormat="1" ht="49.5" customHeight="1">
      <c r="A40" s="479"/>
      <c r="B40" s="261"/>
      <c r="C40" s="459" t="s">
        <v>406</v>
      </c>
      <c r="D40" s="460"/>
      <c r="E40" s="223"/>
      <c r="F40" s="224" t="s">
        <v>344</v>
      </c>
      <c r="G40" s="234" t="s">
        <v>407</v>
      </c>
      <c r="H40" s="226"/>
      <c r="I40" s="226"/>
      <c r="J40" s="226"/>
      <c r="K40" s="226"/>
      <c r="L40" s="226"/>
      <c r="M40" s="226"/>
      <c r="N40" s="226"/>
      <c r="O40" s="226"/>
      <c r="P40" s="226"/>
      <c r="Q40" s="226"/>
      <c r="R40" s="226"/>
      <c r="S40" s="226"/>
      <c r="T40" s="226"/>
      <c r="U40" s="226"/>
      <c r="V40" s="226"/>
      <c r="W40" s="226"/>
      <c r="X40" s="226"/>
      <c r="Y40" s="226"/>
      <c r="Z40" s="226"/>
      <c r="AA40" s="226"/>
      <c r="AB40" s="226"/>
      <c r="AC40" s="226"/>
      <c r="AD40" s="226"/>
      <c r="AE40" s="226"/>
      <c r="AF40" s="226"/>
      <c r="AG40" s="226"/>
      <c r="AH40" s="226"/>
      <c r="AI40" s="226"/>
      <c r="AJ40" s="226"/>
      <c r="AK40" s="226"/>
      <c r="AL40" s="226"/>
      <c r="AM40" s="226"/>
      <c r="AN40" s="226"/>
      <c r="AO40" s="226"/>
      <c r="AP40" s="226"/>
      <c r="AQ40" s="226"/>
      <c r="AR40" s="226"/>
      <c r="AS40" s="226"/>
      <c r="AT40" s="226"/>
      <c r="AU40" s="226"/>
      <c r="AV40" s="226"/>
      <c r="AW40" s="226"/>
      <c r="AX40" s="226"/>
      <c r="AY40" s="226"/>
      <c r="AZ40" s="226"/>
      <c r="BA40" s="226"/>
      <c r="BB40" s="226"/>
      <c r="BC40" s="226"/>
      <c r="BD40" s="226"/>
      <c r="BE40" s="226"/>
      <c r="BF40" s="226"/>
      <c r="BG40" s="226"/>
      <c r="BH40" s="226"/>
      <c r="BI40" s="226"/>
      <c r="BJ40" s="226"/>
      <c r="BK40" s="226"/>
      <c r="BL40" s="226"/>
      <c r="BM40" s="226"/>
      <c r="BN40" s="226"/>
      <c r="BO40" s="226"/>
      <c r="BP40" s="226"/>
      <c r="BQ40" s="226"/>
      <c r="BR40" s="226"/>
      <c r="BS40" s="226"/>
      <c r="BT40" s="226"/>
      <c r="BU40" s="226"/>
      <c r="BV40" s="226"/>
      <c r="BW40" s="226"/>
      <c r="BX40" s="226"/>
      <c r="BY40" s="226"/>
      <c r="BZ40" s="226"/>
      <c r="CA40" s="226"/>
      <c r="CB40" s="226"/>
      <c r="CC40" s="226"/>
      <c r="CD40" s="226"/>
      <c r="CE40" s="226"/>
      <c r="CF40" s="226"/>
      <c r="CG40" s="226"/>
      <c r="CH40" s="226"/>
      <c r="CI40" s="226"/>
      <c r="CJ40" s="226"/>
      <c r="CK40" s="226"/>
      <c r="CL40" s="226"/>
      <c r="CM40" s="226"/>
      <c r="CN40" s="226"/>
      <c r="CO40" s="226"/>
      <c r="CP40" s="226"/>
      <c r="CQ40" s="226"/>
      <c r="CR40" s="226"/>
      <c r="CS40" s="226"/>
      <c r="CT40" s="226"/>
      <c r="CU40" s="226"/>
      <c r="CV40" s="226"/>
      <c r="CW40" s="226"/>
      <c r="CX40" s="226"/>
      <c r="CY40" s="226"/>
      <c r="CZ40" s="226"/>
      <c r="DA40" s="226"/>
      <c r="DB40" s="226"/>
      <c r="DC40" s="226"/>
      <c r="DD40" s="226"/>
      <c r="DE40" s="226"/>
      <c r="DF40" s="226"/>
      <c r="DG40" s="226"/>
      <c r="DH40" s="226"/>
      <c r="DI40" s="226"/>
      <c r="DJ40" s="226"/>
      <c r="DK40" s="226"/>
      <c r="DL40" s="226"/>
      <c r="DM40" s="226"/>
      <c r="DN40" s="226"/>
      <c r="DO40" s="226"/>
      <c r="DP40" s="226"/>
      <c r="DQ40" s="226"/>
      <c r="DR40" s="226"/>
      <c r="DS40" s="226"/>
      <c r="DT40" s="226"/>
      <c r="DU40" s="226"/>
      <c r="DV40" s="226"/>
      <c r="DW40" s="226"/>
      <c r="DX40" s="226"/>
      <c r="DY40" s="226"/>
      <c r="DZ40" s="226"/>
      <c r="EA40" s="226"/>
      <c r="EB40" s="226"/>
      <c r="EC40" s="226"/>
      <c r="ED40" s="226"/>
      <c r="EE40" s="226"/>
      <c r="EF40" s="226"/>
      <c r="EG40" s="226"/>
      <c r="EH40" s="226"/>
      <c r="EI40" s="226"/>
      <c r="EJ40" s="226"/>
      <c r="EK40" s="226"/>
      <c r="EL40" s="226"/>
      <c r="EM40" s="226"/>
      <c r="EN40" s="226"/>
      <c r="EO40" s="226"/>
      <c r="EP40" s="226"/>
      <c r="EQ40" s="226"/>
      <c r="ER40" s="226"/>
      <c r="ES40" s="226"/>
      <c r="ET40" s="226"/>
      <c r="EU40" s="226"/>
      <c r="EV40" s="226"/>
      <c r="EW40" s="226"/>
      <c r="EX40" s="226"/>
      <c r="EY40" s="226"/>
      <c r="EZ40" s="226"/>
      <c r="FA40" s="226"/>
      <c r="FB40" s="226"/>
      <c r="FC40" s="226"/>
      <c r="FD40" s="226"/>
      <c r="FE40" s="226"/>
      <c r="FF40" s="226"/>
      <c r="FG40" s="226"/>
      <c r="FH40" s="226"/>
      <c r="FI40" s="226"/>
      <c r="FJ40" s="226"/>
      <c r="FK40" s="226"/>
      <c r="FL40" s="226"/>
      <c r="FM40" s="226"/>
      <c r="FN40" s="226"/>
      <c r="FO40" s="226"/>
      <c r="FP40" s="226"/>
      <c r="FQ40" s="226"/>
      <c r="FR40" s="226"/>
      <c r="FS40" s="226"/>
      <c r="FT40" s="226"/>
      <c r="FU40" s="226"/>
      <c r="FV40" s="226"/>
      <c r="FW40" s="226"/>
      <c r="FX40" s="226"/>
      <c r="FY40" s="226"/>
      <c r="FZ40" s="226"/>
      <c r="GA40" s="226"/>
      <c r="GB40" s="226"/>
      <c r="GC40" s="226"/>
      <c r="GD40" s="226"/>
      <c r="GE40" s="226"/>
      <c r="GF40" s="226"/>
      <c r="GG40" s="226"/>
      <c r="GH40" s="226"/>
      <c r="GI40" s="226"/>
      <c r="GJ40" s="226"/>
      <c r="GK40" s="226"/>
    </row>
    <row r="41" spans="1:193" s="227" customFormat="1" ht="21.75" customHeight="1">
      <c r="A41" s="480"/>
      <c r="B41" s="262"/>
      <c r="C41" s="461" t="s">
        <v>408</v>
      </c>
      <c r="D41" s="462"/>
      <c r="E41" s="236"/>
      <c r="F41" s="237" t="s">
        <v>344</v>
      </c>
      <c r="G41" s="238"/>
      <c r="H41" s="226"/>
      <c r="I41" s="226"/>
      <c r="J41" s="226"/>
      <c r="K41" s="226"/>
      <c r="L41" s="226"/>
      <c r="M41" s="226"/>
      <c r="N41" s="226"/>
      <c r="O41" s="226"/>
      <c r="P41" s="226"/>
      <c r="Q41" s="226"/>
      <c r="R41" s="226"/>
      <c r="S41" s="226"/>
      <c r="T41" s="226"/>
      <c r="U41" s="226"/>
      <c r="V41" s="226"/>
      <c r="W41" s="226"/>
      <c r="X41" s="226"/>
      <c r="Y41" s="226"/>
      <c r="Z41" s="226"/>
      <c r="AA41" s="226"/>
      <c r="AB41" s="226"/>
      <c r="AC41" s="226"/>
      <c r="AD41" s="226"/>
      <c r="AE41" s="226"/>
      <c r="AF41" s="226"/>
      <c r="AG41" s="226"/>
      <c r="AH41" s="226"/>
      <c r="AI41" s="226"/>
      <c r="AJ41" s="226"/>
      <c r="AK41" s="226"/>
      <c r="AL41" s="226"/>
      <c r="AM41" s="226"/>
      <c r="AN41" s="226"/>
      <c r="AO41" s="226"/>
      <c r="AP41" s="226"/>
      <c r="AQ41" s="226"/>
      <c r="AR41" s="226"/>
      <c r="AS41" s="226"/>
      <c r="AT41" s="226"/>
      <c r="AU41" s="226"/>
      <c r="AV41" s="226"/>
      <c r="AW41" s="226"/>
      <c r="AX41" s="226"/>
      <c r="AY41" s="226"/>
      <c r="AZ41" s="226"/>
      <c r="BA41" s="226"/>
      <c r="BB41" s="226"/>
      <c r="BC41" s="226"/>
      <c r="BD41" s="226"/>
      <c r="BE41" s="226"/>
      <c r="BF41" s="226"/>
      <c r="BG41" s="226"/>
      <c r="BH41" s="226"/>
      <c r="BI41" s="226"/>
      <c r="BJ41" s="226"/>
      <c r="BK41" s="226"/>
      <c r="BL41" s="226"/>
      <c r="BM41" s="226"/>
      <c r="BN41" s="226"/>
      <c r="BO41" s="226"/>
      <c r="BP41" s="226"/>
      <c r="BQ41" s="226"/>
      <c r="BR41" s="226"/>
      <c r="BS41" s="226"/>
      <c r="BT41" s="226"/>
      <c r="BU41" s="226"/>
      <c r="BV41" s="226"/>
      <c r="BW41" s="226"/>
      <c r="BX41" s="226"/>
      <c r="BY41" s="226"/>
      <c r="BZ41" s="226"/>
      <c r="CA41" s="226"/>
      <c r="CB41" s="226"/>
      <c r="CC41" s="226"/>
      <c r="CD41" s="226"/>
      <c r="CE41" s="226"/>
      <c r="CF41" s="226"/>
      <c r="CG41" s="226"/>
      <c r="CH41" s="226"/>
      <c r="CI41" s="226"/>
      <c r="CJ41" s="226"/>
      <c r="CK41" s="226"/>
      <c r="CL41" s="226"/>
      <c r="CM41" s="226"/>
      <c r="CN41" s="226"/>
      <c r="CO41" s="226"/>
      <c r="CP41" s="226"/>
      <c r="CQ41" s="226"/>
      <c r="CR41" s="226"/>
      <c r="CS41" s="226"/>
      <c r="CT41" s="226"/>
      <c r="CU41" s="226"/>
      <c r="CV41" s="226"/>
      <c r="CW41" s="226"/>
      <c r="CX41" s="226"/>
      <c r="CY41" s="226"/>
      <c r="CZ41" s="226"/>
      <c r="DA41" s="226"/>
      <c r="DB41" s="226"/>
      <c r="DC41" s="226"/>
      <c r="DD41" s="226"/>
      <c r="DE41" s="226"/>
      <c r="DF41" s="226"/>
      <c r="DG41" s="226"/>
      <c r="DH41" s="226"/>
      <c r="DI41" s="226"/>
      <c r="DJ41" s="226"/>
      <c r="DK41" s="226"/>
      <c r="DL41" s="226"/>
      <c r="DM41" s="226"/>
      <c r="DN41" s="226"/>
      <c r="DO41" s="226"/>
      <c r="DP41" s="226"/>
      <c r="DQ41" s="226"/>
      <c r="DR41" s="226"/>
      <c r="DS41" s="226"/>
      <c r="DT41" s="226"/>
      <c r="DU41" s="226"/>
      <c r="DV41" s="226"/>
      <c r="DW41" s="226"/>
      <c r="DX41" s="226"/>
      <c r="DY41" s="226"/>
      <c r="DZ41" s="226"/>
      <c r="EA41" s="226"/>
      <c r="EB41" s="226"/>
      <c r="EC41" s="226"/>
      <c r="ED41" s="226"/>
      <c r="EE41" s="226"/>
      <c r="EF41" s="226"/>
      <c r="EG41" s="226"/>
      <c r="EH41" s="226"/>
      <c r="EI41" s="226"/>
      <c r="EJ41" s="226"/>
      <c r="EK41" s="226"/>
      <c r="EL41" s="226"/>
      <c r="EM41" s="226"/>
      <c r="EN41" s="226"/>
      <c r="EO41" s="226"/>
      <c r="EP41" s="226"/>
      <c r="EQ41" s="226"/>
      <c r="ER41" s="226"/>
      <c r="ES41" s="226"/>
      <c r="ET41" s="226"/>
      <c r="EU41" s="226"/>
      <c r="EV41" s="226"/>
      <c r="EW41" s="226"/>
      <c r="EX41" s="226"/>
      <c r="EY41" s="226"/>
      <c r="EZ41" s="226"/>
      <c r="FA41" s="226"/>
      <c r="FB41" s="226"/>
      <c r="FC41" s="226"/>
      <c r="FD41" s="226"/>
      <c r="FE41" s="226"/>
      <c r="FF41" s="226"/>
      <c r="FG41" s="226"/>
      <c r="FH41" s="226"/>
      <c r="FI41" s="226"/>
      <c r="FJ41" s="226"/>
      <c r="FK41" s="226"/>
      <c r="FL41" s="226"/>
      <c r="FM41" s="226"/>
      <c r="FN41" s="226"/>
      <c r="FO41" s="226"/>
      <c r="FP41" s="226"/>
      <c r="FQ41" s="226"/>
      <c r="FR41" s="226"/>
      <c r="FS41" s="226"/>
      <c r="FT41" s="226"/>
      <c r="FU41" s="226"/>
      <c r="FV41" s="226"/>
      <c r="FW41" s="226"/>
      <c r="FX41" s="226"/>
      <c r="FY41" s="226"/>
      <c r="FZ41" s="226"/>
      <c r="GA41" s="226"/>
      <c r="GB41" s="226"/>
      <c r="GC41" s="226"/>
      <c r="GD41" s="226"/>
      <c r="GE41" s="226"/>
      <c r="GF41" s="226"/>
      <c r="GG41" s="226"/>
      <c r="GH41" s="226"/>
      <c r="GI41" s="226"/>
      <c r="GJ41" s="226"/>
      <c r="GK41" s="226"/>
    </row>
    <row r="42" spans="1:193" s="260" customFormat="1" ht="158.25" customHeight="1">
      <c r="A42" s="263" t="s">
        <v>409</v>
      </c>
      <c r="B42" s="263" t="s">
        <v>363</v>
      </c>
      <c r="C42" s="471" t="s">
        <v>410</v>
      </c>
      <c r="D42" s="472"/>
      <c r="E42" s="252"/>
      <c r="F42" s="253" t="s">
        <v>344</v>
      </c>
      <c r="G42" s="264" t="s">
        <v>411</v>
      </c>
      <c r="H42" s="257"/>
      <c r="I42" s="257"/>
      <c r="J42" s="257"/>
      <c r="K42" s="257"/>
      <c r="L42" s="257"/>
      <c r="M42" s="257"/>
      <c r="N42" s="257"/>
      <c r="O42" s="257"/>
      <c r="P42" s="257"/>
      <c r="Q42" s="257"/>
      <c r="R42" s="257"/>
      <c r="S42" s="257"/>
      <c r="T42" s="257"/>
      <c r="U42" s="257"/>
      <c r="V42" s="257"/>
      <c r="W42" s="257"/>
      <c r="X42" s="257"/>
      <c r="Y42" s="257"/>
      <c r="Z42" s="257"/>
      <c r="AA42" s="257"/>
      <c r="AB42" s="257"/>
      <c r="AC42" s="257"/>
      <c r="AD42" s="257"/>
      <c r="AE42" s="257"/>
      <c r="AF42" s="257"/>
      <c r="AG42" s="257"/>
      <c r="AH42" s="257"/>
      <c r="AI42" s="257"/>
      <c r="AJ42" s="257"/>
      <c r="AK42" s="257"/>
      <c r="AL42" s="257"/>
      <c r="AM42" s="257"/>
      <c r="AN42" s="257"/>
      <c r="AO42" s="257"/>
      <c r="AP42" s="257"/>
      <c r="AQ42" s="257"/>
      <c r="AR42" s="257"/>
      <c r="AS42" s="257"/>
      <c r="AT42" s="257"/>
      <c r="AU42" s="257"/>
      <c r="AV42" s="257"/>
      <c r="AW42" s="257"/>
      <c r="AX42" s="257"/>
      <c r="AY42" s="257"/>
      <c r="AZ42" s="257"/>
      <c r="BA42" s="257"/>
      <c r="BB42" s="257"/>
      <c r="BC42" s="257"/>
      <c r="BD42" s="257"/>
      <c r="BE42" s="257"/>
      <c r="BF42" s="257"/>
      <c r="BG42" s="257"/>
      <c r="BH42" s="257"/>
      <c r="BI42" s="257"/>
      <c r="BJ42" s="257"/>
      <c r="BK42" s="257"/>
      <c r="BL42" s="257"/>
      <c r="BM42" s="257"/>
      <c r="BN42" s="257"/>
      <c r="BO42" s="257"/>
      <c r="BP42" s="257"/>
      <c r="BQ42" s="257"/>
      <c r="BR42" s="257"/>
      <c r="BS42" s="257"/>
      <c r="BT42" s="257"/>
      <c r="BU42" s="257"/>
      <c r="BV42" s="257"/>
      <c r="BW42" s="257"/>
      <c r="BX42" s="257"/>
      <c r="BY42" s="257"/>
      <c r="BZ42" s="257"/>
      <c r="CA42" s="257"/>
      <c r="CB42" s="257"/>
      <c r="CC42" s="257"/>
      <c r="CD42" s="257"/>
      <c r="CE42" s="257"/>
      <c r="CF42" s="257"/>
      <c r="CG42" s="257"/>
      <c r="CH42" s="257"/>
      <c r="CI42" s="257"/>
      <c r="CJ42" s="257"/>
      <c r="CK42" s="257"/>
      <c r="CL42" s="257"/>
      <c r="CM42" s="257"/>
      <c r="CN42" s="257"/>
      <c r="CO42" s="257"/>
      <c r="CP42" s="257"/>
      <c r="CQ42" s="257"/>
      <c r="CR42" s="257"/>
      <c r="CS42" s="257"/>
      <c r="CT42" s="257"/>
      <c r="CU42" s="257"/>
      <c r="CV42" s="257"/>
      <c r="CW42" s="257"/>
      <c r="CX42" s="257"/>
      <c r="CY42" s="257"/>
      <c r="CZ42" s="257"/>
      <c r="DA42" s="257"/>
      <c r="DB42" s="257"/>
      <c r="DC42" s="257"/>
      <c r="DD42" s="257"/>
      <c r="DE42" s="257"/>
      <c r="DF42" s="257"/>
      <c r="DG42" s="257"/>
      <c r="DH42" s="257"/>
      <c r="DI42" s="257"/>
      <c r="DJ42" s="257"/>
      <c r="DK42" s="257"/>
      <c r="DL42" s="257"/>
      <c r="DM42" s="257"/>
      <c r="DN42" s="257"/>
      <c r="DO42" s="257"/>
      <c r="DP42" s="257"/>
      <c r="DQ42" s="257"/>
      <c r="DR42" s="257"/>
      <c r="DS42" s="257"/>
      <c r="DT42" s="257"/>
      <c r="DU42" s="257"/>
      <c r="DV42" s="257"/>
      <c r="DW42" s="257"/>
      <c r="DX42" s="257"/>
      <c r="DY42" s="257"/>
      <c r="DZ42" s="257"/>
      <c r="EA42" s="257"/>
      <c r="EB42" s="257"/>
      <c r="EC42" s="257"/>
      <c r="ED42" s="257"/>
      <c r="EE42" s="257"/>
      <c r="EF42" s="257"/>
      <c r="EG42" s="257"/>
      <c r="EH42" s="257"/>
      <c r="EI42" s="257"/>
      <c r="EJ42" s="257"/>
      <c r="EK42" s="257"/>
      <c r="EL42" s="257"/>
      <c r="EM42" s="257"/>
      <c r="EN42" s="257"/>
      <c r="EO42" s="257"/>
      <c r="EP42" s="257"/>
      <c r="EQ42" s="257"/>
      <c r="ER42" s="257"/>
      <c r="ES42" s="257"/>
      <c r="ET42" s="257"/>
      <c r="EU42" s="257"/>
      <c r="EV42" s="257"/>
      <c r="EW42" s="257"/>
      <c r="EX42" s="257"/>
      <c r="EY42" s="257"/>
      <c r="EZ42" s="257"/>
      <c r="FA42" s="257"/>
      <c r="FB42" s="257"/>
      <c r="FC42" s="257"/>
      <c r="FD42" s="257"/>
      <c r="FE42" s="257"/>
      <c r="FF42" s="257"/>
      <c r="FG42" s="257"/>
      <c r="FH42" s="257"/>
      <c r="FI42" s="257"/>
      <c r="FJ42" s="257"/>
      <c r="FK42" s="257"/>
      <c r="FL42" s="257"/>
      <c r="FM42" s="257"/>
      <c r="FN42" s="257"/>
      <c r="FO42" s="257"/>
      <c r="FP42" s="257"/>
      <c r="FQ42" s="257"/>
      <c r="FR42" s="257"/>
      <c r="FS42" s="257"/>
      <c r="FT42" s="257"/>
      <c r="FU42" s="257"/>
      <c r="FV42" s="257"/>
      <c r="FW42" s="257"/>
      <c r="FX42" s="257"/>
      <c r="FY42" s="257"/>
      <c r="FZ42" s="257"/>
      <c r="GA42" s="257"/>
      <c r="GB42" s="257"/>
      <c r="GC42" s="257"/>
      <c r="GD42" s="257"/>
      <c r="GE42" s="257"/>
      <c r="GF42" s="257"/>
      <c r="GG42" s="257"/>
      <c r="GH42" s="257"/>
      <c r="GI42" s="257"/>
      <c r="GJ42" s="257"/>
      <c r="GK42" s="257"/>
    </row>
    <row r="43" spans="1:193" s="227" customFormat="1" ht="129.75" customHeight="1">
      <c r="A43" s="487" t="s">
        <v>409</v>
      </c>
      <c r="B43" s="261"/>
      <c r="C43" s="476" t="s">
        <v>412</v>
      </c>
      <c r="D43" s="477"/>
      <c r="E43" s="239"/>
      <c r="F43" s="240" t="s">
        <v>344</v>
      </c>
      <c r="G43" s="241" t="s">
        <v>413</v>
      </c>
      <c r="H43" s="226"/>
      <c r="I43" s="226"/>
      <c r="J43" s="226"/>
      <c r="K43" s="226"/>
      <c r="L43" s="226"/>
      <c r="M43" s="226"/>
      <c r="N43" s="226"/>
      <c r="O43" s="226"/>
      <c r="P43" s="226"/>
      <c r="Q43" s="226"/>
      <c r="R43" s="226"/>
      <c r="S43" s="226"/>
      <c r="T43" s="226"/>
      <c r="U43" s="226"/>
      <c r="V43" s="226"/>
      <c r="W43" s="226"/>
      <c r="X43" s="226"/>
      <c r="Y43" s="226"/>
      <c r="Z43" s="226"/>
      <c r="AA43" s="226"/>
      <c r="AB43" s="226"/>
      <c r="AC43" s="226"/>
      <c r="AD43" s="226"/>
      <c r="AE43" s="226"/>
      <c r="AF43" s="226"/>
      <c r="AG43" s="226"/>
      <c r="AH43" s="226"/>
      <c r="AI43" s="226"/>
      <c r="AJ43" s="226"/>
      <c r="AK43" s="226"/>
      <c r="AL43" s="226"/>
      <c r="AM43" s="226"/>
      <c r="AN43" s="226"/>
      <c r="AO43" s="226"/>
      <c r="AP43" s="226"/>
      <c r="AQ43" s="226"/>
      <c r="AR43" s="226"/>
      <c r="AS43" s="226"/>
      <c r="AT43" s="226"/>
      <c r="AU43" s="226"/>
      <c r="AV43" s="226"/>
      <c r="AW43" s="226"/>
      <c r="AX43" s="226"/>
      <c r="AY43" s="226"/>
      <c r="AZ43" s="226"/>
      <c r="BA43" s="226"/>
      <c r="BB43" s="226"/>
      <c r="BC43" s="226"/>
      <c r="BD43" s="226"/>
      <c r="BE43" s="226"/>
      <c r="BF43" s="226"/>
      <c r="BG43" s="226"/>
      <c r="BH43" s="226"/>
      <c r="BI43" s="226"/>
      <c r="BJ43" s="226"/>
      <c r="BK43" s="226"/>
      <c r="BL43" s="226"/>
      <c r="BM43" s="226"/>
      <c r="BN43" s="226"/>
      <c r="BO43" s="226"/>
      <c r="BP43" s="226"/>
      <c r="BQ43" s="226"/>
      <c r="BR43" s="226"/>
      <c r="BS43" s="226"/>
      <c r="BT43" s="226"/>
      <c r="BU43" s="226"/>
      <c r="BV43" s="226"/>
      <c r="BW43" s="226"/>
      <c r="BX43" s="226"/>
      <c r="BY43" s="226"/>
      <c r="BZ43" s="226"/>
      <c r="CA43" s="226"/>
      <c r="CB43" s="226"/>
      <c r="CC43" s="226"/>
      <c r="CD43" s="226"/>
      <c r="CE43" s="226"/>
      <c r="CF43" s="226"/>
      <c r="CG43" s="226"/>
      <c r="CH43" s="226"/>
      <c r="CI43" s="226"/>
      <c r="CJ43" s="226"/>
      <c r="CK43" s="226"/>
      <c r="CL43" s="226"/>
      <c r="CM43" s="226"/>
      <c r="CN43" s="226"/>
      <c r="CO43" s="226"/>
      <c r="CP43" s="226"/>
      <c r="CQ43" s="226"/>
      <c r="CR43" s="226"/>
      <c r="CS43" s="226"/>
      <c r="CT43" s="226"/>
      <c r="CU43" s="226"/>
      <c r="CV43" s="226"/>
      <c r="CW43" s="226"/>
      <c r="CX43" s="226"/>
      <c r="CY43" s="226"/>
      <c r="CZ43" s="226"/>
      <c r="DA43" s="226"/>
      <c r="DB43" s="226"/>
      <c r="DC43" s="226"/>
      <c r="DD43" s="226"/>
      <c r="DE43" s="226"/>
      <c r="DF43" s="226"/>
      <c r="DG43" s="226"/>
      <c r="DH43" s="226"/>
      <c r="DI43" s="226"/>
      <c r="DJ43" s="226"/>
      <c r="DK43" s="226"/>
      <c r="DL43" s="226"/>
      <c r="DM43" s="226"/>
      <c r="DN43" s="226"/>
      <c r="DO43" s="226"/>
      <c r="DP43" s="226"/>
      <c r="DQ43" s="226"/>
      <c r="DR43" s="226"/>
      <c r="DS43" s="226"/>
      <c r="DT43" s="226"/>
      <c r="DU43" s="226"/>
      <c r="DV43" s="226"/>
      <c r="DW43" s="226"/>
      <c r="DX43" s="226"/>
      <c r="DY43" s="226"/>
      <c r="DZ43" s="226"/>
      <c r="EA43" s="226"/>
      <c r="EB43" s="226"/>
      <c r="EC43" s="226"/>
      <c r="ED43" s="226"/>
      <c r="EE43" s="226"/>
      <c r="EF43" s="226"/>
      <c r="EG43" s="226"/>
      <c r="EH43" s="226"/>
      <c r="EI43" s="226"/>
      <c r="EJ43" s="226"/>
      <c r="EK43" s="226"/>
      <c r="EL43" s="226"/>
      <c r="EM43" s="226"/>
      <c r="EN43" s="226"/>
      <c r="EO43" s="226"/>
      <c r="EP43" s="226"/>
      <c r="EQ43" s="226"/>
      <c r="ER43" s="226"/>
      <c r="ES43" s="226"/>
      <c r="ET43" s="226"/>
      <c r="EU43" s="226"/>
      <c r="EV43" s="226"/>
      <c r="EW43" s="226"/>
      <c r="EX43" s="226"/>
      <c r="EY43" s="226"/>
      <c r="EZ43" s="226"/>
      <c r="FA43" s="226"/>
      <c r="FB43" s="226"/>
      <c r="FC43" s="226"/>
      <c r="FD43" s="226"/>
      <c r="FE43" s="226"/>
      <c r="FF43" s="226"/>
      <c r="FG43" s="226"/>
      <c r="FH43" s="226"/>
      <c r="FI43" s="226"/>
      <c r="FJ43" s="226"/>
      <c r="FK43" s="226"/>
      <c r="FL43" s="226"/>
      <c r="FM43" s="226"/>
      <c r="FN43" s="226"/>
      <c r="FO43" s="226"/>
      <c r="FP43" s="226"/>
      <c r="FQ43" s="226"/>
      <c r="FR43" s="226"/>
      <c r="FS43" s="226"/>
      <c r="FT43" s="226"/>
      <c r="FU43" s="226"/>
      <c r="FV43" s="226"/>
      <c r="FW43" s="226"/>
      <c r="FX43" s="226"/>
      <c r="FY43" s="226"/>
      <c r="FZ43" s="226"/>
      <c r="GA43" s="226"/>
      <c r="GB43" s="226"/>
      <c r="GC43" s="226"/>
      <c r="GD43" s="226"/>
      <c r="GE43" s="226"/>
      <c r="GF43" s="226"/>
      <c r="GG43" s="226"/>
      <c r="GH43" s="226"/>
      <c r="GI43" s="226"/>
      <c r="GJ43" s="226"/>
      <c r="GK43" s="226"/>
    </row>
    <row r="44" spans="1:193" s="260" customFormat="1" ht="94.5" customHeight="1">
      <c r="A44" s="488"/>
      <c r="B44" s="261"/>
      <c r="C44" s="459" t="s">
        <v>414</v>
      </c>
      <c r="D44" s="460"/>
      <c r="E44" s="223"/>
      <c r="F44" s="224" t="s">
        <v>344</v>
      </c>
      <c r="G44" s="225" t="s">
        <v>415</v>
      </c>
      <c r="H44" s="257"/>
      <c r="I44" s="257"/>
      <c r="J44" s="257"/>
      <c r="K44" s="257"/>
      <c r="L44" s="257"/>
      <c r="M44" s="257"/>
      <c r="N44" s="257"/>
      <c r="O44" s="257"/>
      <c r="P44" s="257"/>
      <c r="Q44" s="257"/>
      <c r="R44" s="257"/>
      <c r="S44" s="257"/>
      <c r="T44" s="257"/>
      <c r="U44" s="257"/>
      <c r="V44" s="257"/>
      <c r="W44" s="257"/>
      <c r="X44" s="257"/>
      <c r="Y44" s="257"/>
      <c r="Z44" s="257"/>
      <c r="AA44" s="257"/>
      <c r="AB44" s="257"/>
      <c r="AC44" s="257"/>
      <c r="AD44" s="257"/>
      <c r="AE44" s="257"/>
      <c r="AF44" s="257"/>
      <c r="AG44" s="257"/>
      <c r="AH44" s="257"/>
      <c r="AI44" s="257"/>
      <c r="AJ44" s="257"/>
      <c r="AK44" s="257"/>
      <c r="AL44" s="257"/>
      <c r="AM44" s="257"/>
      <c r="AN44" s="257"/>
      <c r="AO44" s="257"/>
      <c r="AP44" s="257"/>
      <c r="AQ44" s="257"/>
      <c r="AR44" s="257"/>
      <c r="AS44" s="257"/>
      <c r="AT44" s="257"/>
      <c r="AU44" s="257"/>
      <c r="AV44" s="257"/>
      <c r="AW44" s="257"/>
      <c r="AX44" s="257"/>
      <c r="AY44" s="257"/>
      <c r="AZ44" s="257"/>
      <c r="BA44" s="257"/>
      <c r="BB44" s="257"/>
      <c r="BC44" s="257"/>
      <c r="BD44" s="257"/>
      <c r="BE44" s="257"/>
      <c r="BF44" s="257"/>
      <c r="BG44" s="257"/>
      <c r="BH44" s="257"/>
      <c r="BI44" s="257"/>
      <c r="BJ44" s="257"/>
      <c r="BK44" s="257"/>
      <c r="BL44" s="257"/>
      <c r="BM44" s="257"/>
      <c r="BN44" s="257"/>
      <c r="BO44" s="257"/>
      <c r="BP44" s="257"/>
      <c r="BQ44" s="257"/>
      <c r="BR44" s="257"/>
      <c r="BS44" s="257"/>
      <c r="BT44" s="257"/>
      <c r="BU44" s="257"/>
      <c r="BV44" s="257"/>
      <c r="BW44" s="257"/>
      <c r="BX44" s="257"/>
      <c r="BY44" s="257"/>
      <c r="BZ44" s="257"/>
      <c r="CA44" s="257"/>
      <c r="CB44" s="257"/>
      <c r="CC44" s="257"/>
      <c r="CD44" s="257"/>
      <c r="CE44" s="257"/>
      <c r="CF44" s="257"/>
      <c r="CG44" s="257"/>
      <c r="CH44" s="257"/>
      <c r="CI44" s="257"/>
      <c r="CJ44" s="257"/>
      <c r="CK44" s="257"/>
      <c r="CL44" s="257"/>
      <c r="CM44" s="257"/>
      <c r="CN44" s="257"/>
      <c r="CO44" s="257"/>
      <c r="CP44" s="257"/>
      <c r="CQ44" s="257"/>
      <c r="CR44" s="257"/>
      <c r="CS44" s="257"/>
      <c r="CT44" s="257"/>
      <c r="CU44" s="257"/>
      <c r="CV44" s="257"/>
      <c r="CW44" s="257"/>
      <c r="CX44" s="257"/>
      <c r="CY44" s="257"/>
      <c r="CZ44" s="257"/>
      <c r="DA44" s="257"/>
      <c r="DB44" s="257"/>
      <c r="DC44" s="257"/>
      <c r="DD44" s="257"/>
      <c r="DE44" s="257"/>
      <c r="DF44" s="257"/>
      <c r="DG44" s="257"/>
      <c r="DH44" s="257"/>
      <c r="DI44" s="257"/>
      <c r="DJ44" s="257"/>
      <c r="DK44" s="257"/>
      <c r="DL44" s="257"/>
      <c r="DM44" s="257"/>
      <c r="DN44" s="257"/>
      <c r="DO44" s="257"/>
      <c r="DP44" s="257"/>
      <c r="DQ44" s="257"/>
      <c r="DR44" s="257"/>
      <c r="DS44" s="257"/>
      <c r="DT44" s="257"/>
      <c r="DU44" s="257"/>
      <c r="DV44" s="257"/>
      <c r="DW44" s="257"/>
      <c r="DX44" s="257"/>
      <c r="DY44" s="257"/>
      <c r="DZ44" s="257"/>
      <c r="EA44" s="257"/>
      <c r="EB44" s="257"/>
      <c r="EC44" s="257"/>
      <c r="ED44" s="257"/>
      <c r="EE44" s="257"/>
      <c r="EF44" s="257"/>
      <c r="EG44" s="257"/>
      <c r="EH44" s="257"/>
      <c r="EI44" s="257"/>
      <c r="EJ44" s="257"/>
      <c r="EK44" s="257"/>
      <c r="EL44" s="257"/>
      <c r="EM44" s="257"/>
      <c r="EN44" s="257"/>
      <c r="EO44" s="257"/>
      <c r="EP44" s="257"/>
      <c r="EQ44" s="257"/>
      <c r="ER44" s="257"/>
      <c r="ES44" s="257"/>
      <c r="ET44" s="257"/>
      <c r="EU44" s="257"/>
      <c r="EV44" s="257"/>
      <c r="EW44" s="257"/>
      <c r="EX44" s="257"/>
      <c r="EY44" s="257"/>
      <c r="EZ44" s="257"/>
      <c r="FA44" s="257"/>
      <c r="FB44" s="257"/>
      <c r="FC44" s="257"/>
      <c r="FD44" s="257"/>
      <c r="FE44" s="257"/>
      <c r="FF44" s="257"/>
      <c r="FG44" s="257"/>
      <c r="FH44" s="257"/>
      <c r="FI44" s="257"/>
      <c r="FJ44" s="257"/>
      <c r="FK44" s="257"/>
      <c r="FL44" s="257"/>
      <c r="FM44" s="257"/>
      <c r="FN44" s="257"/>
      <c r="FO44" s="257"/>
      <c r="FP44" s="257"/>
      <c r="FQ44" s="257"/>
      <c r="FR44" s="257"/>
      <c r="FS44" s="257"/>
      <c r="FT44" s="257"/>
      <c r="FU44" s="257"/>
      <c r="FV44" s="257"/>
      <c r="FW44" s="257"/>
      <c r="FX44" s="257"/>
      <c r="FY44" s="257"/>
      <c r="FZ44" s="257"/>
      <c r="GA44" s="257"/>
      <c r="GB44" s="257"/>
      <c r="GC44" s="257"/>
      <c r="GD44" s="257"/>
      <c r="GE44" s="257"/>
      <c r="GF44" s="257"/>
      <c r="GG44" s="257"/>
      <c r="GH44" s="257"/>
      <c r="GI44" s="257"/>
      <c r="GJ44" s="257"/>
      <c r="GK44" s="257"/>
    </row>
    <row r="45" spans="1:193" s="260" customFormat="1" ht="65.25" customHeight="1">
      <c r="A45" s="488"/>
      <c r="B45" s="261"/>
      <c r="C45" s="459" t="s">
        <v>416</v>
      </c>
      <c r="D45" s="460"/>
      <c r="E45" s="223"/>
      <c r="F45" s="224" t="s">
        <v>344</v>
      </c>
      <c r="G45" s="225" t="s">
        <v>415</v>
      </c>
      <c r="H45" s="257"/>
      <c r="I45" s="257"/>
      <c r="J45" s="257"/>
      <c r="K45" s="257"/>
      <c r="L45" s="257"/>
      <c r="M45" s="257"/>
      <c r="N45" s="257"/>
      <c r="O45" s="257"/>
      <c r="P45" s="257"/>
      <c r="Q45" s="257"/>
      <c r="R45" s="257"/>
      <c r="S45" s="257"/>
      <c r="T45" s="257"/>
      <c r="U45" s="257"/>
      <c r="V45" s="257"/>
      <c r="W45" s="257"/>
      <c r="X45" s="257"/>
      <c r="Y45" s="257"/>
      <c r="Z45" s="257"/>
      <c r="AA45" s="257"/>
      <c r="AB45" s="257"/>
      <c r="AC45" s="257"/>
      <c r="AD45" s="257"/>
      <c r="AE45" s="257"/>
      <c r="AF45" s="257"/>
      <c r="AG45" s="257"/>
      <c r="AH45" s="257"/>
      <c r="AI45" s="257"/>
      <c r="AJ45" s="257"/>
      <c r="AK45" s="257"/>
      <c r="AL45" s="257"/>
      <c r="AM45" s="257"/>
      <c r="AN45" s="257"/>
      <c r="AO45" s="257"/>
      <c r="AP45" s="257"/>
      <c r="AQ45" s="257"/>
      <c r="AR45" s="257"/>
      <c r="AS45" s="257"/>
      <c r="AT45" s="257"/>
      <c r="AU45" s="257"/>
      <c r="AV45" s="257"/>
      <c r="AW45" s="257"/>
      <c r="AX45" s="257"/>
      <c r="AY45" s="257"/>
      <c r="AZ45" s="257"/>
      <c r="BA45" s="257"/>
      <c r="BB45" s="257"/>
      <c r="BC45" s="257"/>
      <c r="BD45" s="257"/>
      <c r="BE45" s="257"/>
      <c r="BF45" s="257"/>
      <c r="BG45" s="257"/>
      <c r="BH45" s="257"/>
      <c r="BI45" s="257"/>
      <c r="BJ45" s="257"/>
      <c r="BK45" s="257"/>
      <c r="BL45" s="257"/>
      <c r="BM45" s="257"/>
      <c r="BN45" s="257"/>
      <c r="BO45" s="257"/>
      <c r="BP45" s="257"/>
      <c r="BQ45" s="257"/>
      <c r="BR45" s="257"/>
      <c r="BS45" s="257"/>
      <c r="BT45" s="257"/>
      <c r="BU45" s="257"/>
      <c r="BV45" s="257"/>
      <c r="BW45" s="257"/>
      <c r="BX45" s="257"/>
      <c r="BY45" s="257"/>
      <c r="BZ45" s="257"/>
      <c r="CA45" s="257"/>
      <c r="CB45" s="257"/>
      <c r="CC45" s="257"/>
      <c r="CD45" s="257"/>
      <c r="CE45" s="257"/>
      <c r="CF45" s="257"/>
      <c r="CG45" s="257"/>
      <c r="CH45" s="257"/>
      <c r="CI45" s="257"/>
      <c r="CJ45" s="257"/>
      <c r="CK45" s="257"/>
      <c r="CL45" s="257"/>
      <c r="CM45" s="257"/>
      <c r="CN45" s="257"/>
      <c r="CO45" s="257"/>
      <c r="CP45" s="257"/>
      <c r="CQ45" s="257"/>
      <c r="CR45" s="257"/>
      <c r="CS45" s="257"/>
      <c r="CT45" s="257"/>
      <c r="CU45" s="257"/>
      <c r="CV45" s="257"/>
      <c r="CW45" s="257"/>
      <c r="CX45" s="257"/>
      <c r="CY45" s="257"/>
      <c r="CZ45" s="257"/>
      <c r="DA45" s="257"/>
      <c r="DB45" s="257"/>
      <c r="DC45" s="257"/>
      <c r="DD45" s="257"/>
      <c r="DE45" s="257"/>
      <c r="DF45" s="257"/>
      <c r="DG45" s="257"/>
      <c r="DH45" s="257"/>
      <c r="DI45" s="257"/>
      <c r="DJ45" s="257"/>
      <c r="DK45" s="257"/>
      <c r="DL45" s="257"/>
      <c r="DM45" s="257"/>
      <c r="DN45" s="257"/>
      <c r="DO45" s="257"/>
      <c r="DP45" s="257"/>
      <c r="DQ45" s="257"/>
      <c r="DR45" s="257"/>
      <c r="DS45" s="257"/>
      <c r="DT45" s="257"/>
      <c r="DU45" s="257"/>
      <c r="DV45" s="257"/>
      <c r="DW45" s="257"/>
      <c r="DX45" s="257"/>
      <c r="DY45" s="257"/>
      <c r="DZ45" s="257"/>
      <c r="EA45" s="257"/>
      <c r="EB45" s="257"/>
      <c r="EC45" s="257"/>
      <c r="ED45" s="257"/>
      <c r="EE45" s="257"/>
      <c r="EF45" s="257"/>
      <c r="EG45" s="257"/>
      <c r="EH45" s="257"/>
      <c r="EI45" s="257"/>
      <c r="EJ45" s="257"/>
      <c r="EK45" s="257"/>
      <c r="EL45" s="257"/>
      <c r="EM45" s="257"/>
      <c r="EN45" s="257"/>
      <c r="EO45" s="257"/>
      <c r="EP45" s="257"/>
      <c r="EQ45" s="257"/>
      <c r="ER45" s="257"/>
      <c r="ES45" s="257"/>
      <c r="ET45" s="257"/>
      <c r="EU45" s="257"/>
      <c r="EV45" s="257"/>
      <c r="EW45" s="257"/>
      <c r="EX45" s="257"/>
      <c r="EY45" s="257"/>
      <c r="EZ45" s="257"/>
      <c r="FA45" s="257"/>
      <c r="FB45" s="257"/>
      <c r="FC45" s="257"/>
      <c r="FD45" s="257"/>
      <c r="FE45" s="257"/>
      <c r="FF45" s="257"/>
      <c r="FG45" s="257"/>
      <c r="FH45" s="257"/>
      <c r="FI45" s="257"/>
      <c r="FJ45" s="257"/>
      <c r="FK45" s="257"/>
      <c r="FL45" s="257"/>
      <c r="FM45" s="257"/>
      <c r="FN45" s="257"/>
      <c r="FO45" s="257"/>
      <c r="FP45" s="257"/>
      <c r="FQ45" s="257"/>
      <c r="FR45" s="257"/>
      <c r="FS45" s="257"/>
      <c r="FT45" s="257"/>
      <c r="FU45" s="257"/>
      <c r="FV45" s="257"/>
      <c r="FW45" s="257"/>
      <c r="FX45" s="257"/>
      <c r="FY45" s="257"/>
      <c r="FZ45" s="257"/>
      <c r="GA45" s="257"/>
      <c r="GB45" s="257"/>
      <c r="GC45" s="257"/>
      <c r="GD45" s="257"/>
      <c r="GE45" s="257"/>
      <c r="GF45" s="257"/>
      <c r="GG45" s="257"/>
      <c r="GH45" s="257"/>
      <c r="GI45" s="257"/>
      <c r="GJ45" s="257"/>
      <c r="GK45" s="257"/>
    </row>
    <row r="46" spans="1:193" s="260" customFormat="1" ht="89.25" customHeight="1">
      <c r="A46" s="488"/>
      <c r="B46" s="261"/>
      <c r="C46" s="459" t="s">
        <v>417</v>
      </c>
      <c r="D46" s="460"/>
      <c r="E46" s="223"/>
      <c r="F46" s="224" t="s">
        <v>344</v>
      </c>
      <c r="G46" s="234" t="s">
        <v>418</v>
      </c>
      <c r="H46" s="257"/>
      <c r="I46" s="257"/>
      <c r="J46" s="257"/>
      <c r="K46" s="257"/>
      <c r="L46" s="257"/>
      <c r="M46" s="257"/>
      <c r="N46" s="257"/>
      <c r="O46" s="257"/>
      <c r="P46" s="257"/>
      <c r="Q46" s="257"/>
      <c r="R46" s="257"/>
      <c r="S46" s="257"/>
      <c r="T46" s="257"/>
      <c r="U46" s="257"/>
      <c r="V46" s="257"/>
      <c r="W46" s="257"/>
      <c r="X46" s="257"/>
      <c r="Y46" s="257"/>
      <c r="Z46" s="257"/>
      <c r="AA46" s="257"/>
      <c r="AB46" s="257"/>
      <c r="AC46" s="257"/>
      <c r="AD46" s="257"/>
      <c r="AE46" s="257"/>
      <c r="AF46" s="257"/>
      <c r="AG46" s="257"/>
      <c r="AH46" s="257"/>
      <c r="AI46" s="257"/>
      <c r="AJ46" s="257"/>
      <c r="AK46" s="257"/>
      <c r="AL46" s="257"/>
      <c r="AM46" s="257"/>
      <c r="AN46" s="257"/>
      <c r="AO46" s="257"/>
      <c r="AP46" s="257"/>
      <c r="AQ46" s="257"/>
      <c r="AR46" s="257"/>
      <c r="AS46" s="257"/>
      <c r="AT46" s="257"/>
      <c r="AU46" s="257"/>
      <c r="AV46" s="257"/>
      <c r="AW46" s="257"/>
      <c r="AX46" s="257"/>
      <c r="AY46" s="257"/>
      <c r="AZ46" s="257"/>
      <c r="BA46" s="257"/>
      <c r="BB46" s="257"/>
      <c r="BC46" s="257"/>
      <c r="BD46" s="257"/>
      <c r="BE46" s="257"/>
      <c r="BF46" s="257"/>
      <c r="BG46" s="257"/>
      <c r="BH46" s="257"/>
      <c r="BI46" s="257"/>
      <c r="BJ46" s="257"/>
      <c r="BK46" s="257"/>
      <c r="BL46" s="257"/>
      <c r="BM46" s="257"/>
      <c r="BN46" s="257"/>
      <c r="BO46" s="257"/>
      <c r="BP46" s="257"/>
      <c r="BQ46" s="257"/>
      <c r="BR46" s="257"/>
      <c r="BS46" s="257"/>
      <c r="BT46" s="257"/>
      <c r="BU46" s="257"/>
      <c r="BV46" s="257"/>
      <c r="BW46" s="257"/>
      <c r="BX46" s="257"/>
      <c r="BY46" s="257"/>
      <c r="BZ46" s="257"/>
      <c r="CA46" s="257"/>
      <c r="CB46" s="257"/>
      <c r="CC46" s="257"/>
      <c r="CD46" s="257"/>
      <c r="CE46" s="257"/>
      <c r="CF46" s="257"/>
      <c r="CG46" s="257"/>
      <c r="CH46" s="257"/>
      <c r="CI46" s="257"/>
      <c r="CJ46" s="257"/>
      <c r="CK46" s="257"/>
      <c r="CL46" s="257"/>
      <c r="CM46" s="257"/>
      <c r="CN46" s="257"/>
      <c r="CO46" s="257"/>
      <c r="CP46" s="257"/>
      <c r="CQ46" s="257"/>
      <c r="CR46" s="257"/>
      <c r="CS46" s="257"/>
      <c r="CT46" s="257"/>
      <c r="CU46" s="257"/>
      <c r="CV46" s="257"/>
      <c r="CW46" s="257"/>
      <c r="CX46" s="257"/>
      <c r="CY46" s="257"/>
      <c r="CZ46" s="257"/>
      <c r="DA46" s="257"/>
      <c r="DB46" s="257"/>
      <c r="DC46" s="257"/>
      <c r="DD46" s="257"/>
      <c r="DE46" s="257"/>
      <c r="DF46" s="257"/>
      <c r="DG46" s="257"/>
      <c r="DH46" s="257"/>
      <c r="DI46" s="257"/>
      <c r="DJ46" s="257"/>
      <c r="DK46" s="257"/>
      <c r="DL46" s="257"/>
      <c r="DM46" s="257"/>
      <c r="DN46" s="257"/>
      <c r="DO46" s="257"/>
      <c r="DP46" s="257"/>
      <c r="DQ46" s="257"/>
      <c r="DR46" s="257"/>
      <c r="DS46" s="257"/>
      <c r="DT46" s="257"/>
      <c r="DU46" s="257"/>
      <c r="DV46" s="257"/>
      <c r="DW46" s="257"/>
      <c r="DX46" s="257"/>
      <c r="DY46" s="257"/>
      <c r="DZ46" s="257"/>
      <c r="EA46" s="257"/>
      <c r="EB46" s="257"/>
      <c r="EC46" s="257"/>
      <c r="ED46" s="257"/>
      <c r="EE46" s="257"/>
      <c r="EF46" s="257"/>
      <c r="EG46" s="257"/>
      <c r="EH46" s="257"/>
      <c r="EI46" s="257"/>
      <c r="EJ46" s="257"/>
      <c r="EK46" s="257"/>
      <c r="EL46" s="257"/>
      <c r="EM46" s="257"/>
      <c r="EN46" s="257"/>
      <c r="EO46" s="257"/>
      <c r="EP46" s="257"/>
      <c r="EQ46" s="257"/>
      <c r="ER46" s="257"/>
      <c r="ES46" s="257"/>
      <c r="ET46" s="257"/>
      <c r="EU46" s="257"/>
      <c r="EV46" s="257"/>
      <c r="EW46" s="257"/>
      <c r="EX46" s="257"/>
      <c r="EY46" s="257"/>
      <c r="EZ46" s="257"/>
      <c r="FA46" s="257"/>
      <c r="FB46" s="257"/>
      <c r="FC46" s="257"/>
      <c r="FD46" s="257"/>
      <c r="FE46" s="257"/>
      <c r="FF46" s="257"/>
      <c r="FG46" s="257"/>
      <c r="FH46" s="257"/>
      <c r="FI46" s="257"/>
      <c r="FJ46" s="257"/>
      <c r="FK46" s="257"/>
      <c r="FL46" s="257"/>
      <c r="FM46" s="257"/>
      <c r="FN46" s="257"/>
      <c r="FO46" s="257"/>
      <c r="FP46" s="257"/>
      <c r="FQ46" s="257"/>
      <c r="FR46" s="257"/>
      <c r="FS46" s="257"/>
      <c r="FT46" s="257"/>
      <c r="FU46" s="257"/>
      <c r="FV46" s="257"/>
      <c r="FW46" s="257"/>
      <c r="FX46" s="257"/>
      <c r="FY46" s="257"/>
      <c r="FZ46" s="257"/>
      <c r="GA46" s="257"/>
      <c r="GB46" s="257"/>
      <c r="GC46" s="257"/>
      <c r="GD46" s="257"/>
      <c r="GE46" s="257"/>
      <c r="GF46" s="257"/>
      <c r="GG46" s="257"/>
      <c r="GH46" s="257"/>
      <c r="GI46" s="257"/>
      <c r="GJ46" s="257"/>
      <c r="GK46" s="257"/>
    </row>
    <row r="47" spans="1:193" s="260" customFormat="1" ht="69.75" customHeight="1">
      <c r="A47" s="488"/>
      <c r="B47" s="261"/>
      <c r="C47" s="459" t="s">
        <v>419</v>
      </c>
      <c r="D47" s="460"/>
      <c r="E47" s="223"/>
      <c r="F47" s="224" t="s">
        <v>344</v>
      </c>
      <c r="G47" s="225" t="s">
        <v>420</v>
      </c>
      <c r="H47" s="257"/>
      <c r="I47" s="257"/>
      <c r="J47" s="257"/>
      <c r="K47" s="257"/>
      <c r="L47" s="257"/>
      <c r="M47" s="257"/>
      <c r="N47" s="257"/>
      <c r="O47" s="257"/>
      <c r="P47" s="257"/>
      <c r="Q47" s="257"/>
      <c r="R47" s="257"/>
      <c r="S47" s="257"/>
      <c r="T47" s="257"/>
      <c r="U47" s="257"/>
      <c r="V47" s="257"/>
      <c r="W47" s="257"/>
      <c r="X47" s="257"/>
      <c r="Y47" s="257"/>
      <c r="Z47" s="257"/>
      <c r="AA47" s="257"/>
      <c r="AB47" s="257"/>
      <c r="AC47" s="257"/>
      <c r="AD47" s="257"/>
      <c r="AE47" s="257"/>
      <c r="AF47" s="257"/>
      <c r="AG47" s="257"/>
      <c r="AH47" s="257"/>
      <c r="AI47" s="257"/>
      <c r="AJ47" s="257"/>
      <c r="AK47" s="257"/>
      <c r="AL47" s="257"/>
      <c r="AM47" s="257"/>
      <c r="AN47" s="257"/>
      <c r="AO47" s="257"/>
      <c r="AP47" s="257"/>
      <c r="AQ47" s="257"/>
      <c r="AR47" s="257"/>
      <c r="AS47" s="257"/>
      <c r="AT47" s="257"/>
      <c r="AU47" s="257"/>
      <c r="AV47" s="257"/>
      <c r="AW47" s="257"/>
      <c r="AX47" s="257"/>
      <c r="AY47" s="257"/>
      <c r="AZ47" s="257"/>
      <c r="BA47" s="257"/>
      <c r="BB47" s="257"/>
      <c r="BC47" s="257"/>
      <c r="BD47" s="257"/>
      <c r="BE47" s="257"/>
      <c r="BF47" s="257"/>
      <c r="BG47" s="257"/>
      <c r="BH47" s="257"/>
      <c r="BI47" s="257"/>
      <c r="BJ47" s="257"/>
      <c r="BK47" s="257"/>
      <c r="BL47" s="257"/>
      <c r="BM47" s="257"/>
      <c r="BN47" s="257"/>
      <c r="BO47" s="257"/>
      <c r="BP47" s="257"/>
      <c r="BQ47" s="257"/>
      <c r="BR47" s="257"/>
      <c r="BS47" s="257"/>
      <c r="BT47" s="257"/>
      <c r="BU47" s="257"/>
      <c r="BV47" s="257"/>
      <c r="BW47" s="257"/>
      <c r="BX47" s="257"/>
      <c r="BY47" s="257"/>
      <c r="BZ47" s="257"/>
      <c r="CA47" s="257"/>
      <c r="CB47" s="257"/>
      <c r="CC47" s="257"/>
      <c r="CD47" s="257"/>
      <c r="CE47" s="257"/>
      <c r="CF47" s="257"/>
      <c r="CG47" s="257"/>
      <c r="CH47" s="257"/>
      <c r="CI47" s="257"/>
      <c r="CJ47" s="257"/>
      <c r="CK47" s="257"/>
      <c r="CL47" s="257"/>
      <c r="CM47" s="257"/>
      <c r="CN47" s="257"/>
      <c r="CO47" s="257"/>
      <c r="CP47" s="257"/>
      <c r="CQ47" s="257"/>
      <c r="CR47" s="257"/>
      <c r="CS47" s="257"/>
      <c r="CT47" s="257"/>
      <c r="CU47" s="257"/>
      <c r="CV47" s="257"/>
      <c r="CW47" s="257"/>
      <c r="CX47" s="257"/>
      <c r="CY47" s="257"/>
      <c r="CZ47" s="257"/>
      <c r="DA47" s="257"/>
      <c r="DB47" s="257"/>
      <c r="DC47" s="257"/>
      <c r="DD47" s="257"/>
      <c r="DE47" s="257"/>
      <c r="DF47" s="257"/>
      <c r="DG47" s="257"/>
      <c r="DH47" s="257"/>
      <c r="DI47" s="257"/>
      <c r="DJ47" s="257"/>
      <c r="DK47" s="257"/>
      <c r="DL47" s="257"/>
      <c r="DM47" s="257"/>
      <c r="DN47" s="257"/>
      <c r="DO47" s="257"/>
      <c r="DP47" s="257"/>
      <c r="DQ47" s="257"/>
      <c r="DR47" s="257"/>
      <c r="DS47" s="257"/>
      <c r="DT47" s="257"/>
      <c r="DU47" s="257"/>
      <c r="DV47" s="257"/>
      <c r="DW47" s="257"/>
      <c r="DX47" s="257"/>
      <c r="DY47" s="257"/>
      <c r="DZ47" s="257"/>
      <c r="EA47" s="257"/>
      <c r="EB47" s="257"/>
      <c r="EC47" s="257"/>
      <c r="ED47" s="257"/>
      <c r="EE47" s="257"/>
      <c r="EF47" s="257"/>
      <c r="EG47" s="257"/>
      <c r="EH47" s="257"/>
      <c r="EI47" s="257"/>
      <c r="EJ47" s="257"/>
      <c r="EK47" s="257"/>
      <c r="EL47" s="257"/>
      <c r="EM47" s="257"/>
      <c r="EN47" s="257"/>
      <c r="EO47" s="257"/>
      <c r="EP47" s="257"/>
      <c r="EQ47" s="257"/>
      <c r="ER47" s="257"/>
      <c r="ES47" s="257"/>
      <c r="ET47" s="257"/>
      <c r="EU47" s="257"/>
      <c r="EV47" s="257"/>
      <c r="EW47" s="257"/>
      <c r="EX47" s="257"/>
      <c r="EY47" s="257"/>
      <c r="EZ47" s="257"/>
      <c r="FA47" s="257"/>
      <c r="FB47" s="257"/>
      <c r="FC47" s="257"/>
      <c r="FD47" s="257"/>
      <c r="FE47" s="257"/>
      <c r="FF47" s="257"/>
      <c r="FG47" s="257"/>
      <c r="FH47" s="257"/>
      <c r="FI47" s="257"/>
      <c r="FJ47" s="257"/>
      <c r="FK47" s="257"/>
      <c r="FL47" s="257"/>
      <c r="FM47" s="257"/>
      <c r="FN47" s="257"/>
      <c r="FO47" s="257"/>
      <c r="FP47" s="257"/>
      <c r="FQ47" s="257"/>
      <c r="FR47" s="257"/>
      <c r="FS47" s="257"/>
      <c r="FT47" s="257"/>
      <c r="FU47" s="257"/>
      <c r="FV47" s="257"/>
      <c r="FW47" s="257"/>
      <c r="FX47" s="257"/>
      <c r="FY47" s="257"/>
      <c r="FZ47" s="257"/>
      <c r="GA47" s="257"/>
      <c r="GB47" s="257"/>
      <c r="GC47" s="257"/>
      <c r="GD47" s="257"/>
      <c r="GE47" s="257"/>
      <c r="GF47" s="257"/>
      <c r="GG47" s="257"/>
      <c r="GH47" s="257"/>
      <c r="GI47" s="257"/>
      <c r="GJ47" s="257"/>
      <c r="GK47" s="257"/>
    </row>
    <row r="48" spans="1:193" s="260" customFormat="1" ht="51" customHeight="1">
      <c r="A48" s="489"/>
      <c r="B48" s="262"/>
      <c r="C48" s="461" t="s">
        <v>421</v>
      </c>
      <c r="D48" s="462"/>
      <c r="E48" s="236"/>
      <c r="F48" s="237" t="s">
        <v>344</v>
      </c>
      <c r="G48" s="238" t="s">
        <v>422</v>
      </c>
      <c r="H48" s="257"/>
      <c r="I48" s="257"/>
      <c r="J48" s="257"/>
      <c r="K48" s="257"/>
      <c r="L48" s="257"/>
      <c r="M48" s="257"/>
      <c r="N48" s="257"/>
      <c r="O48" s="257"/>
      <c r="P48" s="257"/>
      <c r="Q48" s="257"/>
      <c r="R48" s="257"/>
      <c r="S48" s="257"/>
      <c r="T48" s="257"/>
      <c r="U48" s="257"/>
      <c r="V48" s="257"/>
      <c r="W48" s="257"/>
      <c r="X48" s="257"/>
      <c r="Y48" s="257"/>
      <c r="Z48" s="257"/>
      <c r="AA48" s="257"/>
      <c r="AB48" s="257"/>
      <c r="AC48" s="257"/>
      <c r="AD48" s="257"/>
      <c r="AE48" s="257"/>
      <c r="AF48" s="257"/>
      <c r="AG48" s="257"/>
      <c r="AH48" s="257"/>
      <c r="AI48" s="257"/>
      <c r="AJ48" s="257"/>
      <c r="AK48" s="257"/>
      <c r="AL48" s="257"/>
      <c r="AM48" s="257"/>
      <c r="AN48" s="257"/>
      <c r="AO48" s="257"/>
      <c r="AP48" s="257"/>
      <c r="AQ48" s="257"/>
      <c r="AR48" s="257"/>
      <c r="AS48" s="257"/>
      <c r="AT48" s="257"/>
      <c r="AU48" s="257"/>
      <c r="AV48" s="257"/>
      <c r="AW48" s="257"/>
      <c r="AX48" s="257"/>
      <c r="AY48" s="257"/>
      <c r="AZ48" s="257"/>
      <c r="BA48" s="257"/>
      <c r="BB48" s="257"/>
      <c r="BC48" s="257"/>
      <c r="BD48" s="257"/>
      <c r="BE48" s="257"/>
      <c r="BF48" s="257"/>
      <c r="BG48" s="257"/>
      <c r="BH48" s="257"/>
      <c r="BI48" s="257"/>
      <c r="BJ48" s="257"/>
      <c r="BK48" s="257"/>
      <c r="BL48" s="257"/>
      <c r="BM48" s="257"/>
      <c r="BN48" s="257"/>
      <c r="BO48" s="257"/>
      <c r="BP48" s="257"/>
      <c r="BQ48" s="257"/>
      <c r="BR48" s="257"/>
      <c r="BS48" s="257"/>
      <c r="BT48" s="257"/>
      <c r="BU48" s="257"/>
      <c r="BV48" s="257"/>
      <c r="BW48" s="257"/>
      <c r="BX48" s="257"/>
      <c r="BY48" s="257"/>
      <c r="BZ48" s="257"/>
      <c r="CA48" s="257"/>
      <c r="CB48" s="257"/>
      <c r="CC48" s="257"/>
      <c r="CD48" s="257"/>
      <c r="CE48" s="257"/>
      <c r="CF48" s="257"/>
      <c r="CG48" s="257"/>
      <c r="CH48" s="257"/>
      <c r="CI48" s="257"/>
      <c r="CJ48" s="257"/>
      <c r="CK48" s="257"/>
      <c r="CL48" s="257"/>
      <c r="CM48" s="257"/>
      <c r="CN48" s="257"/>
      <c r="CO48" s="257"/>
      <c r="CP48" s="257"/>
      <c r="CQ48" s="257"/>
      <c r="CR48" s="257"/>
      <c r="CS48" s="257"/>
      <c r="CT48" s="257"/>
      <c r="CU48" s="257"/>
      <c r="CV48" s="257"/>
      <c r="CW48" s="257"/>
      <c r="CX48" s="257"/>
      <c r="CY48" s="257"/>
      <c r="CZ48" s="257"/>
      <c r="DA48" s="257"/>
      <c r="DB48" s="257"/>
      <c r="DC48" s="257"/>
      <c r="DD48" s="257"/>
      <c r="DE48" s="257"/>
      <c r="DF48" s="257"/>
      <c r="DG48" s="257"/>
      <c r="DH48" s="257"/>
      <c r="DI48" s="257"/>
      <c r="DJ48" s="257"/>
      <c r="DK48" s="257"/>
      <c r="DL48" s="257"/>
      <c r="DM48" s="257"/>
      <c r="DN48" s="257"/>
      <c r="DO48" s="257"/>
      <c r="DP48" s="257"/>
      <c r="DQ48" s="257"/>
      <c r="DR48" s="257"/>
      <c r="DS48" s="257"/>
      <c r="DT48" s="257"/>
      <c r="DU48" s="257"/>
      <c r="DV48" s="257"/>
      <c r="DW48" s="257"/>
      <c r="DX48" s="257"/>
      <c r="DY48" s="257"/>
      <c r="DZ48" s="257"/>
      <c r="EA48" s="257"/>
      <c r="EB48" s="257"/>
      <c r="EC48" s="257"/>
      <c r="ED48" s="257"/>
      <c r="EE48" s="257"/>
      <c r="EF48" s="257"/>
      <c r="EG48" s="257"/>
      <c r="EH48" s="257"/>
      <c r="EI48" s="257"/>
      <c r="EJ48" s="257"/>
      <c r="EK48" s="257"/>
      <c r="EL48" s="257"/>
      <c r="EM48" s="257"/>
      <c r="EN48" s="257"/>
      <c r="EO48" s="257"/>
      <c r="EP48" s="257"/>
      <c r="EQ48" s="257"/>
      <c r="ER48" s="257"/>
      <c r="ES48" s="257"/>
      <c r="ET48" s="257"/>
      <c r="EU48" s="257"/>
      <c r="EV48" s="257"/>
      <c r="EW48" s="257"/>
      <c r="EX48" s="257"/>
      <c r="EY48" s="257"/>
      <c r="EZ48" s="257"/>
      <c r="FA48" s="257"/>
      <c r="FB48" s="257"/>
      <c r="FC48" s="257"/>
      <c r="FD48" s="257"/>
      <c r="FE48" s="257"/>
      <c r="FF48" s="257"/>
      <c r="FG48" s="257"/>
      <c r="FH48" s="257"/>
      <c r="FI48" s="257"/>
      <c r="FJ48" s="257"/>
      <c r="FK48" s="257"/>
      <c r="FL48" s="257"/>
      <c r="FM48" s="257"/>
      <c r="FN48" s="257"/>
      <c r="FO48" s="257"/>
      <c r="FP48" s="257"/>
      <c r="FQ48" s="257"/>
      <c r="FR48" s="257"/>
      <c r="FS48" s="257"/>
      <c r="FT48" s="257"/>
      <c r="FU48" s="257"/>
      <c r="FV48" s="257"/>
      <c r="FW48" s="257"/>
      <c r="FX48" s="257"/>
      <c r="FY48" s="257"/>
      <c r="FZ48" s="257"/>
      <c r="GA48" s="257"/>
      <c r="GB48" s="257"/>
      <c r="GC48" s="257"/>
      <c r="GD48" s="257"/>
      <c r="GE48" s="257"/>
      <c r="GF48" s="257"/>
      <c r="GG48" s="257"/>
      <c r="GH48" s="257"/>
      <c r="GI48" s="257"/>
      <c r="GJ48" s="257"/>
      <c r="GK48" s="257"/>
    </row>
    <row r="49" spans="1:193" s="227" customFormat="1" ht="160.5" customHeight="1">
      <c r="A49" s="485" t="s">
        <v>423</v>
      </c>
      <c r="B49" s="265" t="s">
        <v>363</v>
      </c>
      <c r="C49" s="457" t="s">
        <v>424</v>
      </c>
      <c r="D49" s="458"/>
      <c r="E49" s="239"/>
      <c r="F49" s="240" t="s">
        <v>344</v>
      </c>
      <c r="G49" s="234" t="s">
        <v>411</v>
      </c>
      <c r="H49" s="226"/>
      <c r="I49" s="226"/>
      <c r="J49" s="226"/>
      <c r="K49" s="226"/>
      <c r="L49" s="226"/>
      <c r="M49" s="226"/>
      <c r="N49" s="226"/>
      <c r="O49" s="226"/>
      <c r="P49" s="226"/>
      <c r="Q49" s="226"/>
      <c r="R49" s="226"/>
      <c r="S49" s="226"/>
      <c r="T49" s="226"/>
      <c r="U49" s="226"/>
      <c r="V49" s="226"/>
      <c r="W49" s="226"/>
      <c r="X49" s="226"/>
      <c r="Y49" s="226"/>
      <c r="Z49" s="226"/>
      <c r="AA49" s="226"/>
      <c r="AB49" s="226"/>
      <c r="AC49" s="226"/>
      <c r="AD49" s="226"/>
      <c r="AE49" s="226"/>
      <c r="AF49" s="226"/>
      <c r="AG49" s="226"/>
      <c r="AH49" s="226"/>
      <c r="AI49" s="226"/>
      <c r="AJ49" s="226"/>
      <c r="AK49" s="226"/>
      <c r="AL49" s="226"/>
      <c r="AM49" s="226"/>
      <c r="AN49" s="226"/>
      <c r="AO49" s="226"/>
      <c r="AP49" s="226"/>
      <c r="AQ49" s="226"/>
      <c r="AR49" s="226"/>
      <c r="AS49" s="226"/>
      <c r="AT49" s="226"/>
      <c r="AU49" s="226"/>
      <c r="AV49" s="226"/>
      <c r="AW49" s="226"/>
      <c r="AX49" s="226"/>
      <c r="AY49" s="226"/>
      <c r="AZ49" s="226"/>
      <c r="BA49" s="226"/>
      <c r="BB49" s="226"/>
      <c r="BC49" s="226"/>
      <c r="BD49" s="226"/>
      <c r="BE49" s="226"/>
      <c r="BF49" s="226"/>
      <c r="BG49" s="226"/>
      <c r="BH49" s="226"/>
      <c r="BI49" s="226"/>
      <c r="BJ49" s="226"/>
      <c r="BK49" s="226"/>
      <c r="BL49" s="226"/>
      <c r="BM49" s="226"/>
      <c r="BN49" s="226"/>
      <c r="BO49" s="226"/>
      <c r="BP49" s="226"/>
      <c r="BQ49" s="226"/>
      <c r="BR49" s="226"/>
      <c r="BS49" s="226"/>
      <c r="BT49" s="226"/>
      <c r="BU49" s="226"/>
      <c r="BV49" s="226"/>
      <c r="BW49" s="226"/>
      <c r="BX49" s="226"/>
      <c r="BY49" s="226"/>
      <c r="BZ49" s="226"/>
      <c r="CA49" s="226"/>
      <c r="CB49" s="226"/>
      <c r="CC49" s="226"/>
      <c r="CD49" s="226"/>
      <c r="CE49" s="226"/>
      <c r="CF49" s="226"/>
      <c r="CG49" s="226"/>
      <c r="CH49" s="226"/>
      <c r="CI49" s="226"/>
      <c r="CJ49" s="226"/>
      <c r="CK49" s="226"/>
      <c r="CL49" s="226"/>
      <c r="CM49" s="226"/>
      <c r="CN49" s="226"/>
      <c r="CO49" s="226"/>
      <c r="CP49" s="226"/>
      <c r="CQ49" s="226"/>
      <c r="CR49" s="226"/>
      <c r="CS49" s="226"/>
      <c r="CT49" s="226"/>
      <c r="CU49" s="226"/>
      <c r="CV49" s="226"/>
      <c r="CW49" s="226"/>
      <c r="CX49" s="226"/>
      <c r="CY49" s="226"/>
      <c r="CZ49" s="226"/>
      <c r="DA49" s="226"/>
      <c r="DB49" s="226"/>
      <c r="DC49" s="226"/>
      <c r="DD49" s="226"/>
      <c r="DE49" s="226"/>
      <c r="DF49" s="226"/>
      <c r="DG49" s="226"/>
      <c r="DH49" s="226"/>
      <c r="DI49" s="226"/>
      <c r="DJ49" s="226"/>
      <c r="DK49" s="226"/>
      <c r="DL49" s="226"/>
      <c r="DM49" s="226"/>
      <c r="DN49" s="226"/>
      <c r="DO49" s="226"/>
      <c r="DP49" s="226"/>
      <c r="DQ49" s="226"/>
      <c r="DR49" s="226"/>
      <c r="DS49" s="226"/>
      <c r="DT49" s="226"/>
      <c r="DU49" s="226"/>
      <c r="DV49" s="226"/>
      <c r="DW49" s="226"/>
      <c r="DX49" s="226"/>
      <c r="DY49" s="226"/>
      <c r="DZ49" s="226"/>
      <c r="EA49" s="226"/>
      <c r="EB49" s="226"/>
      <c r="EC49" s="226"/>
      <c r="ED49" s="226"/>
      <c r="EE49" s="226"/>
      <c r="EF49" s="226"/>
      <c r="EG49" s="226"/>
      <c r="EH49" s="226"/>
      <c r="EI49" s="226"/>
      <c r="EJ49" s="226"/>
      <c r="EK49" s="226"/>
      <c r="EL49" s="226"/>
      <c r="EM49" s="226"/>
      <c r="EN49" s="226"/>
      <c r="EO49" s="226"/>
      <c r="EP49" s="226"/>
      <c r="EQ49" s="226"/>
      <c r="ER49" s="226"/>
      <c r="ES49" s="226"/>
      <c r="ET49" s="226"/>
      <c r="EU49" s="226"/>
      <c r="EV49" s="226"/>
      <c r="EW49" s="226"/>
      <c r="EX49" s="226"/>
      <c r="EY49" s="226"/>
      <c r="EZ49" s="226"/>
      <c r="FA49" s="226"/>
      <c r="FB49" s="226"/>
      <c r="FC49" s="226"/>
      <c r="FD49" s="226"/>
      <c r="FE49" s="226"/>
      <c r="FF49" s="226"/>
      <c r="FG49" s="226"/>
      <c r="FH49" s="226"/>
      <c r="FI49" s="226"/>
      <c r="FJ49" s="226"/>
      <c r="FK49" s="226"/>
      <c r="FL49" s="226"/>
      <c r="FM49" s="226"/>
      <c r="FN49" s="226"/>
      <c r="FO49" s="226"/>
      <c r="FP49" s="226"/>
      <c r="FQ49" s="226"/>
      <c r="FR49" s="226"/>
      <c r="FS49" s="226"/>
      <c r="FT49" s="226"/>
      <c r="FU49" s="226"/>
      <c r="FV49" s="226"/>
      <c r="FW49" s="226"/>
      <c r="FX49" s="226"/>
      <c r="FY49" s="226"/>
      <c r="FZ49" s="226"/>
      <c r="GA49" s="226"/>
      <c r="GB49" s="226"/>
      <c r="GC49" s="226"/>
      <c r="GD49" s="226"/>
      <c r="GE49" s="226"/>
      <c r="GF49" s="226"/>
      <c r="GG49" s="226"/>
      <c r="GH49" s="226"/>
      <c r="GI49" s="226"/>
      <c r="GJ49" s="226"/>
      <c r="GK49" s="226"/>
    </row>
    <row r="50" spans="1:193" s="260" customFormat="1" ht="48" customHeight="1">
      <c r="A50" s="485"/>
      <c r="B50" s="261"/>
      <c r="C50" s="459" t="s">
        <v>425</v>
      </c>
      <c r="D50" s="460"/>
      <c r="E50" s="239"/>
      <c r="F50" s="240" t="s">
        <v>344</v>
      </c>
      <c r="G50" s="241" t="s">
        <v>426</v>
      </c>
      <c r="H50" s="257"/>
      <c r="I50" s="257"/>
      <c r="J50" s="257"/>
      <c r="K50" s="257"/>
      <c r="L50" s="257"/>
      <c r="M50" s="257"/>
      <c r="N50" s="257"/>
      <c r="O50" s="257"/>
      <c r="P50" s="257"/>
      <c r="Q50" s="257"/>
      <c r="R50" s="257"/>
      <c r="S50" s="257"/>
      <c r="T50" s="257"/>
      <c r="U50" s="257"/>
      <c r="V50" s="257"/>
      <c r="W50" s="257"/>
      <c r="X50" s="257"/>
      <c r="Y50" s="257"/>
      <c r="Z50" s="257"/>
      <c r="AA50" s="257"/>
      <c r="AB50" s="257"/>
      <c r="AC50" s="257"/>
      <c r="AD50" s="257"/>
      <c r="AE50" s="257"/>
      <c r="AF50" s="257"/>
      <c r="AG50" s="257"/>
      <c r="AH50" s="257"/>
      <c r="AI50" s="257"/>
      <c r="AJ50" s="257"/>
      <c r="AK50" s="257"/>
      <c r="AL50" s="257"/>
      <c r="AM50" s="257"/>
      <c r="AN50" s="257"/>
      <c r="AO50" s="257"/>
      <c r="AP50" s="257"/>
      <c r="AQ50" s="257"/>
      <c r="AR50" s="257"/>
      <c r="AS50" s="257"/>
      <c r="AT50" s="257"/>
      <c r="AU50" s="257"/>
      <c r="AV50" s="257"/>
      <c r="AW50" s="257"/>
      <c r="AX50" s="257"/>
      <c r="AY50" s="257"/>
      <c r="AZ50" s="257"/>
      <c r="BA50" s="257"/>
      <c r="BB50" s="257"/>
      <c r="BC50" s="257"/>
      <c r="BD50" s="257"/>
      <c r="BE50" s="257"/>
      <c r="BF50" s="257"/>
      <c r="BG50" s="257"/>
      <c r="BH50" s="257"/>
      <c r="BI50" s="257"/>
      <c r="BJ50" s="257"/>
      <c r="BK50" s="257"/>
      <c r="BL50" s="257"/>
      <c r="BM50" s="257"/>
      <c r="BN50" s="257"/>
      <c r="BO50" s="257"/>
      <c r="BP50" s="257"/>
      <c r="BQ50" s="257"/>
      <c r="BR50" s="257"/>
      <c r="BS50" s="257"/>
      <c r="BT50" s="257"/>
      <c r="BU50" s="257"/>
      <c r="BV50" s="257"/>
      <c r="BW50" s="257"/>
      <c r="BX50" s="257"/>
      <c r="BY50" s="257"/>
      <c r="BZ50" s="257"/>
      <c r="CA50" s="257"/>
      <c r="CB50" s="257"/>
      <c r="CC50" s="257"/>
      <c r="CD50" s="257"/>
      <c r="CE50" s="257"/>
      <c r="CF50" s="257"/>
      <c r="CG50" s="257"/>
      <c r="CH50" s="257"/>
      <c r="CI50" s="257"/>
      <c r="CJ50" s="257"/>
      <c r="CK50" s="257"/>
      <c r="CL50" s="257"/>
      <c r="CM50" s="257"/>
      <c r="CN50" s="257"/>
      <c r="CO50" s="257"/>
      <c r="CP50" s="257"/>
      <c r="CQ50" s="257"/>
      <c r="CR50" s="257"/>
      <c r="CS50" s="257"/>
      <c r="CT50" s="257"/>
      <c r="CU50" s="257"/>
      <c r="CV50" s="257"/>
      <c r="CW50" s="257"/>
      <c r="CX50" s="257"/>
      <c r="CY50" s="257"/>
      <c r="CZ50" s="257"/>
      <c r="DA50" s="257"/>
      <c r="DB50" s="257"/>
      <c r="DC50" s="257"/>
      <c r="DD50" s="257"/>
      <c r="DE50" s="257"/>
      <c r="DF50" s="257"/>
      <c r="DG50" s="257"/>
      <c r="DH50" s="257"/>
      <c r="DI50" s="257"/>
      <c r="DJ50" s="257"/>
      <c r="DK50" s="257"/>
      <c r="DL50" s="257"/>
      <c r="DM50" s="257"/>
      <c r="DN50" s="257"/>
      <c r="DO50" s="257"/>
      <c r="DP50" s="257"/>
      <c r="DQ50" s="257"/>
      <c r="DR50" s="257"/>
      <c r="DS50" s="257"/>
      <c r="DT50" s="257"/>
      <c r="DU50" s="257"/>
      <c r="DV50" s="257"/>
      <c r="DW50" s="257"/>
      <c r="DX50" s="257"/>
      <c r="DY50" s="257"/>
      <c r="DZ50" s="257"/>
      <c r="EA50" s="257"/>
      <c r="EB50" s="257"/>
      <c r="EC50" s="257"/>
      <c r="ED50" s="257"/>
      <c r="EE50" s="257"/>
      <c r="EF50" s="257"/>
      <c r="EG50" s="257"/>
      <c r="EH50" s="257"/>
      <c r="EI50" s="257"/>
      <c r="EJ50" s="257"/>
      <c r="EK50" s="257"/>
      <c r="EL50" s="257"/>
      <c r="EM50" s="257"/>
      <c r="EN50" s="257"/>
      <c r="EO50" s="257"/>
      <c r="EP50" s="257"/>
      <c r="EQ50" s="257"/>
      <c r="ER50" s="257"/>
      <c r="ES50" s="257"/>
      <c r="ET50" s="257"/>
      <c r="EU50" s="257"/>
      <c r="EV50" s="257"/>
      <c r="EW50" s="257"/>
      <c r="EX50" s="257"/>
      <c r="EY50" s="257"/>
      <c r="EZ50" s="257"/>
      <c r="FA50" s="257"/>
      <c r="FB50" s="257"/>
      <c r="FC50" s="257"/>
      <c r="FD50" s="257"/>
      <c r="FE50" s="257"/>
      <c r="FF50" s="257"/>
      <c r="FG50" s="257"/>
      <c r="FH50" s="257"/>
      <c r="FI50" s="257"/>
      <c r="FJ50" s="257"/>
      <c r="FK50" s="257"/>
      <c r="FL50" s="257"/>
      <c r="FM50" s="257"/>
      <c r="FN50" s="257"/>
      <c r="FO50" s="257"/>
      <c r="FP50" s="257"/>
      <c r="FQ50" s="257"/>
      <c r="FR50" s="257"/>
      <c r="FS50" s="257"/>
      <c r="FT50" s="257"/>
      <c r="FU50" s="257"/>
      <c r="FV50" s="257"/>
      <c r="FW50" s="257"/>
      <c r="FX50" s="257"/>
      <c r="FY50" s="257"/>
      <c r="FZ50" s="257"/>
      <c r="GA50" s="257"/>
      <c r="GB50" s="257"/>
      <c r="GC50" s="257"/>
      <c r="GD50" s="257"/>
      <c r="GE50" s="257"/>
      <c r="GF50" s="257"/>
      <c r="GG50" s="257"/>
      <c r="GH50" s="257"/>
      <c r="GI50" s="257"/>
      <c r="GJ50" s="257"/>
      <c r="GK50" s="257"/>
    </row>
    <row r="51" spans="1:193" s="227" customFormat="1" ht="93" customHeight="1">
      <c r="A51" s="479"/>
      <c r="B51" s="261"/>
      <c r="C51" s="459" t="s">
        <v>427</v>
      </c>
      <c r="D51" s="460"/>
      <c r="E51" s="223"/>
      <c r="F51" s="224" t="s">
        <v>344</v>
      </c>
      <c r="G51" s="225" t="s">
        <v>415</v>
      </c>
      <c r="H51" s="226"/>
      <c r="I51" s="226"/>
      <c r="J51" s="226"/>
      <c r="K51" s="226"/>
      <c r="L51" s="226"/>
      <c r="M51" s="226"/>
      <c r="N51" s="226"/>
      <c r="O51" s="226"/>
      <c r="P51" s="226"/>
      <c r="Q51" s="226"/>
      <c r="R51" s="226"/>
      <c r="S51" s="226"/>
      <c r="T51" s="226"/>
      <c r="U51" s="226"/>
      <c r="V51" s="226"/>
      <c r="W51" s="226"/>
      <c r="X51" s="226"/>
      <c r="Y51" s="226"/>
      <c r="Z51" s="226"/>
      <c r="AA51" s="226"/>
      <c r="AB51" s="226"/>
      <c r="AC51" s="226"/>
      <c r="AD51" s="226"/>
      <c r="AE51" s="226"/>
      <c r="AF51" s="226"/>
      <c r="AG51" s="226"/>
      <c r="AH51" s="226"/>
      <c r="AI51" s="226"/>
      <c r="AJ51" s="226"/>
      <c r="AK51" s="226"/>
      <c r="AL51" s="226"/>
      <c r="AM51" s="226"/>
      <c r="AN51" s="226"/>
      <c r="AO51" s="226"/>
      <c r="AP51" s="226"/>
      <c r="AQ51" s="226"/>
      <c r="AR51" s="226"/>
      <c r="AS51" s="226"/>
      <c r="AT51" s="226"/>
      <c r="AU51" s="226"/>
      <c r="AV51" s="226"/>
      <c r="AW51" s="226"/>
      <c r="AX51" s="226"/>
      <c r="AY51" s="226"/>
      <c r="AZ51" s="226"/>
      <c r="BA51" s="226"/>
      <c r="BB51" s="226"/>
      <c r="BC51" s="226"/>
      <c r="BD51" s="226"/>
      <c r="BE51" s="226"/>
      <c r="BF51" s="226"/>
      <c r="BG51" s="226"/>
      <c r="BH51" s="226"/>
      <c r="BI51" s="226"/>
      <c r="BJ51" s="226"/>
      <c r="BK51" s="226"/>
      <c r="BL51" s="226"/>
      <c r="BM51" s="226"/>
      <c r="BN51" s="226"/>
      <c r="BO51" s="226"/>
      <c r="BP51" s="226"/>
      <c r="BQ51" s="226"/>
      <c r="BR51" s="226"/>
      <c r="BS51" s="226"/>
      <c r="BT51" s="226"/>
      <c r="BU51" s="226"/>
      <c r="BV51" s="226"/>
      <c r="BW51" s="226"/>
      <c r="BX51" s="226"/>
      <c r="BY51" s="226"/>
      <c r="BZ51" s="226"/>
      <c r="CA51" s="226"/>
      <c r="CB51" s="226"/>
      <c r="CC51" s="226"/>
      <c r="CD51" s="226"/>
      <c r="CE51" s="226"/>
      <c r="CF51" s="226"/>
      <c r="CG51" s="226"/>
      <c r="CH51" s="226"/>
      <c r="CI51" s="226"/>
      <c r="CJ51" s="226"/>
      <c r="CK51" s="226"/>
      <c r="CL51" s="226"/>
      <c r="CM51" s="226"/>
      <c r="CN51" s="226"/>
      <c r="CO51" s="226"/>
      <c r="CP51" s="226"/>
      <c r="CQ51" s="226"/>
      <c r="CR51" s="226"/>
      <c r="CS51" s="226"/>
      <c r="CT51" s="226"/>
      <c r="CU51" s="226"/>
      <c r="CV51" s="226"/>
      <c r="CW51" s="226"/>
      <c r="CX51" s="226"/>
      <c r="CY51" s="226"/>
      <c r="CZ51" s="226"/>
      <c r="DA51" s="226"/>
      <c r="DB51" s="226"/>
      <c r="DC51" s="226"/>
      <c r="DD51" s="226"/>
      <c r="DE51" s="226"/>
      <c r="DF51" s="226"/>
      <c r="DG51" s="226"/>
      <c r="DH51" s="226"/>
      <c r="DI51" s="226"/>
      <c r="DJ51" s="226"/>
      <c r="DK51" s="226"/>
      <c r="DL51" s="226"/>
      <c r="DM51" s="226"/>
      <c r="DN51" s="226"/>
      <c r="DO51" s="226"/>
      <c r="DP51" s="226"/>
      <c r="DQ51" s="226"/>
      <c r="DR51" s="226"/>
      <c r="DS51" s="226"/>
      <c r="DT51" s="226"/>
      <c r="DU51" s="226"/>
      <c r="DV51" s="226"/>
      <c r="DW51" s="226"/>
      <c r="DX51" s="226"/>
      <c r="DY51" s="226"/>
      <c r="DZ51" s="226"/>
      <c r="EA51" s="226"/>
      <c r="EB51" s="226"/>
      <c r="EC51" s="226"/>
      <c r="ED51" s="226"/>
      <c r="EE51" s="226"/>
      <c r="EF51" s="226"/>
      <c r="EG51" s="226"/>
      <c r="EH51" s="226"/>
      <c r="EI51" s="226"/>
      <c r="EJ51" s="226"/>
      <c r="EK51" s="226"/>
      <c r="EL51" s="226"/>
      <c r="EM51" s="226"/>
      <c r="EN51" s="226"/>
      <c r="EO51" s="226"/>
      <c r="EP51" s="226"/>
      <c r="EQ51" s="226"/>
      <c r="ER51" s="226"/>
      <c r="ES51" s="226"/>
      <c r="ET51" s="226"/>
      <c r="EU51" s="226"/>
      <c r="EV51" s="226"/>
      <c r="EW51" s="226"/>
      <c r="EX51" s="226"/>
      <c r="EY51" s="226"/>
      <c r="EZ51" s="226"/>
      <c r="FA51" s="226"/>
      <c r="FB51" s="226"/>
      <c r="FC51" s="226"/>
      <c r="FD51" s="226"/>
      <c r="FE51" s="226"/>
      <c r="FF51" s="226"/>
      <c r="FG51" s="226"/>
      <c r="FH51" s="226"/>
      <c r="FI51" s="226"/>
      <c r="FJ51" s="226"/>
      <c r="FK51" s="226"/>
      <c r="FL51" s="226"/>
      <c r="FM51" s="226"/>
      <c r="FN51" s="226"/>
      <c r="FO51" s="226"/>
      <c r="FP51" s="226"/>
      <c r="FQ51" s="226"/>
      <c r="FR51" s="226"/>
      <c r="FS51" s="226"/>
      <c r="FT51" s="226"/>
      <c r="FU51" s="226"/>
      <c r="FV51" s="226"/>
      <c r="FW51" s="226"/>
      <c r="FX51" s="226"/>
      <c r="FY51" s="226"/>
      <c r="FZ51" s="226"/>
      <c r="GA51" s="226"/>
      <c r="GB51" s="226"/>
      <c r="GC51" s="226"/>
      <c r="GD51" s="226"/>
      <c r="GE51" s="226"/>
      <c r="GF51" s="226"/>
      <c r="GG51" s="226"/>
      <c r="GH51" s="226"/>
      <c r="GI51" s="226"/>
      <c r="GJ51" s="226"/>
      <c r="GK51" s="226"/>
    </row>
    <row r="52" spans="1:193" s="260" customFormat="1" ht="67.5" customHeight="1">
      <c r="A52" s="479"/>
      <c r="B52" s="261"/>
      <c r="C52" s="459" t="s">
        <v>416</v>
      </c>
      <c r="D52" s="460"/>
      <c r="E52" s="223"/>
      <c r="F52" s="224" t="s">
        <v>344</v>
      </c>
      <c r="G52" s="259" t="s">
        <v>428</v>
      </c>
      <c r="H52" s="257"/>
      <c r="I52" s="257"/>
      <c r="J52" s="257"/>
      <c r="K52" s="257"/>
      <c r="L52" s="257"/>
      <c r="M52" s="257"/>
      <c r="N52" s="257"/>
      <c r="O52" s="257"/>
      <c r="P52" s="257"/>
      <c r="Q52" s="257"/>
      <c r="R52" s="257"/>
      <c r="S52" s="257"/>
      <c r="T52" s="257"/>
      <c r="U52" s="257"/>
      <c r="V52" s="257"/>
      <c r="W52" s="257"/>
      <c r="X52" s="257"/>
      <c r="Y52" s="257"/>
      <c r="Z52" s="257"/>
      <c r="AA52" s="257"/>
      <c r="AB52" s="257"/>
      <c r="AC52" s="257"/>
      <c r="AD52" s="257"/>
      <c r="AE52" s="257"/>
      <c r="AF52" s="257"/>
      <c r="AG52" s="257"/>
      <c r="AH52" s="257"/>
      <c r="AI52" s="257"/>
      <c r="AJ52" s="257"/>
      <c r="AK52" s="257"/>
      <c r="AL52" s="257"/>
      <c r="AM52" s="257"/>
      <c r="AN52" s="257"/>
      <c r="AO52" s="257"/>
      <c r="AP52" s="257"/>
      <c r="AQ52" s="257"/>
      <c r="AR52" s="257"/>
      <c r="AS52" s="257"/>
      <c r="AT52" s="257"/>
      <c r="AU52" s="257"/>
      <c r="AV52" s="257"/>
      <c r="AW52" s="257"/>
      <c r="AX52" s="257"/>
      <c r="AY52" s="257"/>
      <c r="AZ52" s="257"/>
      <c r="BA52" s="257"/>
      <c r="BB52" s="257"/>
      <c r="BC52" s="257"/>
      <c r="BD52" s="257"/>
      <c r="BE52" s="257"/>
      <c r="BF52" s="257"/>
      <c r="BG52" s="257"/>
      <c r="BH52" s="257"/>
      <c r="BI52" s="257"/>
      <c r="BJ52" s="257"/>
      <c r="BK52" s="257"/>
      <c r="BL52" s="257"/>
      <c r="BM52" s="257"/>
      <c r="BN52" s="257"/>
      <c r="BO52" s="257"/>
      <c r="BP52" s="257"/>
      <c r="BQ52" s="257"/>
      <c r="BR52" s="257"/>
      <c r="BS52" s="257"/>
      <c r="BT52" s="257"/>
      <c r="BU52" s="257"/>
      <c r="BV52" s="257"/>
      <c r="BW52" s="257"/>
      <c r="BX52" s="257"/>
      <c r="BY52" s="257"/>
      <c r="BZ52" s="257"/>
      <c r="CA52" s="257"/>
      <c r="CB52" s="257"/>
      <c r="CC52" s="257"/>
      <c r="CD52" s="257"/>
      <c r="CE52" s="257"/>
      <c r="CF52" s="257"/>
      <c r="CG52" s="257"/>
      <c r="CH52" s="257"/>
      <c r="CI52" s="257"/>
      <c r="CJ52" s="257"/>
      <c r="CK52" s="257"/>
      <c r="CL52" s="257"/>
      <c r="CM52" s="257"/>
      <c r="CN52" s="257"/>
      <c r="CO52" s="257"/>
      <c r="CP52" s="257"/>
      <c r="CQ52" s="257"/>
      <c r="CR52" s="257"/>
      <c r="CS52" s="257"/>
      <c r="CT52" s="257"/>
      <c r="CU52" s="257"/>
      <c r="CV52" s="257"/>
      <c r="CW52" s="257"/>
      <c r="CX52" s="257"/>
      <c r="CY52" s="257"/>
      <c r="CZ52" s="257"/>
      <c r="DA52" s="257"/>
      <c r="DB52" s="257"/>
      <c r="DC52" s="257"/>
      <c r="DD52" s="257"/>
      <c r="DE52" s="257"/>
      <c r="DF52" s="257"/>
      <c r="DG52" s="257"/>
      <c r="DH52" s="257"/>
      <c r="DI52" s="257"/>
      <c r="DJ52" s="257"/>
      <c r="DK52" s="257"/>
      <c r="DL52" s="257"/>
      <c r="DM52" s="257"/>
      <c r="DN52" s="257"/>
      <c r="DO52" s="257"/>
      <c r="DP52" s="257"/>
      <c r="DQ52" s="257"/>
      <c r="DR52" s="257"/>
      <c r="DS52" s="257"/>
      <c r="DT52" s="257"/>
      <c r="DU52" s="257"/>
      <c r="DV52" s="257"/>
      <c r="DW52" s="257"/>
      <c r="DX52" s="257"/>
      <c r="DY52" s="257"/>
      <c r="DZ52" s="257"/>
      <c r="EA52" s="257"/>
      <c r="EB52" s="257"/>
      <c r="EC52" s="257"/>
      <c r="ED52" s="257"/>
      <c r="EE52" s="257"/>
      <c r="EF52" s="257"/>
      <c r="EG52" s="257"/>
      <c r="EH52" s="257"/>
      <c r="EI52" s="257"/>
      <c r="EJ52" s="257"/>
      <c r="EK52" s="257"/>
      <c r="EL52" s="257"/>
      <c r="EM52" s="257"/>
      <c r="EN52" s="257"/>
      <c r="EO52" s="257"/>
      <c r="EP52" s="257"/>
      <c r="EQ52" s="257"/>
      <c r="ER52" s="257"/>
      <c r="ES52" s="257"/>
      <c r="ET52" s="257"/>
      <c r="EU52" s="257"/>
      <c r="EV52" s="257"/>
      <c r="EW52" s="257"/>
      <c r="EX52" s="257"/>
      <c r="EY52" s="257"/>
      <c r="EZ52" s="257"/>
      <c r="FA52" s="257"/>
      <c r="FB52" s="257"/>
      <c r="FC52" s="257"/>
      <c r="FD52" s="257"/>
      <c r="FE52" s="257"/>
      <c r="FF52" s="257"/>
      <c r="FG52" s="257"/>
      <c r="FH52" s="257"/>
      <c r="FI52" s="257"/>
      <c r="FJ52" s="257"/>
      <c r="FK52" s="257"/>
      <c r="FL52" s="257"/>
      <c r="FM52" s="257"/>
      <c r="FN52" s="257"/>
      <c r="FO52" s="257"/>
      <c r="FP52" s="257"/>
      <c r="FQ52" s="257"/>
      <c r="FR52" s="257"/>
      <c r="FS52" s="257"/>
      <c r="FT52" s="257"/>
      <c r="FU52" s="257"/>
      <c r="FV52" s="257"/>
      <c r="FW52" s="257"/>
      <c r="FX52" s="257"/>
      <c r="FY52" s="257"/>
      <c r="FZ52" s="257"/>
      <c r="GA52" s="257"/>
      <c r="GB52" s="257"/>
      <c r="GC52" s="257"/>
      <c r="GD52" s="257"/>
      <c r="GE52" s="257"/>
      <c r="GF52" s="257"/>
      <c r="GG52" s="257"/>
      <c r="GH52" s="257"/>
      <c r="GI52" s="257"/>
      <c r="GJ52" s="257"/>
      <c r="GK52" s="257"/>
    </row>
    <row r="53" spans="1:193" s="260" customFormat="1" ht="90" customHeight="1">
      <c r="A53" s="479"/>
      <c r="B53" s="261"/>
      <c r="C53" s="459" t="s">
        <v>417</v>
      </c>
      <c r="D53" s="460"/>
      <c r="E53" s="223"/>
      <c r="F53" s="224" t="s">
        <v>344</v>
      </c>
      <c r="G53" s="259" t="s">
        <v>429</v>
      </c>
      <c r="H53" s="257"/>
      <c r="I53" s="257"/>
      <c r="J53" s="257"/>
      <c r="K53" s="257"/>
      <c r="L53" s="257"/>
      <c r="M53" s="257"/>
      <c r="N53" s="257"/>
      <c r="O53" s="257"/>
      <c r="P53" s="257"/>
      <c r="Q53" s="257"/>
      <c r="R53" s="257"/>
      <c r="S53" s="257"/>
      <c r="T53" s="257"/>
      <c r="U53" s="257"/>
      <c r="V53" s="257"/>
      <c r="W53" s="257"/>
      <c r="X53" s="257"/>
      <c r="Y53" s="257"/>
      <c r="Z53" s="257"/>
      <c r="AA53" s="257"/>
      <c r="AB53" s="257"/>
      <c r="AC53" s="257"/>
      <c r="AD53" s="257"/>
      <c r="AE53" s="257"/>
      <c r="AF53" s="257"/>
      <c r="AG53" s="257"/>
      <c r="AH53" s="257"/>
      <c r="AI53" s="257"/>
      <c r="AJ53" s="257"/>
      <c r="AK53" s="257"/>
      <c r="AL53" s="257"/>
      <c r="AM53" s="257"/>
      <c r="AN53" s="257"/>
      <c r="AO53" s="257"/>
      <c r="AP53" s="257"/>
      <c r="AQ53" s="257"/>
      <c r="AR53" s="257"/>
      <c r="AS53" s="257"/>
      <c r="AT53" s="257"/>
      <c r="AU53" s="257"/>
      <c r="AV53" s="257"/>
      <c r="AW53" s="257"/>
      <c r="AX53" s="257"/>
      <c r="AY53" s="257"/>
      <c r="AZ53" s="257"/>
      <c r="BA53" s="257"/>
      <c r="BB53" s="257"/>
      <c r="BC53" s="257"/>
      <c r="BD53" s="257"/>
      <c r="BE53" s="257"/>
      <c r="BF53" s="257"/>
      <c r="BG53" s="257"/>
      <c r="BH53" s="257"/>
      <c r="BI53" s="257"/>
      <c r="BJ53" s="257"/>
      <c r="BK53" s="257"/>
      <c r="BL53" s="257"/>
      <c r="BM53" s="257"/>
      <c r="BN53" s="257"/>
      <c r="BO53" s="257"/>
      <c r="BP53" s="257"/>
      <c r="BQ53" s="257"/>
      <c r="BR53" s="257"/>
      <c r="BS53" s="257"/>
      <c r="BT53" s="257"/>
      <c r="BU53" s="257"/>
      <c r="BV53" s="257"/>
      <c r="BW53" s="257"/>
      <c r="BX53" s="257"/>
      <c r="BY53" s="257"/>
      <c r="BZ53" s="257"/>
      <c r="CA53" s="257"/>
      <c r="CB53" s="257"/>
      <c r="CC53" s="257"/>
      <c r="CD53" s="257"/>
      <c r="CE53" s="257"/>
      <c r="CF53" s="257"/>
      <c r="CG53" s="257"/>
      <c r="CH53" s="257"/>
      <c r="CI53" s="257"/>
      <c r="CJ53" s="257"/>
      <c r="CK53" s="257"/>
      <c r="CL53" s="257"/>
      <c r="CM53" s="257"/>
      <c r="CN53" s="257"/>
      <c r="CO53" s="257"/>
      <c r="CP53" s="257"/>
      <c r="CQ53" s="257"/>
      <c r="CR53" s="257"/>
      <c r="CS53" s="257"/>
      <c r="CT53" s="257"/>
      <c r="CU53" s="257"/>
      <c r="CV53" s="257"/>
      <c r="CW53" s="257"/>
      <c r="CX53" s="257"/>
      <c r="CY53" s="257"/>
      <c r="CZ53" s="257"/>
      <c r="DA53" s="257"/>
      <c r="DB53" s="257"/>
      <c r="DC53" s="257"/>
      <c r="DD53" s="257"/>
      <c r="DE53" s="257"/>
      <c r="DF53" s="257"/>
      <c r="DG53" s="257"/>
      <c r="DH53" s="257"/>
      <c r="DI53" s="257"/>
      <c r="DJ53" s="257"/>
      <c r="DK53" s="257"/>
      <c r="DL53" s="257"/>
      <c r="DM53" s="257"/>
      <c r="DN53" s="257"/>
      <c r="DO53" s="257"/>
      <c r="DP53" s="257"/>
      <c r="DQ53" s="257"/>
      <c r="DR53" s="257"/>
      <c r="DS53" s="257"/>
      <c r="DT53" s="257"/>
      <c r="DU53" s="257"/>
      <c r="DV53" s="257"/>
      <c r="DW53" s="257"/>
      <c r="DX53" s="257"/>
      <c r="DY53" s="257"/>
      <c r="DZ53" s="257"/>
      <c r="EA53" s="257"/>
      <c r="EB53" s="257"/>
      <c r="EC53" s="257"/>
      <c r="ED53" s="257"/>
      <c r="EE53" s="257"/>
      <c r="EF53" s="257"/>
      <c r="EG53" s="257"/>
      <c r="EH53" s="257"/>
      <c r="EI53" s="257"/>
      <c r="EJ53" s="257"/>
      <c r="EK53" s="257"/>
      <c r="EL53" s="257"/>
      <c r="EM53" s="257"/>
      <c r="EN53" s="257"/>
      <c r="EO53" s="257"/>
      <c r="EP53" s="257"/>
      <c r="EQ53" s="257"/>
      <c r="ER53" s="257"/>
      <c r="ES53" s="257"/>
      <c r="ET53" s="257"/>
      <c r="EU53" s="257"/>
      <c r="EV53" s="257"/>
      <c r="EW53" s="257"/>
      <c r="EX53" s="257"/>
      <c r="EY53" s="257"/>
      <c r="EZ53" s="257"/>
      <c r="FA53" s="257"/>
      <c r="FB53" s="257"/>
      <c r="FC53" s="257"/>
      <c r="FD53" s="257"/>
      <c r="FE53" s="257"/>
      <c r="FF53" s="257"/>
      <c r="FG53" s="257"/>
      <c r="FH53" s="257"/>
      <c r="FI53" s="257"/>
      <c r="FJ53" s="257"/>
      <c r="FK53" s="257"/>
      <c r="FL53" s="257"/>
      <c r="FM53" s="257"/>
      <c r="FN53" s="257"/>
      <c r="FO53" s="257"/>
      <c r="FP53" s="257"/>
      <c r="FQ53" s="257"/>
      <c r="FR53" s="257"/>
      <c r="FS53" s="257"/>
      <c r="FT53" s="257"/>
      <c r="FU53" s="257"/>
      <c r="FV53" s="257"/>
      <c r="FW53" s="257"/>
      <c r="FX53" s="257"/>
      <c r="FY53" s="257"/>
      <c r="FZ53" s="257"/>
      <c r="GA53" s="257"/>
      <c r="GB53" s="257"/>
      <c r="GC53" s="257"/>
      <c r="GD53" s="257"/>
      <c r="GE53" s="257"/>
      <c r="GF53" s="257"/>
      <c r="GG53" s="257"/>
      <c r="GH53" s="257"/>
      <c r="GI53" s="257"/>
      <c r="GJ53" s="257"/>
      <c r="GK53" s="257"/>
    </row>
    <row r="54" spans="1:193" s="260" customFormat="1" ht="90" customHeight="1">
      <c r="A54" s="479"/>
      <c r="B54" s="261"/>
      <c r="C54" s="459" t="s">
        <v>430</v>
      </c>
      <c r="D54" s="460"/>
      <c r="E54" s="223"/>
      <c r="F54" s="224" t="s">
        <v>344</v>
      </c>
      <c r="G54" s="225" t="s">
        <v>431</v>
      </c>
      <c r="H54" s="257"/>
      <c r="I54" s="257"/>
      <c r="J54" s="257"/>
      <c r="K54" s="257"/>
      <c r="L54" s="257"/>
      <c r="M54" s="257"/>
      <c r="N54" s="257"/>
      <c r="O54" s="257"/>
      <c r="P54" s="257"/>
      <c r="Q54" s="257"/>
      <c r="R54" s="257"/>
      <c r="S54" s="257"/>
      <c r="T54" s="257"/>
      <c r="U54" s="257"/>
      <c r="V54" s="257"/>
      <c r="W54" s="257"/>
      <c r="X54" s="257"/>
      <c r="Y54" s="257"/>
      <c r="Z54" s="257"/>
      <c r="AA54" s="257"/>
      <c r="AB54" s="257"/>
      <c r="AC54" s="257"/>
      <c r="AD54" s="257"/>
      <c r="AE54" s="257"/>
      <c r="AF54" s="257"/>
      <c r="AG54" s="257"/>
      <c r="AH54" s="257"/>
      <c r="AI54" s="257"/>
      <c r="AJ54" s="257"/>
      <c r="AK54" s="257"/>
      <c r="AL54" s="257"/>
      <c r="AM54" s="257"/>
      <c r="AN54" s="257"/>
      <c r="AO54" s="257"/>
      <c r="AP54" s="257"/>
      <c r="AQ54" s="257"/>
      <c r="AR54" s="257"/>
      <c r="AS54" s="257"/>
      <c r="AT54" s="257"/>
      <c r="AU54" s="257"/>
      <c r="AV54" s="257"/>
      <c r="AW54" s="257"/>
      <c r="AX54" s="257"/>
      <c r="AY54" s="257"/>
      <c r="AZ54" s="257"/>
      <c r="BA54" s="257"/>
      <c r="BB54" s="257"/>
      <c r="BC54" s="257"/>
      <c r="BD54" s="257"/>
      <c r="BE54" s="257"/>
      <c r="BF54" s="257"/>
      <c r="BG54" s="257"/>
      <c r="BH54" s="257"/>
      <c r="BI54" s="257"/>
      <c r="BJ54" s="257"/>
      <c r="BK54" s="257"/>
      <c r="BL54" s="257"/>
      <c r="BM54" s="257"/>
      <c r="BN54" s="257"/>
      <c r="BO54" s="257"/>
      <c r="BP54" s="257"/>
      <c r="BQ54" s="257"/>
      <c r="BR54" s="257"/>
      <c r="BS54" s="257"/>
      <c r="BT54" s="257"/>
      <c r="BU54" s="257"/>
      <c r="BV54" s="257"/>
      <c r="BW54" s="257"/>
      <c r="BX54" s="257"/>
      <c r="BY54" s="257"/>
      <c r="BZ54" s="257"/>
      <c r="CA54" s="257"/>
      <c r="CB54" s="257"/>
      <c r="CC54" s="257"/>
      <c r="CD54" s="257"/>
      <c r="CE54" s="257"/>
      <c r="CF54" s="257"/>
      <c r="CG54" s="257"/>
      <c r="CH54" s="257"/>
      <c r="CI54" s="257"/>
      <c r="CJ54" s="257"/>
      <c r="CK54" s="257"/>
      <c r="CL54" s="257"/>
      <c r="CM54" s="257"/>
      <c r="CN54" s="257"/>
      <c r="CO54" s="257"/>
      <c r="CP54" s="257"/>
      <c r="CQ54" s="257"/>
      <c r="CR54" s="257"/>
      <c r="CS54" s="257"/>
      <c r="CT54" s="257"/>
      <c r="CU54" s="257"/>
      <c r="CV54" s="257"/>
      <c r="CW54" s="257"/>
      <c r="CX54" s="257"/>
      <c r="CY54" s="257"/>
      <c r="CZ54" s="257"/>
      <c r="DA54" s="257"/>
      <c r="DB54" s="257"/>
      <c r="DC54" s="257"/>
      <c r="DD54" s="257"/>
      <c r="DE54" s="257"/>
      <c r="DF54" s="257"/>
      <c r="DG54" s="257"/>
      <c r="DH54" s="257"/>
      <c r="DI54" s="257"/>
      <c r="DJ54" s="257"/>
      <c r="DK54" s="257"/>
      <c r="DL54" s="257"/>
      <c r="DM54" s="257"/>
      <c r="DN54" s="257"/>
      <c r="DO54" s="257"/>
      <c r="DP54" s="257"/>
      <c r="DQ54" s="257"/>
      <c r="DR54" s="257"/>
      <c r="DS54" s="257"/>
      <c r="DT54" s="257"/>
      <c r="DU54" s="257"/>
      <c r="DV54" s="257"/>
      <c r="DW54" s="257"/>
      <c r="DX54" s="257"/>
      <c r="DY54" s="257"/>
      <c r="DZ54" s="257"/>
      <c r="EA54" s="257"/>
      <c r="EB54" s="257"/>
      <c r="EC54" s="257"/>
      <c r="ED54" s="257"/>
      <c r="EE54" s="257"/>
      <c r="EF54" s="257"/>
      <c r="EG54" s="257"/>
      <c r="EH54" s="257"/>
      <c r="EI54" s="257"/>
      <c r="EJ54" s="257"/>
      <c r="EK54" s="257"/>
      <c r="EL54" s="257"/>
      <c r="EM54" s="257"/>
      <c r="EN54" s="257"/>
      <c r="EO54" s="257"/>
      <c r="EP54" s="257"/>
      <c r="EQ54" s="257"/>
      <c r="ER54" s="257"/>
      <c r="ES54" s="257"/>
      <c r="ET54" s="257"/>
      <c r="EU54" s="257"/>
      <c r="EV54" s="257"/>
      <c r="EW54" s="257"/>
      <c r="EX54" s="257"/>
      <c r="EY54" s="257"/>
      <c r="EZ54" s="257"/>
      <c r="FA54" s="257"/>
      <c r="FB54" s="257"/>
      <c r="FC54" s="257"/>
      <c r="FD54" s="257"/>
      <c r="FE54" s="257"/>
      <c r="FF54" s="257"/>
      <c r="FG54" s="257"/>
      <c r="FH54" s="257"/>
      <c r="FI54" s="257"/>
      <c r="FJ54" s="257"/>
      <c r="FK54" s="257"/>
      <c r="FL54" s="257"/>
      <c r="FM54" s="257"/>
      <c r="FN54" s="257"/>
      <c r="FO54" s="257"/>
      <c r="FP54" s="257"/>
      <c r="FQ54" s="257"/>
      <c r="FR54" s="257"/>
      <c r="FS54" s="257"/>
      <c r="FT54" s="257"/>
      <c r="FU54" s="257"/>
      <c r="FV54" s="257"/>
      <c r="FW54" s="257"/>
      <c r="FX54" s="257"/>
      <c r="FY54" s="257"/>
      <c r="FZ54" s="257"/>
      <c r="GA54" s="257"/>
      <c r="GB54" s="257"/>
      <c r="GC54" s="257"/>
      <c r="GD54" s="257"/>
      <c r="GE54" s="257"/>
      <c r="GF54" s="257"/>
      <c r="GG54" s="257"/>
      <c r="GH54" s="257"/>
      <c r="GI54" s="257"/>
      <c r="GJ54" s="257"/>
      <c r="GK54" s="257"/>
    </row>
    <row r="55" spans="1:193" s="227" customFormat="1" ht="48.75" customHeight="1">
      <c r="A55" s="486"/>
      <c r="B55" s="262"/>
      <c r="C55" s="461" t="s">
        <v>421</v>
      </c>
      <c r="D55" s="462"/>
      <c r="E55" s="229"/>
      <c r="F55" s="230" t="s">
        <v>344</v>
      </c>
      <c r="G55" s="231" t="s">
        <v>432</v>
      </c>
      <c r="H55" s="226"/>
      <c r="I55" s="226"/>
      <c r="J55" s="226"/>
      <c r="K55" s="226"/>
      <c r="L55" s="226"/>
      <c r="M55" s="226"/>
      <c r="N55" s="226"/>
      <c r="O55" s="226"/>
      <c r="P55" s="226"/>
      <c r="Q55" s="226"/>
      <c r="R55" s="226"/>
      <c r="S55" s="226"/>
      <c r="T55" s="226"/>
      <c r="U55" s="226"/>
      <c r="V55" s="226"/>
      <c r="W55" s="226"/>
      <c r="X55" s="226"/>
      <c r="Y55" s="226"/>
      <c r="Z55" s="226"/>
      <c r="AA55" s="226"/>
      <c r="AB55" s="226"/>
      <c r="AC55" s="226"/>
      <c r="AD55" s="226"/>
      <c r="AE55" s="226"/>
      <c r="AF55" s="226"/>
      <c r="AG55" s="226"/>
      <c r="AH55" s="226"/>
      <c r="AI55" s="226"/>
      <c r="AJ55" s="226"/>
      <c r="AK55" s="226"/>
      <c r="AL55" s="226"/>
      <c r="AM55" s="226"/>
      <c r="AN55" s="226"/>
      <c r="AO55" s="226"/>
      <c r="AP55" s="226"/>
      <c r="AQ55" s="226"/>
      <c r="AR55" s="226"/>
      <c r="AS55" s="226"/>
      <c r="AT55" s="226"/>
      <c r="AU55" s="226"/>
      <c r="AV55" s="226"/>
      <c r="AW55" s="226"/>
      <c r="AX55" s="226"/>
      <c r="AY55" s="226"/>
      <c r="AZ55" s="226"/>
      <c r="BA55" s="226"/>
      <c r="BB55" s="226"/>
      <c r="BC55" s="226"/>
      <c r="BD55" s="226"/>
      <c r="BE55" s="226"/>
      <c r="BF55" s="226"/>
      <c r="BG55" s="226"/>
      <c r="BH55" s="226"/>
      <c r="BI55" s="226"/>
      <c r="BJ55" s="226"/>
      <c r="BK55" s="226"/>
      <c r="BL55" s="226"/>
      <c r="BM55" s="226"/>
      <c r="BN55" s="226"/>
      <c r="BO55" s="226"/>
      <c r="BP55" s="226"/>
      <c r="BQ55" s="226"/>
      <c r="BR55" s="226"/>
      <c r="BS55" s="226"/>
      <c r="BT55" s="226"/>
      <c r="BU55" s="226"/>
      <c r="BV55" s="226"/>
      <c r="BW55" s="226"/>
      <c r="BX55" s="226"/>
      <c r="BY55" s="226"/>
      <c r="BZ55" s="226"/>
      <c r="CA55" s="226"/>
      <c r="CB55" s="226"/>
      <c r="CC55" s="226"/>
      <c r="CD55" s="226"/>
      <c r="CE55" s="226"/>
      <c r="CF55" s="226"/>
      <c r="CG55" s="226"/>
      <c r="CH55" s="226"/>
      <c r="CI55" s="226"/>
      <c r="CJ55" s="226"/>
      <c r="CK55" s="226"/>
      <c r="CL55" s="226"/>
      <c r="CM55" s="226"/>
      <c r="CN55" s="226"/>
      <c r="CO55" s="226"/>
      <c r="CP55" s="226"/>
      <c r="CQ55" s="226"/>
      <c r="CR55" s="226"/>
      <c r="CS55" s="226"/>
      <c r="CT55" s="226"/>
      <c r="CU55" s="226"/>
      <c r="CV55" s="226"/>
      <c r="CW55" s="226"/>
      <c r="CX55" s="226"/>
      <c r="CY55" s="226"/>
      <c r="CZ55" s="226"/>
      <c r="DA55" s="226"/>
      <c r="DB55" s="226"/>
      <c r="DC55" s="226"/>
      <c r="DD55" s="226"/>
      <c r="DE55" s="226"/>
      <c r="DF55" s="226"/>
      <c r="DG55" s="226"/>
      <c r="DH55" s="226"/>
      <c r="DI55" s="226"/>
      <c r="DJ55" s="226"/>
      <c r="DK55" s="226"/>
      <c r="DL55" s="226"/>
      <c r="DM55" s="226"/>
      <c r="DN55" s="226"/>
      <c r="DO55" s="226"/>
      <c r="DP55" s="226"/>
      <c r="DQ55" s="226"/>
      <c r="DR55" s="226"/>
      <c r="DS55" s="226"/>
      <c r="DT55" s="226"/>
      <c r="DU55" s="226"/>
      <c r="DV55" s="226"/>
      <c r="DW55" s="226"/>
      <c r="DX55" s="226"/>
      <c r="DY55" s="226"/>
      <c r="DZ55" s="226"/>
      <c r="EA55" s="226"/>
      <c r="EB55" s="226"/>
      <c r="EC55" s="226"/>
      <c r="ED55" s="226"/>
      <c r="EE55" s="226"/>
      <c r="EF55" s="226"/>
      <c r="EG55" s="226"/>
      <c r="EH55" s="226"/>
      <c r="EI55" s="226"/>
      <c r="EJ55" s="226"/>
      <c r="EK55" s="226"/>
      <c r="EL55" s="226"/>
      <c r="EM55" s="226"/>
      <c r="EN55" s="226"/>
      <c r="EO55" s="226"/>
      <c r="EP55" s="226"/>
      <c r="EQ55" s="226"/>
      <c r="ER55" s="226"/>
      <c r="ES55" s="226"/>
      <c r="ET55" s="226"/>
      <c r="EU55" s="226"/>
      <c r="EV55" s="226"/>
      <c r="EW55" s="226"/>
      <c r="EX55" s="226"/>
      <c r="EY55" s="226"/>
      <c r="EZ55" s="226"/>
      <c r="FA55" s="226"/>
      <c r="FB55" s="226"/>
      <c r="FC55" s="226"/>
      <c r="FD55" s="226"/>
      <c r="FE55" s="226"/>
      <c r="FF55" s="226"/>
      <c r="FG55" s="226"/>
      <c r="FH55" s="226"/>
      <c r="FI55" s="226"/>
      <c r="FJ55" s="226"/>
      <c r="FK55" s="226"/>
      <c r="FL55" s="226"/>
      <c r="FM55" s="226"/>
      <c r="FN55" s="226"/>
      <c r="FO55" s="226"/>
      <c r="FP55" s="226"/>
      <c r="FQ55" s="226"/>
      <c r="FR55" s="226"/>
      <c r="FS55" s="226"/>
      <c r="FT55" s="226"/>
      <c r="FU55" s="226"/>
      <c r="FV55" s="226"/>
      <c r="FW55" s="226"/>
      <c r="FX55" s="226"/>
      <c r="FY55" s="226"/>
      <c r="FZ55" s="226"/>
      <c r="GA55" s="226"/>
      <c r="GB55" s="226"/>
      <c r="GC55" s="226"/>
      <c r="GD55" s="226"/>
      <c r="GE55" s="226"/>
      <c r="GF55" s="226"/>
      <c r="GG55" s="226"/>
      <c r="GH55" s="226"/>
      <c r="GI55" s="226"/>
      <c r="GJ55" s="226"/>
      <c r="GK55" s="226"/>
    </row>
    <row r="56" spans="1:193" s="227" customFormat="1" ht="115.5" customHeight="1">
      <c r="A56" s="454" t="s">
        <v>433</v>
      </c>
      <c r="B56" s="222" t="s">
        <v>363</v>
      </c>
      <c r="C56" s="457" t="s">
        <v>434</v>
      </c>
      <c r="D56" s="458"/>
      <c r="E56" s="232"/>
      <c r="F56" s="233" t="s">
        <v>344</v>
      </c>
      <c r="G56" s="234" t="s">
        <v>435</v>
      </c>
      <c r="H56" s="226"/>
      <c r="I56" s="226"/>
      <c r="J56" s="226"/>
      <c r="K56" s="226"/>
      <c r="L56" s="226"/>
      <c r="M56" s="226"/>
      <c r="N56" s="226"/>
      <c r="O56" s="226"/>
      <c r="P56" s="226"/>
      <c r="Q56" s="226"/>
      <c r="R56" s="226"/>
      <c r="S56" s="226"/>
      <c r="T56" s="226"/>
      <c r="U56" s="226"/>
      <c r="V56" s="226"/>
      <c r="W56" s="226"/>
      <c r="X56" s="226"/>
      <c r="Y56" s="226"/>
      <c r="Z56" s="226"/>
      <c r="AA56" s="226"/>
      <c r="AB56" s="226"/>
      <c r="AC56" s="226"/>
      <c r="AD56" s="226"/>
      <c r="AE56" s="226"/>
      <c r="AF56" s="226"/>
      <c r="AG56" s="226"/>
      <c r="AH56" s="226"/>
      <c r="AI56" s="226"/>
      <c r="AJ56" s="226"/>
      <c r="AK56" s="226"/>
      <c r="AL56" s="226"/>
      <c r="AM56" s="226"/>
      <c r="AN56" s="226"/>
      <c r="AO56" s="226"/>
      <c r="AP56" s="226"/>
      <c r="AQ56" s="226"/>
      <c r="AR56" s="226"/>
      <c r="AS56" s="226"/>
      <c r="AT56" s="226"/>
      <c r="AU56" s="226"/>
      <c r="AV56" s="226"/>
      <c r="AW56" s="226"/>
      <c r="AX56" s="226"/>
      <c r="AY56" s="226"/>
      <c r="AZ56" s="226"/>
      <c r="BA56" s="226"/>
      <c r="BB56" s="226"/>
      <c r="BC56" s="226"/>
      <c r="BD56" s="226"/>
      <c r="BE56" s="226"/>
      <c r="BF56" s="226"/>
      <c r="BG56" s="226"/>
      <c r="BH56" s="226"/>
      <c r="BI56" s="226"/>
      <c r="BJ56" s="226"/>
      <c r="BK56" s="226"/>
      <c r="BL56" s="226"/>
      <c r="BM56" s="226"/>
      <c r="BN56" s="226"/>
      <c r="BO56" s="226"/>
      <c r="BP56" s="226"/>
      <c r="BQ56" s="226"/>
      <c r="BR56" s="226"/>
      <c r="BS56" s="226"/>
      <c r="BT56" s="226"/>
      <c r="BU56" s="226"/>
      <c r="BV56" s="226"/>
      <c r="BW56" s="226"/>
      <c r="BX56" s="226"/>
      <c r="BY56" s="226"/>
      <c r="BZ56" s="226"/>
      <c r="CA56" s="226"/>
      <c r="CB56" s="226"/>
      <c r="CC56" s="226"/>
      <c r="CD56" s="226"/>
      <c r="CE56" s="226"/>
      <c r="CF56" s="226"/>
      <c r="CG56" s="226"/>
      <c r="CH56" s="226"/>
      <c r="CI56" s="226"/>
      <c r="CJ56" s="226"/>
      <c r="CK56" s="226"/>
      <c r="CL56" s="226"/>
      <c r="CM56" s="226"/>
      <c r="CN56" s="226"/>
      <c r="CO56" s="226"/>
      <c r="CP56" s="226"/>
      <c r="CQ56" s="226"/>
      <c r="CR56" s="226"/>
      <c r="CS56" s="226"/>
      <c r="CT56" s="226"/>
      <c r="CU56" s="226"/>
      <c r="CV56" s="226"/>
      <c r="CW56" s="226"/>
      <c r="CX56" s="226"/>
      <c r="CY56" s="226"/>
      <c r="CZ56" s="226"/>
      <c r="DA56" s="226"/>
      <c r="DB56" s="226"/>
      <c r="DC56" s="226"/>
      <c r="DD56" s="226"/>
      <c r="DE56" s="226"/>
      <c r="DF56" s="226"/>
      <c r="DG56" s="226"/>
      <c r="DH56" s="226"/>
      <c r="DI56" s="226"/>
      <c r="DJ56" s="226"/>
      <c r="DK56" s="226"/>
      <c r="DL56" s="226"/>
      <c r="DM56" s="226"/>
      <c r="DN56" s="226"/>
      <c r="DO56" s="226"/>
      <c r="DP56" s="226"/>
      <c r="DQ56" s="226"/>
      <c r="DR56" s="226"/>
      <c r="DS56" s="226"/>
      <c r="DT56" s="226"/>
      <c r="DU56" s="226"/>
      <c r="DV56" s="226"/>
      <c r="DW56" s="226"/>
      <c r="DX56" s="226"/>
      <c r="DY56" s="226"/>
      <c r="DZ56" s="226"/>
      <c r="EA56" s="226"/>
      <c r="EB56" s="226"/>
      <c r="EC56" s="226"/>
      <c r="ED56" s="226"/>
      <c r="EE56" s="226"/>
      <c r="EF56" s="226"/>
      <c r="EG56" s="226"/>
      <c r="EH56" s="226"/>
      <c r="EI56" s="226"/>
      <c r="EJ56" s="226"/>
      <c r="EK56" s="226"/>
      <c r="EL56" s="226"/>
      <c r="EM56" s="226"/>
      <c r="EN56" s="226"/>
      <c r="EO56" s="226"/>
      <c r="EP56" s="226"/>
      <c r="EQ56" s="226"/>
      <c r="ER56" s="226"/>
      <c r="ES56" s="226"/>
      <c r="ET56" s="226"/>
      <c r="EU56" s="226"/>
      <c r="EV56" s="226"/>
      <c r="EW56" s="226"/>
      <c r="EX56" s="226"/>
      <c r="EY56" s="226"/>
      <c r="EZ56" s="226"/>
      <c r="FA56" s="226"/>
      <c r="FB56" s="226"/>
      <c r="FC56" s="226"/>
      <c r="FD56" s="226"/>
      <c r="FE56" s="226"/>
      <c r="FF56" s="226"/>
      <c r="FG56" s="226"/>
      <c r="FH56" s="226"/>
      <c r="FI56" s="226"/>
      <c r="FJ56" s="226"/>
      <c r="FK56" s="226"/>
      <c r="FL56" s="226"/>
      <c r="FM56" s="226"/>
      <c r="FN56" s="226"/>
      <c r="FO56" s="226"/>
      <c r="FP56" s="226"/>
      <c r="FQ56" s="226"/>
      <c r="FR56" s="226"/>
      <c r="FS56" s="226"/>
      <c r="FT56" s="226"/>
      <c r="FU56" s="226"/>
      <c r="FV56" s="226"/>
      <c r="FW56" s="226"/>
      <c r="FX56" s="226"/>
      <c r="FY56" s="226"/>
      <c r="FZ56" s="226"/>
      <c r="GA56" s="226"/>
      <c r="GB56" s="226"/>
      <c r="GC56" s="226"/>
      <c r="GD56" s="226"/>
      <c r="GE56" s="226"/>
      <c r="GF56" s="226"/>
      <c r="GG56" s="226"/>
      <c r="GH56" s="226"/>
      <c r="GI56" s="226"/>
      <c r="GJ56" s="226"/>
      <c r="GK56" s="226"/>
    </row>
    <row r="57" spans="1:193" s="260" customFormat="1" ht="66" customHeight="1">
      <c r="A57" s="455"/>
      <c r="B57" s="235"/>
      <c r="C57" s="459" t="s">
        <v>436</v>
      </c>
      <c r="D57" s="460"/>
      <c r="E57" s="223"/>
      <c r="F57" s="224" t="s">
        <v>344</v>
      </c>
      <c r="G57" s="225" t="s">
        <v>437</v>
      </c>
      <c r="H57" s="257"/>
      <c r="I57" s="257"/>
      <c r="J57" s="257"/>
      <c r="K57" s="257"/>
      <c r="L57" s="257"/>
      <c r="M57" s="257"/>
      <c r="N57" s="257"/>
      <c r="O57" s="257"/>
      <c r="P57" s="257"/>
      <c r="Q57" s="257"/>
      <c r="R57" s="257"/>
      <c r="S57" s="257"/>
      <c r="T57" s="257"/>
      <c r="U57" s="257"/>
      <c r="V57" s="257"/>
      <c r="W57" s="257"/>
      <c r="X57" s="257"/>
      <c r="Y57" s="257"/>
      <c r="Z57" s="257"/>
      <c r="AA57" s="257"/>
      <c r="AB57" s="257"/>
      <c r="AC57" s="257"/>
      <c r="AD57" s="257"/>
      <c r="AE57" s="257"/>
      <c r="AF57" s="257"/>
      <c r="AG57" s="257"/>
      <c r="AH57" s="257"/>
      <c r="AI57" s="257"/>
      <c r="AJ57" s="257"/>
      <c r="AK57" s="257"/>
      <c r="AL57" s="257"/>
      <c r="AM57" s="257"/>
      <c r="AN57" s="257"/>
      <c r="AO57" s="257"/>
      <c r="AP57" s="257"/>
      <c r="AQ57" s="257"/>
      <c r="AR57" s="257"/>
      <c r="AS57" s="257"/>
      <c r="AT57" s="257"/>
      <c r="AU57" s="257"/>
      <c r="AV57" s="257"/>
      <c r="AW57" s="257"/>
      <c r="AX57" s="257"/>
      <c r="AY57" s="257"/>
      <c r="AZ57" s="257"/>
      <c r="BA57" s="257"/>
      <c r="BB57" s="257"/>
      <c r="BC57" s="257"/>
      <c r="BD57" s="257"/>
      <c r="BE57" s="257"/>
      <c r="BF57" s="257"/>
      <c r="BG57" s="257"/>
      <c r="BH57" s="257"/>
      <c r="BI57" s="257"/>
      <c r="BJ57" s="257"/>
      <c r="BK57" s="257"/>
      <c r="BL57" s="257"/>
      <c r="BM57" s="257"/>
      <c r="BN57" s="257"/>
      <c r="BO57" s="257"/>
      <c r="BP57" s="257"/>
      <c r="BQ57" s="257"/>
      <c r="BR57" s="257"/>
      <c r="BS57" s="257"/>
      <c r="BT57" s="257"/>
      <c r="BU57" s="257"/>
      <c r="BV57" s="257"/>
      <c r="BW57" s="257"/>
      <c r="BX57" s="257"/>
      <c r="BY57" s="257"/>
      <c r="BZ57" s="257"/>
      <c r="CA57" s="257"/>
      <c r="CB57" s="257"/>
      <c r="CC57" s="257"/>
      <c r="CD57" s="257"/>
      <c r="CE57" s="257"/>
      <c r="CF57" s="257"/>
      <c r="CG57" s="257"/>
      <c r="CH57" s="257"/>
      <c r="CI57" s="257"/>
      <c r="CJ57" s="257"/>
      <c r="CK57" s="257"/>
      <c r="CL57" s="257"/>
      <c r="CM57" s="257"/>
      <c r="CN57" s="257"/>
      <c r="CO57" s="257"/>
      <c r="CP57" s="257"/>
      <c r="CQ57" s="257"/>
      <c r="CR57" s="257"/>
      <c r="CS57" s="257"/>
      <c r="CT57" s="257"/>
      <c r="CU57" s="257"/>
      <c r="CV57" s="257"/>
      <c r="CW57" s="257"/>
      <c r="CX57" s="257"/>
      <c r="CY57" s="257"/>
      <c r="CZ57" s="257"/>
      <c r="DA57" s="257"/>
      <c r="DB57" s="257"/>
      <c r="DC57" s="257"/>
      <c r="DD57" s="257"/>
      <c r="DE57" s="257"/>
      <c r="DF57" s="257"/>
      <c r="DG57" s="257"/>
      <c r="DH57" s="257"/>
      <c r="DI57" s="257"/>
      <c r="DJ57" s="257"/>
      <c r="DK57" s="257"/>
      <c r="DL57" s="257"/>
      <c r="DM57" s="257"/>
      <c r="DN57" s="257"/>
      <c r="DO57" s="257"/>
      <c r="DP57" s="257"/>
      <c r="DQ57" s="257"/>
      <c r="DR57" s="257"/>
      <c r="DS57" s="257"/>
      <c r="DT57" s="257"/>
      <c r="DU57" s="257"/>
      <c r="DV57" s="257"/>
      <c r="DW57" s="257"/>
      <c r="DX57" s="257"/>
      <c r="DY57" s="257"/>
      <c r="DZ57" s="257"/>
      <c r="EA57" s="257"/>
      <c r="EB57" s="257"/>
      <c r="EC57" s="257"/>
      <c r="ED57" s="257"/>
      <c r="EE57" s="257"/>
      <c r="EF57" s="257"/>
      <c r="EG57" s="257"/>
      <c r="EH57" s="257"/>
      <c r="EI57" s="257"/>
      <c r="EJ57" s="257"/>
      <c r="EK57" s="257"/>
      <c r="EL57" s="257"/>
      <c r="EM57" s="257"/>
      <c r="EN57" s="257"/>
      <c r="EO57" s="257"/>
      <c r="EP57" s="257"/>
      <c r="EQ57" s="257"/>
      <c r="ER57" s="257"/>
      <c r="ES57" s="257"/>
      <c r="ET57" s="257"/>
      <c r="EU57" s="257"/>
      <c r="EV57" s="257"/>
      <c r="EW57" s="257"/>
      <c r="EX57" s="257"/>
      <c r="EY57" s="257"/>
      <c r="EZ57" s="257"/>
      <c r="FA57" s="257"/>
      <c r="FB57" s="257"/>
      <c r="FC57" s="257"/>
      <c r="FD57" s="257"/>
      <c r="FE57" s="257"/>
      <c r="FF57" s="257"/>
      <c r="FG57" s="257"/>
      <c r="FH57" s="257"/>
      <c r="FI57" s="257"/>
      <c r="FJ57" s="257"/>
      <c r="FK57" s="257"/>
      <c r="FL57" s="257"/>
      <c r="FM57" s="257"/>
      <c r="FN57" s="257"/>
      <c r="FO57" s="257"/>
      <c r="FP57" s="257"/>
      <c r="FQ57" s="257"/>
      <c r="FR57" s="257"/>
      <c r="FS57" s="257"/>
      <c r="FT57" s="257"/>
      <c r="FU57" s="257"/>
      <c r="FV57" s="257"/>
      <c r="FW57" s="257"/>
      <c r="FX57" s="257"/>
      <c r="FY57" s="257"/>
      <c r="FZ57" s="257"/>
      <c r="GA57" s="257"/>
      <c r="GB57" s="257"/>
      <c r="GC57" s="257"/>
      <c r="GD57" s="257"/>
      <c r="GE57" s="257"/>
      <c r="GF57" s="257"/>
      <c r="GG57" s="257"/>
      <c r="GH57" s="257"/>
      <c r="GI57" s="257"/>
      <c r="GJ57" s="257"/>
      <c r="GK57" s="257"/>
    </row>
    <row r="58" spans="1:193" s="260" customFormat="1" ht="73.5" customHeight="1">
      <c r="A58" s="455"/>
      <c r="B58" s="235"/>
      <c r="C58" s="459" t="s">
        <v>438</v>
      </c>
      <c r="D58" s="460"/>
      <c r="E58" s="223"/>
      <c r="F58" s="224" t="s">
        <v>344</v>
      </c>
      <c r="G58" s="259" t="s">
        <v>439</v>
      </c>
      <c r="H58" s="257"/>
      <c r="I58" s="257"/>
      <c r="J58" s="257"/>
      <c r="K58" s="257"/>
      <c r="L58" s="257"/>
      <c r="M58" s="257"/>
      <c r="N58" s="257"/>
      <c r="O58" s="257"/>
      <c r="P58" s="257"/>
      <c r="Q58" s="257"/>
      <c r="R58" s="257"/>
      <c r="S58" s="257"/>
      <c r="T58" s="257"/>
      <c r="U58" s="257"/>
      <c r="V58" s="257"/>
      <c r="W58" s="257"/>
      <c r="X58" s="257"/>
      <c r="Y58" s="257"/>
      <c r="Z58" s="257"/>
      <c r="AA58" s="257"/>
      <c r="AB58" s="257"/>
      <c r="AC58" s="257"/>
      <c r="AD58" s="257"/>
      <c r="AE58" s="257"/>
      <c r="AF58" s="257"/>
      <c r="AG58" s="257"/>
      <c r="AH58" s="257"/>
      <c r="AI58" s="257"/>
      <c r="AJ58" s="257"/>
      <c r="AK58" s="257"/>
      <c r="AL58" s="257"/>
      <c r="AM58" s="257"/>
      <c r="AN58" s="257"/>
      <c r="AO58" s="257"/>
      <c r="AP58" s="257"/>
      <c r="AQ58" s="257"/>
      <c r="AR58" s="257"/>
      <c r="AS58" s="257"/>
      <c r="AT58" s="257"/>
      <c r="AU58" s="257"/>
      <c r="AV58" s="257"/>
      <c r="AW58" s="257"/>
      <c r="AX58" s="257"/>
      <c r="AY58" s="257"/>
      <c r="AZ58" s="257"/>
      <c r="BA58" s="257"/>
      <c r="BB58" s="257"/>
      <c r="BC58" s="257"/>
      <c r="BD58" s="257"/>
      <c r="BE58" s="257"/>
      <c r="BF58" s="257"/>
      <c r="BG58" s="257"/>
      <c r="BH58" s="257"/>
      <c r="BI58" s="257"/>
      <c r="BJ58" s="257"/>
      <c r="BK58" s="257"/>
      <c r="BL58" s="257"/>
      <c r="BM58" s="257"/>
      <c r="BN58" s="257"/>
      <c r="BO58" s="257"/>
      <c r="BP58" s="257"/>
      <c r="BQ58" s="257"/>
      <c r="BR58" s="257"/>
      <c r="BS58" s="257"/>
      <c r="BT58" s="257"/>
      <c r="BU58" s="257"/>
      <c r="BV58" s="257"/>
      <c r="BW58" s="257"/>
      <c r="BX58" s="257"/>
      <c r="BY58" s="257"/>
      <c r="BZ58" s="257"/>
      <c r="CA58" s="257"/>
      <c r="CB58" s="257"/>
      <c r="CC58" s="257"/>
      <c r="CD58" s="257"/>
      <c r="CE58" s="257"/>
      <c r="CF58" s="257"/>
      <c r="CG58" s="257"/>
      <c r="CH58" s="257"/>
      <c r="CI58" s="257"/>
      <c r="CJ58" s="257"/>
      <c r="CK58" s="257"/>
      <c r="CL58" s="257"/>
      <c r="CM58" s="257"/>
      <c r="CN58" s="257"/>
      <c r="CO58" s="257"/>
      <c r="CP58" s="257"/>
      <c r="CQ58" s="257"/>
      <c r="CR58" s="257"/>
      <c r="CS58" s="257"/>
      <c r="CT58" s="257"/>
      <c r="CU58" s="257"/>
      <c r="CV58" s="257"/>
      <c r="CW58" s="257"/>
      <c r="CX58" s="257"/>
      <c r="CY58" s="257"/>
      <c r="CZ58" s="257"/>
      <c r="DA58" s="257"/>
      <c r="DB58" s="257"/>
      <c r="DC58" s="257"/>
      <c r="DD58" s="257"/>
      <c r="DE58" s="257"/>
      <c r="DF58" s="257"/>
      <c r="DG58" s="257"/>
      <c r="DH58" s="257"/>
      <c r="DI58" s="257"/>
      <c r="DJ58" s="257"/>
      <c r="DK58" s="257"/>
      <c r="DL58" s="257"/>
      <c r="DM58" s="257"/>
      <c r="DN58" s="257"/>
      <c r="DO58" s="257"/>
      <c r="DP58" s="257"/>
      <c r="DQ58" s="257"/>
      <c r="DR58" s="257"/>
      <c r="DS58" s="257"/>
      <c r="DT58" s="257"/>
      <c r="DU58" s="257"/>
      <c r="DV58" s="257"/>
      <c r="DW58" s="257"/>
      <c r="DX58" s="257"/>
      <c r="DY58" s="257"/>
      <c r="DZ58" s="257"/>
      <c r="EA58" s="257"/>
      <c r="EB58" s="257"/>
      <c r="EC58" s="257"/>
      <c r="ED58" s="257"/>
      <c r="EE58" s="257"/>
      <c r="EF58" s="257"/>
      <c r="EG58" s="257"/>
      <c r="EH58" s="257"/>
      <c r="EI58" s="257"/>
      <c r="EJ58" s="257"/>
      <c r="EK58" s="257"/>
      <c r="EL58" s="257"/>
      <c r="EM58" s="257"/>
      <c r="EN58" s="257"/>
      <c r="EO58" s="257"/>
      <c r="EP58" s="257"/>
      <c r="EQ58" s="257"/>
      <c r="ER58" s="257"/>
      <c r="ES58" s="257"/>
      <c r="ET58" s="257"/>
      <c r="EU58" s="257"/>
      <c r="EV58" s="257"/>
      <c r="EW58" s="257"/>
      <c r="EX58" s="257"/>
      <c r="EY58" s="257"/>
      <c r="EZ58" s="257"/>
      <c r="FA58" s="257"/>
      <c r="FB58" s="257"/>
      <c r="FC58" s="257"/>
      <c r="FD58" s="257"/>
      <c r="FE58" s="257"/>
      <c r="FF58" s="257"/>
      <c r="FG58" s="257"/>
      <c r="FH58" s="257"/>
      <c r="FI58" s="257"/>
      <c r="FJ58" s="257"/>
      <c r="FK58" s="257"/>
      <c r="FL58" s="257"/>
      <c r="FM58" s="257"/>
      <c r="FN58" s="257"/>
      <c r="FO58" s="257"/>
      <c r="FP58" s="257"/>
      <c r="FQ58" s="257"/>
      <c r="FR58" s="257"/>
      <c r="FS58" s="257"/>
      <c r="FT58" s="257"/>
      <c r="FU58" s="257"/>
      <c r="FV58" s="257"/>
      <c r="FW58" s="257"/>
      <c r="FX58" s="257"/>
      <c r="FY58" s="257"/>
      <c r="FZ58" s="257"/>
      <c r="GA58" s="257"/>
      <c r="GB58" s="257"/>
      <c r="GC58" s="257"/>
      <c r="GD58" s="257"/>
      <c r="GE58" s="257"/>
      <c r="GF58" s="257"/>
      <c r="GG58" s="257"/>
      <c r="GH58" s="257"/>
      <c r="GI58" s="257"/>
      <c r="GJ58" s="257"/>
      <c r="GK58" s="257"/>
    </row>
    <row r="59" spans="1:193" s="260" customFormat="1" ht="65.25" customHeight="1">
      <c r="A59" s="455"/>
      <c r="B59" s="235"/>
      <c r="C59" s="459" t="s">
        <v>440</v>
      </c>
      <c r="D59" s="460"/>
      <c r="E59" s="223"/>
      <c r="F59" s="224" t="s">
        <v>344</v>
      </c>
      <c r="G59" s="225" t="s">
        <v>441</v>
      </c>
      <c r="H59" s="257"/>
      <c r="I59" s="257"/>
      <c r="J59" s="257"/>
      <c r="K59" s="257"/>
      <c r="L59" s="257"/>
      <c r="M59" s="257"/>
      <c r="N59" s="257"/>
      <c r="O59" s="257"/>
      <c r="P59" s="257"/>
      <c r="Q59" s="257"/>
      <c r="R59" s="257"/>
      <c r="S59" s="257"/>
      <c r="T59" s="257"/>
      <c r="U59" s="257"/>
      <c r="V59" s="257"/>
      <c r="W59" s="257"/>
      <c r="X59" s="257"/>
      <c r="Y59" s="257"/>
      <c r="Z59" s="257"/>
      <c r="AA59" s="257"/>
      <c r="AB59" s="257"/>
      <c r="AC59" s="257"/>
      <c r="AD59" s="257"/>
      <c r="AE59" s="257"/>
      <c r="AF59" s="257"/>
      <c r="AG59" s="257"/>
      <c r="AH59" s="257"/>
      <c r="AI59" s="257"/>
      <c r="AJ59" s="257"/>
      <c r="AK59" s="257"/>
      <c r="AL59" s="257"/>
      <c r="AM59" s="257"/>
      <c r="AN59" s="257"/>
      <c r="AO59" s="257"/>
      <c r="AP59" s="257"/>
      <c r="AQ59" s="257"/>
      <c r="AR59" s="257"/>
      <c r="AS59" s="257"/>
      <c r="AT59" s="257"/>
      <c r="AU59" s="257"/>
      <c r="AV59" s="257"/>
      <c r="AW59" s="257"/>
      <c r="AX59" s="257"/>
      <c r="AY59" s="257"/>
      <c r="AZ59" s="257"/>
      <c r="BA59" s="257"/>
      <c r="BB59" s="257"/>
      <c r="BC59" s="257"/>
      <c r="BD59" s="257"/>
      <c r="BE59" s="257"/>
      <c r="BF59" s="257"/>
      <c r="BG59" s="257"/>
      <c r="BH59" s="257"/>
      <c r="BI59" s="257"/>
      <c r="BJ59" s="257"/>
      <c r="BK59" s="257"/>
      <c r="BL59" s="257"/>
      <c r="BM59" s="257"/>
      <c r="BN59" s="257"/>
      <c r="BO59" s="257"/>
      <c r="BP59" s="257"/>
      <c r="BQ59" s="257"/>
      <c r="BR59" s="257"/>
      <c r="BS59" s="257"/>
      <c r="BT59" s="257"/>
      <c r="BU59" s="257"/>
      <c r="BV59" s="257"/>
      <c r="BW59" s="257"/>
      <c r="BX59" s="257"/>
      <c r="BY59" s="257"/>
      <c r="BZ59" s="257"/>
      <c r="CA59" s="257"/>
      <c r="CB59" s="257"/>
      <c r="CC59" s="257"/>
      <c r="CD59" s="257"/>
      <c r="CE59" s="257"/>
      <c r="CF59" s="257"/>
      <c r="CG59" s="257"/>
      <c r="CH59" s="257"/>
      <c r="CI59" s="257"/>
      <c r="CJ59" s="257"/>
      <c r="CK59" s="257"/>
      <c r="CL59" s="257"/>
      <c r="CM59" s="257"/>
      <c r="CN59" s="257"/>
      <c r="CO59" s="257"/>
      <c r="CP59" s="257"/>
      <c r="CQ59" s="257"/>
      <c r="CR59" s="257"/>
      <c r="CS59" s="257"/>
      <c r="CT59" s="257"/>
      <c r="CU59" s="257"/>
      <c r="CV59" s="257"/>
      <c r="CW59" s="257"/>
      <c r="CX59" s="257"/>
      <c r="CY59" s="257"/>
      <c r="CZ59" s="257"/>
      <c r="DA59" s="257"/>
      <c r="DB59" s="257"/>
      <c r="DC59" s="257"/>
      <c r="DD59" s="257"/>
      <c r="DE59" s="257"/>
      <c r="DF59" s="257"/>
      <c r="DG59" s="257"/>
      <c r="DH59" s="257"/>
      <c r="DI59" s="257"/>
      <c r="DJ59" s="257"/>
      <c r="DK59" s="257"/>
      <c r="DL59" s="257"/>
      <c r="DM59" s="257"/>
      <c r="DN59" s="257"/>
      <c r="DO59" s="257"/>
      <c r="DP59" s="257"/>
      <c r="DQ59" s="257"/>
      <c r="DR59" s="257"/>
      <c r="DS59" s="257"/>
      <c r="DT59" s="257"/>
      <c r="DU59" s="257"/>
      <c r="DV59" s="257"/>
      <c r="DW59" s="257"/>
      <c r="DX59" s="257"/>
      <c r="DY59" s="257"/>
      <c r="DZ59" s="257"/>
      <c r="EA59" s="257"/>
      <c r="EB59" s="257"/>
      <c r="EC59" s="257"/>
      <c r="ED59" s="257"/>
      <c r="EE59" s="257"/>
      <c r="EF59" s="257"/>
      <c r="EG59" s="257"/>
      <c r="EH59" s="257"/>
      <c r="EI59" s="257"/>
      <c r="EJ59" s="257"/>
      <c r="EK59" s="257"/>
      <c r="EL59" s="257"/>
      <c r="EM59" s="257"/>
      <c r="EN59" s="257"/>
      <c r="EO59" s="257"/>
      <c r="EP59" s="257"/>
      <c r="EQ59" s="257"/>
      <c r="ER59" s="257"/>
      <c r="ES59" s="257"/>
      <c r="ET59" s="257"/>
      <c r="EU59" s="257"/>
      <c r="EV59" s="257"/>
      <c r="EW59" s="257"/>
      <c r="EX59" s="257"/>
      <c r="EY59" s="257"/>
      <c r="EZ59" s="257"/>
      <c r="FA59" s="257"/>
      <c r="FB59" s="257"/>
      <c r="FC59" s="257"/>
      <c r="FD59" s="257"/>
      <c r="FE59" s="257"/>
      <c r="FF59" s="257"/>
      <c r="FG59" s="257"/>
      <c r="FH59" s="257"/>
      <c r="FI59" s="257"/>
      <c r="FJ59" s="257"/>
      <c r="FK59" s="257"/>
      <c r="FL59" s="257"/>
      <c r="FM59" s="257"/>
      <c r="FN59" s="257"/>
      <c r="FO59" s="257"/>
      <c r="FP59" s="257"/>
      <c r="FQ59" s="257"/>
      <c r="FR59" s="257"/>
      <c r="FS59" s="257"/>
      <c r="FT59" s="257"/>
      <c r="FU59" s="257"/>
      <c r="FV59" s="257"/>
      <c r="FW59" s="257"/>
      <c r="FX59" s="257"/>
      <c r="FY59" s="257"/>
      <c r="FZ59" s="257"/>
      <c r="GA59" s="257"/>
      <c r="GB59" s="257"/>
      <c r="GC59" s="257"/>
      <c r="GD59" s="257"/>
      <c r="GE59" s="257"/>
      <c r="GF59" s="257"/>
      <c r="GG59" s="257"/>
      <c r="GH59" s="257"/>
      <c r="GI59" s="257"/>
      <c r="GJ59" s="257"/>
      <c r="GK59" s="257"/>
    </row>
    <row r="60" spans="1:193" s="260" customFormat="1" ht="65.25" customHeight="1">
      <c r="A60" s="455"/>
      <c r="B60" s="235"/>
      <c r="C60" s="459" t="s">
        <v>442</v>
      </c>
      <c r="D60" s="460"/>
      <c r="E60" s="223"/>
      <c r="F60" s="224" t="s">
        <v>344</v>
      </c>
      <c r="G60" s="225" t="s">
        <v>441</v>
      </c>
      <c r="H60" s="257"/>
      <c r="I60" s="257"/>
      <c r="J60" s="257"/>
      <c r="K60" s="257"/>
      <c r="L60" s="257"/>
      <c r="M60" s="257"/>
      <c r="N60" s="257"/>
      <c r="O60" s="257"/>
      <c r="P60" s="257"/>
      <c r="Q60" s="257"/>
      <c r="R60" s="257"/>
      <c r="S60" s="257"/>
      <c r="T60" s="257"/>
      <c r="U60" s="257"/>
      <c r="V60" s="257"/>
      <c r="W60" s="257"/>
      <c r="X60" s="257"/>
      <c r="Y60" s="257"/>
      <c r="Z60" s="257"/>
      <c r="AA60" s="257"/>
      <c r="AB60" s="257"/>
      <c r="AC60" s="257"/>
      <c r="AD60" s="257"/>
      <c r="AE60" s="257"/>
      <c r="AF60" s="257"/>
      <c r="AG60" s="257"/>
      <c r="AH60" s="257"/>
      <c r="AI60" s="257"/>
      <c r="AJ60" s="257"/>
      <c r="AK60" s="257"/>
      <c r="AL60" s="257"/>
      <c r="AM60" s="257"/>
      <c r="AN60" s="257"/>
      <c r="AO60" s="257"/>
      <c r="AP60" s="257"/>
      <c r="AQ60" s="257"/>
      <c r="AR60" s="257"/>
      <c r="AS60" s="257"/>
      <c r="AT60" s="257"/>
      <c r="AU60" s="257"/>
      <c r="AV60" s="257"/>
      <c r="AW60" s="257"/>
      <c r="AX60" s="257"/>
      <c r="AY60" s="257"/>
      <c r="AZ60" s="257"/>
      <c r="BA60" s="257"/>
      <c r="BB60" s="257"/>
      <c r="BC60" s="257"/>
      <c r="BD60" s="257"/>
      <c r="BE60" s="257"/>
      <c r="BF60" s="257"/>
      <c r="BG60" s="257"/>
      <c r="BH60" s="257"/>
      <c r="BI60" s="257"/>
      <c r="BJ60" s="257"/>
      <c r="BK60" s="257"/>
      <c r="BL60" s="257"/>
      <c r="BM60" s="257"/>
      <c r="BN60" s="257"/>
      <c r="BO60" s="257"/>
      <c r="BP60" s="257"/>
      <c r="BQ60" s="257"/>
      <c r="BR60" s="257"/>
      <c r="BS60" s="257"/>
      <c r="BT60" s="257"/>
      <c r="BU60" s="257"/>
      <c r="BV60" s="257"/>
      <c r="BW60" s="257"/>
      <c r="BX60" s="257"/>
      <c r="BY60" s="257"/>
      <c r="BZ60" s="257"/>
      <c r="CA60" s="257"/>
      <c r="CB60" s="257"/>
      <c r="CC60" s="257"/>
      <c r="CD60" s="257"/>
      <c r="CE60" s="257"/>
      <c r="CF60" s="257"/>
      <c r="CG60" s="257"/>
      <c r="CH60" s="257"/>
      <c r="CI60" s="257"/>
      <c r="CJ60" s="257"/>
      <c r="CK60" s="257"/>
      <c r="CL60" s="257"/>
      <c r="CM60" s="257"/>
      <c r="CN60" s="257"/>
      <c r="CO60" s="257"/>
      <c r="CP60" s="257"/>
      <c r="CQ60" s="257"/>
      <c r="CR60" s="257"/>
      <c r="CS60" s="257"/>
      <c r="CT60" s="257"/>
      <c r="CU60" s="257"/>
      <c r="CV60" s="257"/>
      <c r="CW60" s="257"/>
      <c r="CX60" s="257"/>
      <c r="CY60" s="257"/>
      <c r="CZ60" s="257"/>
      <c r="DA60" s="257"/>
      <c r="DB60" s="257"/>
      <c r="DC60" s="257"/>
      <c r="DD60" s="257"/>
      <c r="DE60" s="257"/>
      <c r="DF60" s="257"/>
      <c r="DG60" s="257"/>
      <c r="DH60" s="257"/>
      <c r="DI60" s="257"/>
      <c r="DJ60" s="257"/>
      <c r="DK60" s="257"/>
      <c r="DL60" s="257"/>
      <c r="DM60" s="257"/>
      <c r="DN60" s="257"/>
      <c r="DO60" s="257"/>
      <c r="DP60" s="257"/>
      <c r="DQ60" s="257"/>
      <c r="DR60" s="257"/>
      <c r="DS60" s="257"/>
      <c r="DT60" s="257"/>
      <c r="DU60" s="257"/>
      <c r="DV60" s="257"/>
      <c r="DW60" s="257"/>
      <c r="DX60" s="257"/>
      <c r="DY60" s="257"/>
      <c r="DZ60" s="257"/>
      <c r="EA60" s="257"/>
      <c r="EB60" s="257"/>
      <c r="EC60" s="257"/>
      <c r="ED60" s="257"/>
      <c r="EE60" s="257"/>
      <c r="EF60" s="257"/>
      <c r="EG60" s="257"/>
      <c r="EH60" s="257"/>
      <c r="EI60" s="257"/>
      <c r="EJ60" s="257"/>
      <c r="EK60" s="257"/>
      <c r="EL60" s="257"/>
      <c r="EM60" s="257"/>
      <c r="EN60" s="257"/>
      <c r="EO60" s="257"/>
      <c r="EP60" s="257"/>
      <c r="EQ60" s="257"/>
      <c r="ER60" s="257"/>
      <c r="ES60" s="257"/>
      <c r="ET60" s="257"/>
      <c r="EU60" s="257"/>
      <c r="EV60" s="257"/>
      <c r="EW60" s="257"/>
      <c r="EX60" s="257"/>
      <c r="EY60" s="257"/>
      <c r="EZ60" s="257"/>
      <c r="FA60" s="257"/>
      <c r="FB60" s="257"/>
      <c r="FC60" s="257"/>
      <c r="FD60" s="257"/>
      <c r="FE60" s="257"/>
      <c r="FF60" s="257"/>
      <c r="FG60" s="257"/>
      <c r="FH60" s="257"/>
      <c r="FI60" s="257"/>
      <c r="FJ60" s="257"/>
      <c r="FK60" s="257"/>
      <c r="FL60" s="257"/>
      <c r="FM60" s="257"/>
      <c r="FN60" s="257"/>
      <c r="FO60" s="257"/>
      <c r="FP60" s="257"/>
      <c r="FQ60" s="257"/>
      <c r="FR60" s="257"/>
      <c r="FS60" s="257"/>
      <c r="FT60" s="257"/>
      <c r="FU60" s="257"/>
      <c r="FV60" s="257"/>
      <c r="FW60" s="257"/>
      <c r="FX60" s="257"/>
      <c r="FY60" s="257"/>
      <c r="FZ60" s="257"/>
      <c r="GA60" s="257"/>
      <c r="GB60" s="257"/>
      <c r="GC60" s="257"/>
      <c r="GD60" s="257"/>
      <c r="GE60" s="257"/>
      <c r="GF60" s="257"/>
      <c r="GG60" s="257"/>
      <c r="GH60" s="257"/>
      <c r="GI60" s="257"/>
      <c r="GJ60" s="257"/>
      <c r="GK60" s="257"/>
    </row>
    <row r="61" spans="1:193" s="260" customFormat="1" ht="65.25" customHeight="1">
      <c r="A61" s="455"/>
      <c r="B61" s="235"/>
      <c r="C61" s="459" t="s">
        <v>443</v>
      </c>
      <c r="D61" s="460"/>
      <c r="E61" s="223"/>
      <c r="F61" s="224" t="s">
        <v>344</v>
      </c>
      <c r="G61" s="225" t="s">
        <v>444</v>
      </c>
      <c r="H61" s="257"/>
      <c r="I61" s="257"/>
      <c r="J61" s="257"/>
      <c r="K61" s="257"/>
      <c r="L61" s="257"/>
      <c r="M61" s="257"/>
      <c r="N61" s="257"/>
      <c r="O61" s="257"/>
      <c r="P61" s="257"/>
      <c r="Q61" s="257"/>
      <c r="R61" s="257"/>
      <c r="S61" s="257"/>
      <c r="T61" s="257"/>
      <c r="U61" s="257"/>
      <c r="V61" s="257"/>
      <c r="W61" s="257"/>
      <c r="X61" s="257"/>
      <c r="Y61" s="257"/>
      <c r="Z61" s="257"/>
      <c r="AA61" s="257"/>
      <c r="AB61" s="257"/>
      <c r="AC61" s="257"/>
      <c r="AD61" s="257"/>
      <c r="AE61" s="257"/>
      <c r="AF61" s="257"/>
      <c r="AG61" s="257"/>
      <c r="AH61" s="257"/>
      <c r="AI61" s="257"/>
      <c r="AJ61" s="257"/>
      <c r="AK61" s="257"/>
      <c r="AL61" s="257"/>
      <c r="AM61" s="257"/>
      <c r="AN61" s="257"/>
      <c r="AO61" s="257"/>
      <c r="AP61" s="257"/>
      <c r="AQ61" s="257"/>
      <c r="AR61" s="257"/>
      <c r="AS61" s="257"/>
      <c r="AT61" s="257"/>
      <c r="AU61" s="257"/>
      <c r="AV61" s="257"/>
      <c r="AW61" s="257"/>
      <c r="AX61" s="257"/>
      <c r="AY61" s="257"/>
      <c r="AZ61" s="257"/>
      <c r="BA61" s="257"/>
      <c r="BB61" s="257"/>
      <c r="BC61" s="257"/>
      <c r="BD61" s="257"/>
      <c r="BE61" s="257"/>
      <c r="BF61" s="257"/>
      <c r="BG61" s="257"/>
      <c r="BH61" s="257"/>
      <c r="BI61" s="257"/>
      <c r="BJ61" s="257"/>
      <c r="BK61" s="257"/>
      <c r="BL61" s="257"/>
      <c r="BM61" s="257"/>
      <c r="BN61" s="257"/>
      <c r="BO61" s="257"/>
      <c r="BP61" s="257"/>
      <c r="BQ61" s="257"/>
      <c r="BR61" s="257"/>
      <c r="BS61" s="257"/>
      <c r="BT61" s="257"/>
      <c r="BU61" s="257"/>
      <c r="BV61" s="257"/>
      <c r="BW61" s="257"/>
      <c r="BX61" s="257"/>
      <c r="BY61" s="257"/>
      <c r="BZ61" s="257"/>
      <c r="CA61" s="257"/>
      <c r="CB61" s="257"/>
      <c r="CC61" s="257"/>
      <c r="CD61" s="257"/>
      <c r="CE61" s="257"/>
      <c r="CF61" s="257"/>
      <c r="CG61" s="257"/>
      <c r="CH61" s="257"/>
      <c r="CI61" s="257"/>
      <c r="CJ61" s="257"/>
      <c r="CK61" s="257"/>
      <c r="CL61" s="257"/>
      <c r="CM61" s="257"/>
      <c r="CN61" s="257"/>
      <c r="CO61" s="257"/>
      <c r="CP61" s="257"/>
      <c r="CQ61" s="257"/>
      <c r="CR61" s="257"/>
      <c r="CS61" s="257"/>
      <c r="CT61" s="257"/>
      <c r="CU61" s="257"/>
      <c r="CV61" s="257"/>
      <c r="CW61" s="257"/>
      <c r="CX61" s="257"/>
      <c r="CY61" s="257"/>
      <c r="CZ61" s="257"/>
      <c r="DA61" s="257"/>
      <c r="DB61" s="257"/>
      <c r="DC61" s="257"/>
      <c r="DD61" s="257"/>
      <c r="DE61" s="257"/>
      <c r="DF61" s="257"/>
      <c r="DG61" s="257"/>
      <c r="DH61" s="257"/>
      <c r="DI61" s="257"/>
      <c r="DJ61" s="257"/>
      <c r="DK61" s="257"/>
      <c r="DL61" s="257"/>
      <c r="DM61" s="257"/>
      <c r="DN61" s="257"/>
      <c r="DO61" s="257"/>
      <c r="DP61" s="257"/>
      <c r="DQ61" s="257"/>
      <c r="DR61" s="257"/>
      <c r="DS61" s="257"/>
      <c r="DT61" s="257"/>
      <c r="DU61" s="257"/>
      <c r="DV61" s="257"/>
      <c r="DW61" s="257"/>
      <c r="DX61" s="257"/>
      <c r="DY61" s="257"/>
      <c r="DZ61" s="257"/>
      <c r="EA61" s="257"/>
      <c r="EB61" s="257"/>
      <c r="EC61" s="257"/>
      <c r="ED61" s="257"/>
      <c r="EE61" s="257"/>
      <c r="EF61" s="257"/>
      <c r="EG61" s="257"/>
      <c r="EH61" s="257"/>
      <c r="EI61" s="257"/>
      <c r="EJ61" s="257"/>
      <c r="EK61" s="257"/>
      <c r="EL61" s="257"/>
      <c r="EM61" s="257"/>
      <c r="EN61" s="257"/>
      <c r="EO61" s="257"/>
      <c r="EP61" s="257"/>
      <c r="EQ61" s="257"/>
      <c r="ER61" s="257"/>
      <c r="ES61" s="257"/>
      <c r="ET61" s="257"/>
      <c r="EU61" s="257"/>
      <c r="EV61" s="257"/>
      <c r="EW61" s="257"/>
      <c r="EX61" s="257"/>
      <c r="EY61" s="257"/>
      <c r="EZ61" s="257"/>
      <c r="FA61" s="257"/>
      <c r="FB61" s="257"/>
      <c r="FC61" s="257"/>
      <c r="FD61" s="257"/>
      <c r="FE61" s="257"/>
      <c r="FF61" s="257"/>
      <c r="FG61" s="257"/>
      <c r="FH61" s="257"/>
      <c r="FI61" s="257"/>
      <c r="FJ61" s="257"/>
      <c r="FK61" s="257"/>
      <c r="FL61" s="257"/>
      <c r="FM61" s="257"/>
      <c r="FN61" s="257"/>
      <c r="FO61" s="257"/>
      <c r="FP61" s="257"/>
      <c r="FQ61" s="257"/>
      <c r="FR61" s="257"/>
      <c r="FS61" s="257"/>
      <c r="FT61" s="257"/>
      <c r="FU61" s="257"/>
      <c r="FV61" s="257"/>
      <c r="FW61" s="257"/>
      <c r="FX61" s="257"/>
      <c r="FY61" s="257"/>
      <c r="FZ61" s="257"/>
      <c r="GA61" s="257"/>
      <c r="GB61" s="257"/>
      <c r="GC61" s="257"/>
      <c r="GD61" s="257"/>
      <c r="GE61" s="257"/>
      <c r="GF61" s="257"/>
      <c r="GG61" s="257"/>
      <c r="GH61" s="257"/>
      <c r="GI61" s="257"/>
      <c r="GJ61" s="257"/>
      <c r="GK61" s="257"/>
    </row>
    <row r="62" spans="1:193" s="260" customFormat="1" ht="67.5" customHeight="1">
      <c r="A62" s="455"/>
      <c r="B62" s="235"/>
      <c r="C62" s="459" t="s">
        <v>445</v>
      </c>
      <c r="D62" s="460"/>
      <c r="E62" s="223"/>
      <c r="F62" s="224" t="s">
        <v>344</v>
      </c>
      <c r="G62" s="225" t="s">
        <v>446</v>
      </c>
      <c r="H62" s="257"/>
      <c r="I62" s="257"/>
      <c r="J62" s="257"/>
      <c r="K62" s="257"/>
      <c r="L62" s="257"/>
      <c r="M62" s="257"/>
      <c r="N62" s="257"/>
      <c r="O62" s="257"/>
      <c r="P62" s="257"/>
      <c r="Q62" s="257"/>
      <c r="R62" s="257"/>
      <c r="S62" s="257"/>
      <c r="T62" s="257"/>
      <c r="U62" s="257"/>
      <c r="V62" s="257"/>
      <c r="W62" s="257"/>
      <c r="X62" s="257"/>
      <c r="Y62" s="257"/>
      <c r="Z62" s="257"/>
      <c r="AA62" s="257"/>
      <c r="AB62" s="257"/>
      <c r="AC62" s="257"/>
      <c r="AD62" s="257"/>
      <c r="AE62" s="257"/>
      <c r="AF62" s="257"/>
      <c r="AG62" s="257"/>
      <c r="AH62" s="257"/>
      <c r="AI62" s="257"/>
      <c r="AJ62" s="257"/>
      <c r="AK62" s="257"/>
      <c r="AL62" s="257"/>
      <c r="AM62" s="257"/>
      <c r="AN62" s="257"/>
      <c r="AO62" s="257"/>
      <c r="AP62" s="257"/>
      <c r="AQ62" s="257"/>
      <c r="AR62" s="257"/>
      <c r="AS62" s="257"/>
      <c r="AT62" s="257"/>
      <c r="AU62" s="257"/>
      <c r="AV62" s="257"/>
      <c r="AW62" s="257"/>
      <c r="AX62" s="257"/>
      <c r="AY62" s="257"/>
      <c r="AZ62" s="257"/>
      <c r="BA62" s="257"/>
      <c r="BB62" s="257"/>
      <c r="BC62" s="257"/>
      <c r="BD62" s="257"/>
      <c r="BE62" s="257"/>
      <c r="BF62" s="257"/>
      <c r="BG62" s="257"/>
      <c r="BH62" s="257"/>
      <c r="BI62" s="257"/>
      <c r="BJ62" s="257"/>
      <c r="BK62" s="257"/>
      <c r="BL62" s="257"/>
      <c r="BM62" s="257"/>
      <c r="BN62" s="257"/>
      <c r="BO62" s="257"/>
      <c r="BP62" s="257"/>
      <c r="BQ62" s="257"/>
      <c r="BR62" s="257"/>
      <c r="BS62" s="257"/>
      <c r="BT62" s="257"/>
      <c r="BU62" s="257"/>
      <c r="BV62" s="257"/>
      <c r="BW62" s="257"/>
      <c r="BX62" s="257"/>
      <c r="BY62" s="257"/>
      <c r="BZ62" s="257"/>
      <c r="CA62" s="257"/>
      <c r="CB62" s="257"/>
      <c r="CC62" s="257"/>
      <c r="CD62" s="257"/>
      <c r="CE62" s="257"/>
      <c r="CF62" s="257"/>
      <c r="CG62" s="257"/>
      <c r="CH62" s="257"/>
      <c r="CI62" s="257"/>
      <c r="CJ62" s="257"/>
      <c r="CK62" s="257"/>
      <c r="CL62" s="257"/>
      <c r="CM62" s="257"/>
      <c r="CN62" s="257"/>
      <c r="CO62" s="257"/>
      <c r="CP62" s="257"/>
      <c r="CQ62" s="257"/>
      <c r="CR62" s="257"/>
      <c r="CS62" s="257"/>
      <c r="CT62" s="257"/>
      <c r="CU62" s="257"/>
      <c r="CV62" s="257"/>
      <c r="CW62" s="257"/>
      <c r="CX62" s="257"/>
      <c r="CY62" s="257"/>
      <c r="CZ62" s="257"/>
      <c r="DA62" s="257"/>
      <c r="DB62" s="257"/>
      <c r="DC62" s="257"/>
      <c r="DD62" s="257"/>
      <c r="DE62" s="257"/>
      <c r="DF62" s="257"/>
      <c r="DG62" s="257"/>
      <c r="DH62" s="257"/>
      <c r="DI62" s="257"/>
      <c r="DJ62" s="257"/>
      <c r="DK62" s="257"/>
      <c r="DL62" s="257"/>
      <c r="DM62" s="257"/>
      <c r="DN62" s="257"/>
      <c r="DO62" s="257"/>
      <c r="DP62" s="257"/>
      <c r="DQ62" s="257"/>
      <c r="DR62" s="257"/>
      <c r="DS62" s="257"/>
      <c r="DT62" s="257"/>
      <c r="DU62" s="257"/>
      <c r="DV62" s="257"/>
      <c r="DW62" s="257"/>
      <c r="DX62" s="257"/>
      <c r="DY62" s="257"/>
      <c r="DZ62" s="257"/>
      <c r="EA62" s="257"/>
      <c r="EB62" s="257"/>
      <c r="EC62" s="257"/>
      <c r="ED62" s="257"/>
      <c r="EE62" s="257"/>
      <c r="EF62" s="257"/>
      <c r="EG62" s="257"/>
      <c r="EH62" s="257"/>
      <c r="EI62" s="257"/>
      <c r="EJ62" s="257"/>
      <c r="EK62" s="257"/>
      <c r="EL62" s="257"/>
      <c r="EM62" s="257"/>
      <c r="EN62" s="257"/>
      <c r="EO62" s="257"/>
      <c r="EP62" s="257"/>
      <c r="EQ62" s="257"/>
      <c r="ER62" s="257"/>
      <c r="ES62" s="257"/>
      <c r="ET62" s="257"/>
      <c r="EU62" s="257"/>
      <c r="EV62" s="257"/>
      <c r="EW62" s="257"/>
      <c r="EX62" s="257"/>
      <c r="EY62" s="257"/>
      <c r="EZ62" s="257"/>
      <c r="FA62" s="257"/>
      <c r="FB62" s="257"/>
      <c r="FC62" s="257"/>
      <c r="FD62" s="257"/>
      <c r="FE62" s="257"/>
      <c r="FF62" s="257"/>
      <c r="FG62" s="257"/>
      <c r="FH62" s="257"/>
      <c r="FI62" s="257"/>
      <c r="FJ62" s="257"/>
      <c r="FK62" s="257"/>
      <c r="FL62" s="257"/>
      <c r="FM62" s="257"/>
      <c r="FN62" s="257"/>
      <c r="FO62" s="257"/>
      <c r="FP62" s="257"/>
      <c r="FQ62" s="257"/>
      <c r="FR62" s="257"/>
      <c r="FS62" s="257"/>
      <c r="FT62" s="257"/>
      <c r="FU62" s="257"/>
      <c r="FV62" s="257"/>
      <c r="FW62" s="257"/>
      <c r="FX62" s="257"/>
      <c r="FY62" s="257"/>
      <c r="FZ62" s="257"/>
      <c r="GA62" s="257"/>
      <c r="GB62" s="257"/>
      <c r="GC62" s="257"/>
      <c r="GD62" s="257"/>
      <c r="GE62" s="257"/>
      <c r="GF62" s="257"/>
      <c r="GG62" s="257"/>
      <c r="GH62" s="257"/>
      <c r="GI62" s="257"/>
      <c r="GJ62" s="257"/>
      <c r="GK62" s="257"/>
    </row>
    <row r="63" spans="1:193" s="260" customFormat="1" ht="21.75" customHeight="1">
      <c r="A63" s="455"/>
      <c r="B63" s="235"/>
      <c r="C63" s="459" t="s">
        <v>447</v>
      </c>
      <c r="D63" s="460"/>
      <c r="E63" s="223"/>
      <c r="F63" s="224" t="s">
        <v>344</v>
      </c>
      <c r="G63" s="225" t="s">
        <v>448</v>
      </c>
      <c r="H63" s="257"/>
      <c r="I63" s="257"/>
      <c r="J63" s="257"/>
      <c r="K63" s="257"/>
      <c r="L63" s="257"/>
      <c r="M63" s="257"/>
      <c r="N63" s="257"/>
      <c r="O63" s="257"/>
      <c r="P63" s="257"/>
      <c r="Q63" s="257"/>
      <c r="R63" s="257"/>
      <c r="S63" s="257"/>
      <c r="T63" s="257"/>
      <c r="U63" s="257"/>
      <c r="V63" s="257"/>
      <c r="W63" s="257"/>
      <c r="X63" s="257"/>
      <c r="Y63" s="257"/>
      <c r="Z63" s="257"/>
      <c r="AA63" s="257"/>
      <c r="AB63" s="257"/>
      <c r="AC63" s="257"/>
      <c r="AD63" s="257"/>
      <c r="AE63" s="257"/>
      <c r="AF63" s="257"/>
      <c r="AG63" s="257"/>
      <c r="AH63" s="257"/>
      <c r="AI63" s="257"/>
      <c r="AJ63" s="257"/>
      <c r="AK63" s="257"/>
      <c r="AL63" s="257"/>
      <c r="AM63" s="257"/>
      <c r="AN63" s="257"/>
      <c r="AO63" s="257"/>
      <c r="AP63" s="257"/>
      <c r="AQ63" s="257"/>
      <c r="AR63" s="257"/>
      <c r="AS63" s="257"/>
      <c r="AT63" s="257"/>
      <c r="AU63" s="257"/>
      <c r="AV63" s="257"/>
      <c r="AW63" s="257"/>
      <c r="AX63" s="257"/>
      <c r="AY63" s="257"/>
      <c r="AZ63" s="257"/>
      <c r="BA63" s="257"/>
      <c r="BB63" s="257"/>
      <c r="BC63" s="257"/>
      <c r="BD63" s="257"/>
      <c r="BE63" s="257"/>
      <c r="BF63" s="257"/>
      <c r="BG63" s="257"/>
      <c r="BH63" s="257"/>
      <c r="BI63" s="257"/>
      <c r="BJ63" s="257"/>
      <c r="BK63" s="257"/>
      <c r="BL63" s="257"/>
      <c r="BM63" s="257"/>
      <c r="BN63" s="257"/>
      <c r="BO63" s="257"/>
      <c r="BP63" s="257"/>
      <c r="BQ63" s="257"/>
      <c r="BR63" s="257"/>
      <c r="BS63" s="257"/>
      <c r="BT63" s="257"/>
      <c r="BU63" s="257"/>
      <c r="BV63" s="257"/>
      <c r="BW63" s="257"/>
      <c r="BX63" s="257"/>
      <c r="BY63" s="257"/>
      <c r="BZ63" s="257"/>
      <c r="CA63" s="257"/>
      <c r="CB63" s="257"/>
      <c r="CC63" s="257"/>
      <c r="CD63" s="257"/>
      <c r="CE63" s="257"/>
      <c r="CF63" s="257"/>
      <c r="CG63" s="257"/>
      <c r="CH63" s="257"/>
      <c r="CI63" s="257"/>
      <c r="CJ63" s="257"/>
      <c r="CK63" s="257"/>
      <c r="CL63" s="257"/>
      <c r="CM63" s="257"/>
      <c r="CN63" s="257"/>
      <c r="CO63" s="257"/>
      <c r="CP63" s="257"/>
      <c r="CQ63" s="257"/>
      <c r="CR63" s="257"/>
      <c r="CS63" s="257"/>
      <c r="CT63" s="257"/>
      <c r="CU63" s="257"/>
      <c r="CV63" s="257"/>
      <c r="CW63" s="257"/>
      <c r="CX63" s="257"/>
      <c r="CY63" s="257"/>
      <c r="CZ63" s="257"/>
      <c r="DA63" s="257"/>
      <c r="DB63" s="257"/>
      <c r="DC63" s="257"/>
      <c r="DD63" s="257"/>
      <c r="DE63" s="257"/>
      <c r="DF63" s="257"/>
      <c r="DG63" s="257"/>
      <c r="DH63" s="257"/>
      <c r="DI63" s="257"/>
      <c r="DJ63" s="257"/>
      <c r="DK63" s="257"/>
      <c r="DL63" s="257"/>
      <c r="DM63" s="257"/>
      <c r="DN63" s="257"/>
      <c r="DO63" s="257"/>
      <c r="DP63" s="257"/>
      <c r="DQ63" s="257"/>
      <c r="DR63" s="257"/>
      <c r="DS63" s="257"/>
      <c r="DT63" s="257"/>
      <c r="DU63" s="257"/>
      <c r="DV63" s="257"/>
      <c r="DW63" s="257"/>
      <c r="DX63" s="257"/>
      <c r="DY63" s="257"/>
      <c r="DZ63" s="257"/>
      <c r="EA63" s="257"/>
      <c r="EB63" s="257"/>
      <c r="EC63" s="257"/>
      <c r="ED63" s="257"/>
      <c r="EE63" s="257"/>
      <c r="EF63" s="257"/>
      <c r="EG63" s="257"/>
      <c r="EH63" s="257"/>
      <c r="EI63" s="257"/>
      <c r="EJ63" s="257"/>
      <c r="EK63" s="257"/>
      <c r="EL63" s="257"/>
      <c r="EM63" s="257"/>
      <c r="EN63" s="257"/>
      <c r="EO63" s="257"/>
      <c r="EP63" s="257"/>
      <c r="EQ63" s="257"/>
      <c r="ER63" s="257"/>
      <c r="ES63" s="257"/>
      <c r="ET63" s="257"/>
      <c r="EU63" s="257"/>
      <c r="EV63" s="257"/>
      <c r="EW63" s="257"/>
      <c r="EX63" s="257"/>
      <c r="EY63" s="257"/>
      <c r="EZ63" s="257"/>
      <c r="FA63" s="257"/>
      <c r="FB63" s="257"/>
      <c r="FC63" s="257"/>
      <c r="FD63" s="257"/>
      <c r="FE63" s="257"/>
      <c r="FF63" s="257"/>
      <c r="FG63" s="257"/>
      <c r="FH63" s="257"/>
      <c r="FI63" s="257"/>
      <c r="FJ63" s="257"/>
      <c r="FK63" s="257"/>
      <c r="FL63" s="257"/>
      <c r="FM63" s="257"/>
      <c r="FN63" s="257"/>
      <c r="FO63" s="257"/>
      <c r="FP63" s="257"/>
      <c r="FQ63" s="257"/>
      <c r="FR63" s="257"/>
      <c r="FS63" s="257"/>
      <c r="FT63" s="257"/>
      <c r="FU63" s="257"/>
      <c r="FV63" s="257"/>
      <c r="FW63" s="257"/>
      <c r="FX63" s="257"/>
      <c r="FY63" s="257"/>
      <c r="FZ63" s="257"/>
      <c r="GA63" s="257"/>
      <c r="GB63" s="257"/>
      <c r="GC63" s="257"/>
      <c r="GD63" s="257"/>
      <c r="GE63" s="257"/>
      <c r="GF63" s="257"/>
      <c r="GG63" s="257"/>
      <c r="GH63" s="257"/>
      <c r="GI63" s="257"/>
      <c r="GJ63" s="257"/>
      <c r="GK63" s="257"/>
    </row>
    <row r="64" spans="1:193" s="260" customFormat="1" ht="50.25" customHeight="1">
      <c r="A64" s="455"/>
      <c r="B64" s="235"/>
      <c r="C64" s="459" t="s">
        <v>449</v>
      </c>
      <c r="D64" s="460"/>
      <c r="E64" s="223"/>
      <c r="F64" s="224" t="s">
        <v>344</v>
      </c>
      <c r="G64" s="225" t="s">
        <v>446</v>
      </c>
      <c r="H64" s="257"/>
      <c r="I64" s="257"/>
      <c r="J64" s="257"/>
      <c r="K64" s="257"/>
      <c r="L64" s="257"/>
      <c r="M64" s="257"/>
      <c r="N64" s="257"/>
      <c r="O64" s="257"/>
      <c r="P64" s="257"/>
      <c r="Q64" s="257"/>
      <c r="R64" s="257"/>
      <c r="S64" s="257"/>
      <c r="T64" s="257"/>
      <c r="U64" s="257"/>
      <c r="V64" s="257"/>
      <c r="W64" s="257"/>
      <c r="X64" s="257"/>
      <c r="Y64" s="257"/>
      <c r="Z64" s="257"/>
      <c r="AA64" s="257"/>
      <c r="AB64" s="257"/>
      <c r="AC64" s="257"/>
      <c r="AD64" s="257"/>
      <c r="AE64" s="257"/>
      <c r="AF64" s="257"/>
      <c r="AG64" s="257"/>
      <c r="AH64" s="257"/>
      <c r="AI64" s="257"/>
      <c r="AJ64" s="257"/>
      <c r="AK64" s="257"/>
      <c r="AL64" s="257"/>
      <c r="AM64" s="257"/>
      <c r="AN64" s="257"/>
      <c r="AO64" s="257"/>
      <c r="AP64" s="257"/>
      <c r="AQ64" s="257"/>
      <c r="AR64" s="257"/>
      <c r="AS64" s="257"/>
      <c r="AT64" s="257"/>
      <c r="AU64" s="257"/>
      <c r="AV64" s="257"/>
      <c r="AW64" s="257"/>
      <c r="AX64" s="257"/>
      <c r="AY64" s="257"/>
      <c r="AZ64" s="257"/>
      <c r="BA64" s="257"/>
      <c r="BB64" s="257"/>
      <c r="BC64" s="257"/>
      <c r="BD64" s="257"/>
      <c r="BE64" s="257"/>
      <c r="BF64" s="257"/>
      <c r="BG64" s="257"/>
      <c r="BH64" s="257"/>
      <c r="BI64" s="257"/>
      <c r="BJ64" s="257"/>
      <c r="BK64" s="257"/>
      <c r="BL64" s="257"/>
      <c r="BM64" s="257"/>
      <c r="BN64" s="257"/>
      <c r="BO64" s="257"/>
      <c r="BP64" s="257"/>
      <c r="BQ64" s="257"/>
      <c r="BR64" s="257"/>
      <c r="BS64" s="257"/>
      <c r="BT64" s="257"/>
      <c r="BU64" s="257"/>
      <c r="BV64" s="257"/>
      <c r="BW64" s="257"/>
      <c r="BX64" s="257"/>
      <c r="BY64" s="257"/>
      <c r="BZ64" s="257"/>
      <c r="CA64" s="257"/>
      <c r="CB64" s="257"/>
      <c r="CC64" s="257"/>
      <c r="CD64" s="257"/>
      <c r="CE64" s="257"/>
      <c r="CF64" s="257"/>
      <c r="CG64" s="257"/>
      <c r="CH64" s="257"/>
      <c r="CI64" s="257"/>
      <c r="CJ64" s="257"/>
      <c r="CK64" s="257"/>
      <c r="CL64" s="257"/>
      <c r="CM64" s="257"/>
      <c r="CN64" s="257"/>
      <c r="CO64" s="257"/>
      <c r="CP64" s="257"/>
      <c r="CQ64" s="257"/>
      <c r="CR64" s="257"/>
      <c r="CS64" s="257"/>
      <c r="CT64" s="257"/>
      <c r="CU64" s="257"/>
      <c r="CV64" s="257"/>
      <c r="CW64" s="257"/>
      <c r="CX64" s="257"/>
      <c r="CY64" s="257"/>
      <c r="CZ64" s="257"/>
      <c r="DA64" s="257"/>
      <c r="DB64" s="257"/>
      <c r="DC64" s="257"/>
      <c r="DD64" s="257"/>
      <c r="DE64" s="257"/>
      <c r="DF64" s="257"/>
      <c r="DG64" s="257"/>
      <c r="DH64" s="257"/>
      <c r="DI64" s="257"/>
      <c r="DJ64" s="257"/>
      <c r="DK64" s="257"/>
      <c r="DL64" s="257"/>
      <c r="DM64" s="257"/>
      <c r="DN64" s="257"/>
      <c r="DO64" s="257"/>
      <c r="DP64" s="257"/>
      <c r="DQ64" s="257"/>
      <c r="DR64" s="257"/>
      <c r="DS64" s="257"/>
      <c r="DT64" s="257"/>
      <c r="DU64" s="257"/>
      <c r="DV64" s="257"/>
      <c r="DW64" s="257"/>
      <c r="DX64" s="257"/>
      <c r="DY64" s="257"/>
      <c r="DZ64" s="257"/>
      <c r="EA64" s="257"/>
      <c r="EB64" s="257"/>
      <c r="EC64" s="257"/>
      <c r="ED64" s="257"/>
      <c r="EE64" s="257"/>
      <c r="EF64" s="257"/>
      <c r="EG64" s="257"/>
      <c r="EH64" s="257"/>
      <c r="EI64" s="257"/>
      <c r="EJ64" s="257"/>
      <c r="EK64" s="257"/>
      <c r="EL64" s="257"/>
      <c r="EM64" s="257"/>
      <c r="EN64" s="257"/>
      <c r="EO64" s="257"/>
      <c r="EP64" s="257"/>
      <c r="EQ64" s="257"/>
      <c r="ER64" s="257"/>
      <c r="ES64" s="257"/>
      <c r="ET64" s="257"/>
      <c r="EU64" s="257"/>
      <c r="EV64" s="257"/>
      <c r="EW64" s="257"/>
      <c r="EX64" s="257"/>
      <c r="EY64" s="257"/>
      <c r="EZ64" s="257"/>
      <c r="FA64" s="257"/>
      <c r="FB64" s="257"/>
      <c r="FC64" s="257"/>
      <c r="FD64" s="257"/>
      <c r="FE64" s="257"/>
      <c r="FF64" s="257"/>
      <c r="FG64" s="257"/>
      <c r="FH64" s="257"/>
      <c r="FI64" s="257"/>
      <c r="FJ64" s="257"/>
      <c r="FK64" s="257"/>
      <c r="FL64" s="257"/>
      <c r="FM64" s="257"/>
      <c r="FN64" s="257"/>
      <c r="FO64" s="257"/>
      <c r="FP64" s="257"/>
      <c r="FQ64" s="257"/>
      <c r="FR64" s="257"/>
      <c r="FS64" s="257"/>
      <c r="FT64" s="257"/>
      <c r="FU64" s="257"/>
      <c r="FV64" s="257"/>
      <c r="FW64" s="257"/>
      <c r="FX64" s="257"/>
      <c r="FY64" s="257"/>
      <c r="FZ64" s="257"/>
      <c r="GA64" s="257"/>
      <c r="GB64" s="257"/>
      <c r="GC64" s="257"/>
      <c r="GD64" s="257"/>
      <c r="GE64" s="257"/>
      <c r="GF64" s="257"/>
      <c r="GG64" s="257"/>
      <c r="GH64" s="257"/>
      <c r="GI64" s="257"/>
      <c r="GJ64" s="257"/>
      <c r="GK64" s="257"/>
    </row>
    <row r="65" spans="1:193" s="260" customFormat="1" ht="50.25" customHeight="1">
      <c r="A65" s="455"/>
      <c r="B65" s="235"/>
      <c r="C65" s="459" t="s">
        <v>450</v>
      </c>
      <c r="D65" s="460"/>
      <c r="E65" s="223"/>
      <c r="F65" s="224" t="s">
        <v>344</v>
      </c>
      <c r="G65" s="225" t="s">
        <v>451</v>
      </c>
      <c r="H65" s="257"/>
      <c r="I65" s="257"/>
      <c r="J65" s="257"/>
      <c r="K65" s="257"/>
      <c r="L65" s="257"/>
      <c r="M65" s="257"/>
      <c r="N65" s="257"/>
      <c r="O65" s="257"/>
      <c r="P65" s="257"/>
      <c r="Q65" s="257"/>
      <c r="R65" s="257"/>
      <c r="S65" s="257"/>
      <c r="T65" s="257"/>
      <c r="U65" s="257"/>
      <c r="V65" s="257"/>
      <c r="W65" s="257"/>
      <c r="X65" s="257"/>
      <c r="Y65" s="257"/>
      <c r="Z65" s="257"/>
      <c r="AA65" s="257"/>
      <c r="AB65" s="257"/>
      <c r="AC65" s="257"/>
      <c r="AD65" s="257"/>
      <c r="AE65" s="257"/>
      <c r="AF65" s="257"/>
      <c r="AG65" s="257"/>
      <c r="AH65" s="257"/>
      <c r="AI65" s="257"/>
      <c r="AJ65" s="257"/>
      <c r="AK65" s="257"/>
      <c r="AL65" s="257"/>
      <c r="AM65" s="257"/>
      <c r="AN65" s="257"/>
      <c r="AO65" s="257"/>
      <c r="AP65" s="257"/>
      <c r="AQ65" s="257"/>
      <c r="AR65" s="257"/>
      <c r="AS65" s="257"/>
      <c r="AT65" s="257"/>
      <c r="AU65" s="257"/>
      <c r="AV65" s="257"/>
      <c r="AW65" s="257"/>
      <c r="AX65" s="257"/>
      <c r="AY65" s="257"/>
      <c r="AZ65" s="257"/>
      <c r="BA65" s="257"/>
      <c r="BB65" s="257"/>
      <c r="BC65" s="257"/>
      <c r="BD65" s="257"/>
      <c r="BE65" s="257"/>
      <c r="BF65" s="257"/>
      <c r="BG65" s="257"/>
      <c r="BH65" s="257"/>
      <c r="BI65" s="257"/>
      <c r="BJ65" s="257"/>
      <c r="BK65" s="257"/>
      <c r="BL65" s="257"/>
      <c r="BM65" s="257"/>
      <c r="BN65" s="257"/>
      <c r="BO65" s="257"/>
      <c r="BP65" s="257"/>
      <c r="BQ65" s="257"/>
      <c r="BR65" s="257"/>
      <c r="BS65" s="257"/>
      <c r="BT65" s="257"/>
      <c r="BU65" s="257"/>
      <c r="BV65" s="257"/>
      <c r="BW65" s="257"/>
      <c r="BX65" s="257"/>
      <c r="BY65" s="257"/>
      <c r="BZ65" s="257"/>
      <c r="CA65" s="257"/>
      <c r="CB65" s="257"/>
      <c r="CC65" s="257"/>
      <c r="CD65" s="257"/>
      <c r="CE65" s="257"/>
      <c r="CF65" s="257"/>
      <c r="CG65" s="257"/>
      <c r="CH65" s="257"/>
      <c r="CI65" s="257"/>
      <c r="CJ65" s="257"/>
      <c r="CK65" s="257"/>
      <c r="CL65" s="257"/>
      <c r="CM65" s="257"/>
      <c r="CN65" s="257"/>
      <c r="CO65" s="257"/>
      <c r="CP65" s="257"/>
      <c r="CQ65" s="257"/>
      <c r="CR65" s="257"/>
      <c r="CS65" s="257"/>
      <c r="CT65" s="257"/>
      <c r="CU65" s="257"/>
      <c r="CV65" s="257"/>
      <c r="CW65" s="257"/>
      <c r="CX65" s="257"/>
      <c r="CY65" s="257"/>
      <c r="CZ65" s="257"/>
      <c r="DA65" s="257"/>
      <c r="DB65" s="257"/>
      <c r="DC65" s="257"/>
      <c r="DD65" s="257"/>
      <c r="DE65" s="257"/>
      <c r="DF65" s="257"/>
      <c r="DG65" s="257"/>
      <c r="DH65" s="257"/>
      <c r="DI65" s="257"/>
      <c r="DJ65" s="257"/>
      <c r="DK65" s="257"/>
      <c r="DL65" s="257"/>
      <c r="DM65" s="257"/>
      <c r="DN65" s="257"/>
      <c r="DO65" s="257"/>
      <c r="DP65" s="257"/>
      <c r="DQ65" s="257"/>
      <c r="DR65" s="257"/>
      <c r="DS65" s="257"/>
      <c r="DT65" s="257"/>
      <c r="DU65" s="257"/>
      <c r="DV65" s="257"/>
      <c r="DW65" s="257"/>
      <c r="DX65" s="257"/>
      <c r="DY65" s="257"/>
      <c r="DZ65" s="257"/>
      <c r="EA65" s="257"/>
      <c r="EB65" s="257"/>
      <c r="EC65" s="257"/>
      <c r="ED65" s="257"/>
      <c r="EE65" s="257"/>
      <c r="EF65" s="257"/>
      <c r="EG65" s="257"/>
      <c r="EH65" s="257"/>
      <c r="EI65" s="257"/>
      <c r="EJ65" s="257"/>
      <c r="EK65" s="257"/>
      <c r="EL65" s="257"/>
      <c r="EM65" s="257"/>
      <c r="EN65" s="257"/>
      <c r="EO65" s="257"/>
      <c r="EP65" s="257"/>
      <c r="EQ65" s="257"/>
      <c r="ER65" s="257"/>
      <c r="ES65" s="257"/>
      <c r="ET65" s="257"/>
      <c r="EU65" s="257"/>
      <c r="EV65" s="257"/>
      <c r="EW65" s="257"/>
      <c r="EX65" s="257"/>
      <c r="EY65" s="257"/>
      <c r="EZ65" s="257"/>
      <c r="FA65" s="257"/>
      <c r="FB65" s="257"/>
      <c r="FC65" s="257"/>
      <c r="FD65" s="257"/>
      <c r="FE65" s="257"/>
      <c r="FF65" s="257"/>
      <c r="FG65" s="257"/>
      <c r="FH65" s="257"/>
      <c r="FI65" s="257"/>
      <c r="FJ65" s="257"/>
      <c r="FK65" s="257"/>
      <c r="FL65" s="257"/>
      <c r="FM65" s="257"/>
      <c r="FN65" s="257"/>
      <c r="FO65" s="257"/>
      <c r="FP65" s="257"/>
      <c r="FQ65" s="257"/>
      <c r="FR65" s="257"/>
      <c r="FS65" s="257"/>
      <c r="FT65" s="257"/>
      <c r="FU65" s="257"/>
      <c r="FV65" s="257"/>
      <c r="FW65" s="257"/>
      <c r="FX65" s="257"/>
      <c r="FY65" s="257"/>
      <c r="FZ65" s="257"/>
      <c r="GA65" s="257"/>
      <c r="GB65" s="257"/>
      <c r="GC65" s="257"/>
      <c r="GD65" s="257"/>
      <c r="GE65" s="257"/>
      <c r="GF65" s="257"/>
      <c r="GG65" s="257"/>
      <c r="GH65" s="257"/>
      <c r="GI65" s="257"/>
      <c r="GJ65" s="257"/>
      <c r="GK65" s="257"/>
    </row>
    <row r="66" spans="1:193" s="260" customFormat="1" ht="78" customHeight="1">
      <c r="A66" s="455"/>
      <c r="B66" s="235"/>
      <c r="C66" s="459" t="s">
        <v>452</v>
      </c>
      <c r="D66" s="460"/>
      <c r="E66" s="223"/>
      <c r="F66" s="224" t="s">
        <v>344</v>
      </c>
      <c r="G66" s="225" t="s">
        <v>453</v>
      </c>
      <c r="H66" s="257"/>
      <c r="I66" s="257"/>
      <c r="J66" s="257"/>
      <c r="K66" s="257"/>
      <c r="L66" s="257"/>
      <c r="M66" s="257"/>
      <c r="N66" s="257"/>
      <c r="O66" s="257"/>
      <c r="P66" s="257"/>
      <c r="Q66" s="257"/>
      <c r="R66" s="257"/>
      <c r="S66" s="257"/>
      <c r="T66" s="257"/>
      <c r="U66" s="257"/>
      <c r="V66" s="257"/>
      <c r="W66" s="257"/>
      <c r="X66" s="257"/>
      <c r="Y66" s="257"/>
      <c r="Z66" s="257"/>
      <c r="AA66" s="257"/>
      <c r="AB66" s="257"/>
      <c r="AC66" s="257"/>
      <c r="AD66" s="257"/>
      <c r="AE66" s="257"/>
      <c r="AF66" s="257"/>
      <c r="AG66" s="257"/>
      <c r="AH66" s="257"/>
      <c r="AI66" s="257"/>
      <c r="AJ66" s="257"/>
      <c r="AK66" s="257"/>
      <c r="AL66" s="257"/>
      <c r="AM66" s="257"/>
      <c r="AN66" s="257"/>
      <c r="AO66" s="257"/>
      <c r="AP66" s="257"/>
      <c r="AQ66" s="257"/>
      <c r="AR66" s="257"/>
      <c r="AS66" s="257"/>
      <c r="AT66" s="257"/>
      <c r="AU66" s="257"/>
      <c r="AV66" s="257"/>
      <c r="AW66" s="257"/>
      <c r="AX66" s="257"/>
      <c r="AY66" s="257"/>
      <c r="AZ66" s="257"/>
      <c r="BA66" s="257"/>
      <c r="BB66" s="257"/>
      <c r="BC66" s="257"/>
      <c r="BD66" s="257"/>
      <c r="BE66" s="257"/>
      <c r="BF66" s="257"/>
      <c r="BG66" s="257"/>
      <c r="BH66" s="257"/>
      <c r="BI66" s="257"/>
      <c r="BJ66" s="257"/>
      <c r="BK66" s="257"/>
      <c r="BL66" s="257"/>
      <c r="BM66" s="257"/>
      <c r="BN66" s="257"/>
      <c r="BO66" s="257"/>
      <c r="BP66" s="257"/>
      <c r="BQ66" s="257"/>
      <c r="BR66" s="257"/>
      <c r="BS66" s="257"/>
      <c r="BT66" s="257"/>
      <c r="BU66" s="257"/>
      <c r="BV66" s="257"/>
      <c r="BW66" s="257"/>
      <c r="BX66" s="257"/>
      <c r="BY66" s="257"/>
      <c r="BZ66" s="257"/>
      <c r="CA66" s="257"/>
      <c r="CB66" s="257"/>
      <c r="CC66" s="257"/>
      <c r="CD66" s="257"/>
      <c r="CE66" s="257"/>
      <c r="CF66" s="257"/>
      <c r="CG66" s="257"/>
      <c r="CH66" s="257"/>
      <c r="CI66" s="257"/>
      <c r="CJ66" s="257"/>
      <c r="CK66" s="257"/>
      <c r="CL66" s="257"/>
      <c r="CM66" s="257"/>
      <c r="CN66" s="257"/>
      <c r="CO66" s="257"/>
      <c r="CP66" s="257"/>
      <c r="CQ66" s="257"/>
      <c r="CR66" s="257"/>
      <c r="CS66" s="257"/>
      <c r="CT66" s="257"/>
      <c r="CU66" s="257"/>
      <c r="CV66" s="257"/>
      <c r="CW66" s="257"/>
      <c r="CX66" s="257"/>
      <c r="CY66" s="257"/>
      <c r="CZ66" s="257"/>
      <c r="DA66" s="257"/>
      <c r="DB66" s="257"/>
      <c r="DC66" s="257"/>
      <c r="DD66" s="257"/>
      <c r="DE66" s="257"/>
      <c r="DF66" s="257"/>
      <c r="DG66" s="257"/>
      <c r="DH66" s="257"/>
      <c r="DI66" s="257"/>
      <c r="DJ66" s="257"/>
      <c r="DK66" s="257"/>
      <c r="DL66" s="257"/>
      <c r="DM66" s="257"/>
      <c r="DN66" s="257"/>
      <c r="DO66" s="257"/>
      <c r="DP66" s="257"/>
      <c r="DQ66" s="257"/>
      <c r="DR66" s="257"/>
      <c r="DS66" s="257"/>
      <c r="DT66" s="257"/>
      <c r="DU66" s="257"/>
      <c r="DV66" s="257"/>
      <c r="DW66" s="257"/>
      <c r="DX66" s="257"/>
      <c r="DY66" s="257"/>
      <c r="DZ66" s="257"/>
      <c r="EA66" s="257"/>
      <c r="EB66" s="257"/>
      <c r="EC66" s="257"/>
      <c r="ED66" s="257"/>
      <c r="EE66" s="257"/>
      <c r="EF66" s="257"/>
      <c r="EG66" s="257"/>
      <c r="EH66" s="257"/>
      <c r="EI66" s="257"/>
      <c r="EJ66" s="257"/>
      <c r="EK66" s="257"/>
      <c r="EL66" s="257"/>
      <c r="EM66" s="257"/>
      <c r="EN66" s="257"/>
      <c r="EO66" s="257"/>
      <c r="EP66" s="257"/>
      <c r="EQ66" s="257"/>
      <c r="ER66" s="257"/>
      <c r="ES66" s="257"/>
      <c r="ET66" s="257"/>
      <c r="EU66" s="257"/>
      <c r="EV66" s="257"/>
      <c r="EW66" s="257"/>
      <c r="EX66" s="257"/>
      <c r="EY66" s="257"/>
      <c r="EZ66" s="257"/>
      <c r="FA66" s="257"/>
      <c r="FB66" s="257"/>
      <c r="FC66" s="257"/>
      <c r="FD66" s="257"/>
      <c r="FE66" s="257"/>
      <c r="FF66" s="257"/>
      <c r="FG66" s="257"/>
      <c r="FH66" s="257"/>
      <c r="FI66" s="257"/>
      <c r="FJ66" s="257"/>
      <c r="FK66" s="257"/>
      <c r="FL66" s="257"/>
      <c r="FM66" s="257"/>
      <c r="FN66" s="257"/>
      <c r="FO66" s="257"/>
      <c r="FP66" s="257"/>
      <c r="FQ66" s="257"/>
      <c r="FR66" s="257"/>
      <c r="FS66" s="257"/>
      <c r="FT66" s="257"/>
      <c r="FU66" s="257"/>
      <c r="FV66" s="257"/>
      <c r="FW66" s="257"/>
      <c r="FX66" s="257"/>
      <c r="FY66" s="257"/>
      <c r="FZ66" s="257"/>
      <c r="GA66" s="257"/>
      <c r="GB66" s="257"/>
      <c r="GC66" s="257"/>
      <c r="GD66" s="257"/>
      <c r="GE66" s="257"/>
      <c r="GF66" s="257"/>
      <c r="GG66" s="257"/>
      <c r="GH66" s="257"/>
      <c r="GI66" s="257"/>
      <c r="GJ66" s="257"/>
      <c r="GK66" s="257"/>
    </row>
    <row r="67" spans="1:193" s="260" customFormat="1" ht="104.25" customHeight="1">
      <c r="A67" s="455"/>
      <c r="B67" s="235"/>
      <c r="C67" s="459" t="s">
        <v>454</v>
      </c>
      <c r="D67" s="460"/>
      <c r="E67" s="223"/>
      <c r="F67" s="224" t="s">
        <v>344</v>
      </c>
      <c r="G67" s="225" t="s">
        <v>455</v>
      </c>
      <c r="H67" s="257"/>
      <c r="I67" s="257"/>
      <c r="J67" s="257"/>
      <c r="K67" s="257"/>
      <c r="L67" s="257"/>
      <c r="M67" s="257"/>
      <c r="N67" s="257"/>
      <c r="O67" s="257"/>
      <c r="P67" s="257"/>
      <c r="Q67" s="257"/>
      <c r="R67" s="257"/>
      <c r="S67" s="257"/>
      <c r="T67" s="257"/>
      <c r="U67" s="257"/>
      <c r="V67" s="257"/>
      <c r="W67" s="257"/>
      <c r="X67" s="257"/>
      <c r="Y67" s="257"/>
      <c r="Z67" s="257"/>
      <c r="AA67" s="257"/>
      <c r="AB67" s="257"/>
      <c r="AC67" s="257"/>
      <c r="AD67" s="257"/>
      <c r="AE67" s="257"/>
      <c r="AF67" s="257"/>
      <c r="AG67" s="257"/>
      <c r="AH67" s="257"/>
      <c r="AI67" s="257"/>
      <c r="AJ67" s="257"/>
      <c r="AK67" s="257"/>
      <c r="AL67" s="257"/>
      <c r="AM67" s="257"/>
      <c r="AN67" s="257"/>
      <c r="AO67" s="257"/>
      <c r="AP67" s="257"/>
      <c r="AQ67" s="257"/>
      <c r="AR67" s="257"/>
      <c r="AS67" s="257"/>
      <c r="AT67" s="257"/>
      <c r="AU67" s="257"/>
      <c r="AV67" s="257"/>
      <c r="AW67" s="257"/>
      <c r="AX67" s="257"/>
      <c r="AY67" s="257"/>
      <c r="AZ67" s="257"/>
      <c r="BA67" s="257"/>
      <c r="BB67" s="257"/>
      <c r="BC67" s="257"/>
      <c r="BD67" s="257"/>
      <c r="BE67" s="257"/>
      <c r="BF67" s="257"/>
      <c r="BG67" s="257"/>
      <c r="BH67" s="257"/>
      <c r="BI67" s="257"/>
      <c r="BJ67" s="257"/>
      <c r="BK67" s="257"/>
      <c r="BL67" s="257"/>
      <c r="BM67" s="257"/>
      <c r="BN67" s="257"/>
      <c r="BO67" s="257"/>
      <c r="BP67" s="257"/>
      <c r="BQ67" s="257"/>
      <c r="BR67" s="257"/>
      <c r="BS67" s="257"/>
      <c r="BT67" s="257"/>
      <c r="BU67" s="257"/>
      <c r="BV67" s="257"/>
      <c r="BW67" s="257"/>
      <c r="BX67" s="257"/>
      <c r="BY67" s="257"/>
      <c r="BZ67" s="257"/>
      <c r="CA67" s="257"/>
      <c r="CB67" s="257"/>
      <c r="CC67" s="257"/>
      <c r="CD67" s="257"/>
      <c r="CE67" s="257"/>
      <c r="CF67" s="257"/>
      <c r="CG67" s="257"/>
      <c r="CH67" s="257"/>
      <c r="CI67" s="257"/>
      <c r="CJ67" s="257"/>
      <c r="CK67" s="257"/>
      <c r="CL67" s="257"/>
      <c r="CM67" s="257"/>
      <c r="CN67" s="257"/>
      <c r="CO67" s="257"/>
      <c r="CP67" s="257"/>
      <c r="CQ67" s="257"/>
      <c r="CR67" s="257"/>
      <c r="CS67" s="257"/>
      <c r="CT67" s="257"/>
      <c r="CU67" s="257"/>
      <c r="CV67" s="257"/>
      <c r="CW67" s="257"/>
      <c r="CX67" s="257"/>
      <c r="CY67" s="257"/>
      <c r="CZ67" s="257"/>
      <c r="DA67" s="257"/>
      <c r="DB67" s="257"/>
      <c r="DC67" s="257"/>
      <c r="DD67" s="257"/>
      <c r="DE67" s="257"/>
      <c r="DF67" s="257"/>
      <c r="DG67" s="257"/>
      <c r="DH67" s="257"/>
      <c r="DI67" s="257"/>
      <c r="DJ67" s="257"/>
      <c r="DK67" s="257"/>
      <c r="DL67" s="257"/>
      <c r="DM67" s="257"/>
      <c r="DN67" s="257"/>
      <c r="DO67" s="257"/>
      <c r="DP67" s="257"/>
      <c r="DQ67" s="257"/>
      <c r="DR67" s="257"/>
      <c r="DS67" s="257"/>
      <c r="DT67" s="257"/>
      <c r="DU67" s="257"/>
      <c r="DV67" s="257"/>
      <c r="DW67" s="257"/>
      <c r="DX67" s="257"/>
      <c r="DY67" s="257"/>
      <c r="DZ67" s="257"/>
      <c r="EA67" s="257"/>
      <c r="EB67" s="257"/>
      <c r="EC67" s="257"/>
      <c r="ED67" s="257"/>
      <c r="EE67" s="257"/>
      <c r="EF67" s="257"/>
      <c r="EG67" s="257"/>
      <c r="EH67" s="257"/>
      <c r="EI67" s="257"/>
      <c r="EJ67" s="257"/>
      <c r="EK67" s="257"/>
      <c r="EL67" s="257"/>
      <c r="EM67" s="257"/>
      <c r="EN67" s="257"/>
      <c r="EO67" s="257"/>
      <c r="EP67" s="257"/>
      <c r="EQ67" s="257"/>
      <c r="ER67" s="257"/>
      <c r="ES67" s="257"/>
      <c r="ET67" s="257"/>
      <c r="EU67" s="257"/>
      <c r="EV67" s="257"/>
      <c r="EW67" s="257"/>
      <c r="EX67" s="257"/>
      <c r="EY67" s="257"/>
      <c r="EZ67" s="257"/>
      <c r="FA67" s="257"/>
      <c r="FB67" s="257"/>
      <c r="FC67" s="257"/>
      <c r="FD67" s="257"/>
      <c r="FE67" s="257"/>
      <c r="FF67" s="257"/>
      <c r="FG67" s="257"/>
      <c r="FH67" s="257"/>
      <c r="FI67" s="257"/>
      <c r="FJ67" s="257"/>
      <c r="FK67" s="257"/>
      <c r="FL67" s="257"/>
      <c r="FM67" s="257"/>
      <c r="FN67" s="257"/>
      <c r="FO67" s="257"/>
      <c r="FP67" s="257"/>
      <c r="FQ67" s="257"/>
      <c r="FR67" s="257"/>
      <c r="FS67" s="257"/>
      <c r="FT67" s="257"/>
      <c r="FU67" s="257"/>
      <c r="FV67" s="257"/>
      <c r="FW67" s="257"/>
      <c r="FX67" s="257"/>
      <c r="FY67" s="257"/>
      <c r="FZ67" s="257"/>
      <c r="GA67" s="257"/>
      <c r="GB67" s="257"/>
      <c r="GC67" s="257"/>
      <c r="GD67" s="257"/>
      <c r="GE67" s="257"/>
      <c r="GF67" s="257"/>
      <c r="GG67" s="257"/>
      <c r="GH67" s="257"/>
      <c r="GI67" s="257"/>
      <c r="GJ67" s="257"/>
      <c r="GK67" s="257"/>
    </row>
    <row r="68" spans="1:193" s="260" customFormat="1" ht="66.75" customHeight="1">
      <c r="A68" s="455"/>
      <c r="B68" s="235"/>
      <c r="C68" s="459" t="s">
        <v>456</v>
      </c>
      <c r="D68" s="460"/>
      <c r="E68" s="223"/>
      <c r="F68" s="224" t="s">
        <v>344</v>
      </c>
      <c r="G68" s="225" t="s">
        <v>448</v>
      </c>
      <c r="H68" s="257"/>
      <c r="I68" s="257"/>
      <c r="J68" s="257"/>
      <c r="K68" s="257"/>
      <c r="L68" s="257"/>
      <c r="M68" s="257"/>
      <c r="N68" s="257"/>
      <c r="O68" s="257"/>
      <c r="P68" s="257"/>
      <c r="Q68" s="257"/>
      <c r="R68" s="257"/>
      <c r="S68" s="257"/>
      <c r="T68" s="257"/>
      <c r="U68" s="257"/>
      <c r="V68" s="257"/>
      <c r="W68" s="257"/>
      <c r="X68" s="257"/>
      <c r="Y68" s="257"/>
      <c r="Z68" s="257"/>
      <c r="AA68" s="257"/>
      <c r="AB68" s="257"/>
      <c r="AC68" s="257"/>
      <c r="AD68" s="257"/>
      <c r="AE68" s="257"/>
      <c r="AF68" s="257"/>
      <c r="AG68" s="257"/>
      <c r="AH68" s="257"/>
      <c r="AI68" s="257"/>
      <c r="AJ68" s="257"/>
      <c r="AK68" s="257"/>
      <c r="AL68" s="257"/>
      <c r="AM68" s="257"/>
      <c r="AN68" s="257"/>
      <c r="AO68" s="257"/>
      <c r="AP68" s="257"/>
      <c r="AQ68" s="257"/>
      <c r="AR68" s="257"/>
      <c r="AS68" s="257"/>
      <c r="AT68" s="257"/>
      <c r="AU68" s="257"/>
      <c r="AV68" s="257"/>
      <c r="AW68" s="257"/>
      <c r="AX68" s="257"/>
      <c r="AY68" s="257"/>
      <c r="AZ68" s="257"/>
      <c r="BA68" s="257"/>
      <c r="BB68" s="257"/>
      <c r="BC68" s="257"/>
      <c r="BD68" s="257"/>
      <c r="BE68" s="257"/>
      <c r="BF68" s="257"/>
      <c r="BG68" s="257"/>
      <c r="BH68" s="257"/>
      <c r="BI68" s="257"/>
      <c r="BJ68" s="257"/>
      <c r="BK68" s="257"/>
      <c r="BL68" s="257"/>
      <c r="BM68" s="257"/>
      <c r="BN68" s="257"/>
      <c r="BO68" s="257"/>
      <c r="BP68" s="257"/>
      <c r="BQ68" s="257"/>
      <c r="BR68" s="257"/>
      <c r="BS68" s="257"/>
      <c r="BT68" s="257"/>
      <c r="BU68" s="257"/>
      <c r="BV68" s="257"/>
      <c r="BW68" s="257"/>
      <c r="BX68" s="257"/>
      <c r="BY68" s="257"/>
      <c r="BZ68" s="257"/>
      <c r="CA68" s="257"/>
      <c r="CB68" s="257"/>
      <c r="CC68" s="257"/>
      <c r="CD68" s="257"/>
      <c r="CE68" s="257"/>
      <c r="CF68" s="257"/>
      <c r="CG68" s="257"/>
      <c r="CH68" s="257"/>
      <c r="CI68" s="257"/>
      <c r="CJ68" s="257"/>
      <c r="CK68" s="257"/>
      <c r="CL68" s="257"/>
      <c r="CM68" s="257"/>
      <c r="CN68" s="257"/>
      <c r="CO68" s="257"/>
      <c r="CP68" s="257"/>
      <c r="CQ68" s="257"/>
      <c r="CR68" s="257"/>
      <c r="CS68" s="257"/>
      <c r="CT68" s="257"/>
      <c r="CU68" s="257"/>
      <c r="CV68" s="257"/>
      <c r="CW68" s="257"/>
      <c r="CX68" s="257"/>
      <c r="CY68" s="257"/>
      <c r="CZ68" s="257"/>
      <c r="DA68" s="257"/>
      <c r="DB68" s="257"/>
      <c r="DC68" s="257"/>
      <c r="DD68" s="257"/>
      <c r="DE68" s="257"/>
      <c r="DF68" s="257"/>
      <c r="DG68" s="257"/>
      <c r="DH68" s="257"/>
      <c r="DI68" s="257"/>
      <c r="DJ68" s="257"/>
      <c r="DK68" s="257"/>
      <c r="DL68" s="257"/>
      <c r="DM68" s="257"/>
      <c r="DN68" s="257"/>
      <c r="DO68" s="257"/>
      <c r="DP68" s="257"/>
      <c r="DQ68" s="257"/>
      <c r="DR68" s="257"/>
      <c r="DS68" s="257"/>
      <c r="DT68" s="257"/>
      <c r="DU68" s="257"/>
      <c r="DV68" s="257"/>
      <c r="DW68" s="257"/>
      <c r="DX68" s="257"/>
      <c r="DY68" s="257"/>
      <c r="DZ68" s="257"/>
      <c r="EA68" s="257"/>
      <c r="EB68" s="257"/>
      <c r="EC68" s="257"/>
      <c r="ED68" s="257"/>
      <c r="EE68" s="257"/>
      <c r="EF68" s="257"/>
      <c r="EG68" s="257"/>
      <c r="EH68" s="257"/>
      <c r="EI68" s="257"/>
      <c r="EJ68" s="257"/>
      <c r="EK68" s="257"/>
      <c r="EL68" s="257"/>
      <c r="EM68" s="257"/>
      <c r="EN68" s="257"/>
      <c r="EO68" s="257"/>
      <c r="EP68" s="257"/>
      <c r="EQ68" s="257"/>
      <c r="ER68" s="257"/>
      <c r="ES68" s="257"/>
      <c r="ET68" s="257"/>
      <c r="EU68" s="257"/>
      <c r="EV68" s="257"/>
      <c r="EW68" s="257"/>
      <c r="EX68" s="257"/>
      <c r="EY68" s="257"/>
      <c r="EZ68" s="257"/>
      <c r="FA68" s="257"/>
      <c r="FB68" s="257"/>
      <c r="FC68" s="257"/>
      <c r="FD68" s="257"/>
      <c r="FE68" s="257"/>
      <c r="FF68" s="257"/>
      <c r="FG68" s="257"/>
      <c r="FH68" s="257"/>
      <c r="FI68" s="257"/>
      <c r="FJ68" s="257"/>
      <c r="FK68" s="257"/>
      <c r="FL68" s="257"/>
      <c r="FM68" s="257"/>
      <c r="FN68" s="257"/>
      <c r="FO68" s="257"/>
      <c r="FP68" s="257"/>
      <c r="FQ68" s="257"/>
      <c r="FR68" s="257"/>
      <c r="FS68" s="257"/>
      <c r="FT68" s="257"/>
      <c r="FU68" s="257"/>
      <c r="FV68" s="257"/>
      <c r="FW68" s="257"/>
      <c r="FX68" s="257"/>
      <c r="FY68" s="257"/>
      <c r="FZ68" s="257"/>
      <c r="GA68" s="257"/>
      <c r="GB68" s="257"/>
      <c r="GC68" s="257"/>
      <c r="GD68" s="257"/>
      <c r="GE68" s="257"/>
      <c r="GF68" s="257"/>
      <c r="GG68" s="257"/>
      <c r="GH68" s="257"/>
      <c r="GI68" s="257"/>
      <c r="GJ68" s="257"/>
      <c r="GK68" s="257"/>
    </row>
    <row r="69" spans="1:193" s="260" customFormat="1" ht="21.75" customHeight="1">
      <c r="A69" s="456"/>
      <c r="B69" s="228"/>
      <c r="C69" s="461" t="s">
        <v>457</v>
      </c>
      <c r="D69" s="462"/>
      <c r="E69" s="236"/>
      <c r="F69" s="237" t="s">
        <v>344</v>
      </c>
      <c r="G69" s="266"/>
      <c r="H69" s="257"/>
      <c r="I69" s="257"/>
      <c r="J69" s="257"/>
      <c r="K69" s="257"/>
      <c r="L69" s="257"/>
      <c r="M69" s="257"/>
      <c r="N69" s="257"/>
      <c r="O69" s="257"/>
      <c r="P69" s="257"/>
      <c r="Q69" s="257"/>
      <c r="R69" s="257"/>
      <c r="S69" s="257"/>
      <c r="T69" s="257"/>
      <c r="U69" s="257"/>
      <c r="V69" s="257"/>
      <c r="W69" s="257"/>
      <c r="X69" s="257"/>
      <c r="Y69" s="257"/>
      <c r="Z69" s="257"/>
      <c r="AA69" s="257"/>
      <c r="AB69" s="257"/>
      <c r="AC69" s="257"/>
      <c r="AD69" s="257"/>
      <c r="AE69" s="257"/>
      <c r="AF69" s="257"/>
      <c r="AG69" s="257"/>
      <c r="AH69" s="257"/>
      <c r="AI69" s="257"/>
      <c r="AJ69" s="257"/>
      <c r="AK69" s="257"/>
      <c r="AL69" s="257"/>
      <c r="AM69" s="257"/>
      <c r="AN69" s="257"/>
      <c r="AO69" s="257"/>
      <c r="AP69" s="257"/>
      <c r="AQ69" s="257"/>
      <c r="AR69" s="257"/>
      <c r="AS69" s="257"/>
      <c r="AT69" s="257"/>
      <c r="AU69" s="257"/>
      <c r="AV69" s="257"/>
      <c r="AW69" s="257"/>
      <c r="AX69" s="257"/>
      <c r="AY69" s="257"/>
      <c r="AZ69" s="257"/>
      <c r="BA69" s="257"/>
      <c r="BB69" s="257"/>
      <c r="BC69" s="257"/>
      <c r="BD69" s="257"/>
      <c r="BE69" s="257"/>
      <c r="BF69" s="257"/>
      <c r="BG69" s="257"/>
      <c r="BH69" s="257"/>
      <c r="BI69" s="257"/>
      <c r="BJ69" s="257"/>
      <c r="BK69" s="257"/>
      <c r="BL69" s="257"/>
      <c r="BM69" s="257"/>
      <c r="BN69" s="257"/>
      <c r="BO69" s="257"/>
      <c r="BP69" s="257"/>
      <c r="BQ69" s="257"/>
      <c r="BR69" s="257"/>
      <c r="BS69" s="257"/>
      <c r="BT69" s="257"/>
      <c r="BU69" s="257"/>
      <c r="BV69" s="257"/>
      <c r="BW69" s="257"/>
      <c r="BX69" s="257"/>
      <c r="BY69" s="257"/>
      <c r="BZ69" s="257"/>
      <c r="CA69" s="257"/>
      <c r="CB69" s="257"/>
      <c r="CC69" s="257"/>
      <c r="CD69" s="257"/>
      <c r="CE69" s="257"/>
      <c r="CF69" s="257"/>
      <c r="CG69" s="257"/>
      <c r="CH69" s="257"/>
      <c r="CI69" s="257"/>
      <c r="CJ69" s="257"/>
      <c r="CK69" s="257"/>
      <c r="CL69" s="257"/>
      <c r="CM69" s="257"/>
      <c r="CN69" s="257"/>
      <c r="CO69" s="257"/>
      <c r="CP69" s="257"/>
      <c r="CQ69" s="257"/>
      <c r="CR69" s="257"/>
      <c r="CS69" s="257"/>
      <c r="CT69" s="257"/>
      <c r="CU69" s="257"/>
      <c r="CV69" s="257"/>
      <c r="CW69" s="257"/>
      <c r="CX69" s="257"/>
      <c r="CY69" s="257"/>
      <c r="CZ69" s="257"/>
      <c r="DA69" s="257"/>
      <c r="DB69" s="257"/>
      <c r="DC69" s="257"/>
      <c r="DD69" s="257"/>
      <c r="DE69" s="257"/>
      <c r="DF69" s="257"/>
      <c r="DG69" s="257"/>
      <c r="DH69" s="257"/>
      <c r="DI69" s="257"/>
      <c r="DJ69" s="257"/>
      <c r="DK69" s="257"/>
      <c r="DL69" s="257"/>
      <c r="DM69" s="257"/>
      <c r="DN69" s="257"/>
      <c r="DO69" s="257"/>
      <c r="DP69" s="257"/>
      <c r="DQ69" s="257"/>
      <c r="DR69" s="257"/>
      <c r="DS69" s="257"/>
      <c r="DT69" s="257"/>
      <c r="DU69" s="257"/>
      <c r="DV69" s="257"/>
      <c r="DW69" s="257"/>
      <c r="DX69" s="257"/>
      <c r="DY69" s="257"/>
      <c r="DZ69" s="257"/>
      <c r="EA69" s="257"/>
      <c r="EB69" s="257"/>
      <c r="EC69" s="257"/>
      <c r="ED69" s="257"/>
      <c r="EE69" s="257"/>
      <c r="EF69" s="257"/>
      <c r="EG69" s="257"/>
      <c r="EH69" s="257"/>
      <c r="EI69" s="257"/>
      <c r="EJ69" s="257"/>
      <c r="EK69" s="257"/>
      <c r="EL69" s="257"/>
      <c r="EM69" s="257"/>
      <c r="EN69" s="257"/>
      <c r="EO69" s="257"/>
      <c r="EP69" s="257"/>
      <c r="EQ69" s="257"/>
      <c r="ER69" s="257"/>
      <c r="ES69" s="257"/>
      <c r="ET69" s="257"/>
      <c r="EU69" s="257"/>
      <c r="EV69" s="257"/>
      <c r="EW69" s="257"/>
      <c r="EX69" s="257"/>
      <c r="EY69" s="257"/>
      <c r="EZ69" s="257"/>
      <c r="FA69" s="257"/>
      <c r="FB69" s="257"/>
      <c r="FC69" s="257"/>
      <c r="FD69" s="257"/>
      <c r="FE69" s="257"/>
      <c r="FF69" s="257"/>
      <c r="FG69" s="257"/>
      <c r="FH69" s="257"/>
      <c r="FI69" s="257"/>
      <c r="FJ69" s="257"/>
      <c r="FK69" s="257"/>
      <c r="FL69" s="257"/>
      <c r="FM69" s="257"/>
      <c r="FN69" s="257"/>
      <c r="FO69" s="257"/>
      <c r="FP69" s="257"/>
      <c r="FQ69" s="257"/>
      <c r="FR69" s="257"/>
      <c r="FS69" s="257"/>
      <c r="FT69" s="257"/>
      <c r="FU69" s="257"/>
      <c r="FV69" s="257"/>
      <c r="FW69" s="257"/>
      <c r="FX69" s="257"/>
      <c r="FY69" s="257"/>
      <c r="FZ69" s="257"/>
      <c r="GA69" s="257"/>
      <c r="GB69" s="257"/>
      <c r="GC69" s="257"/>
      <c r="GD69" s="257"/>
      <c r="GE69" s="257"/>
      <c r="GF69" s="257"/>
      <c r="GG69" s="257"/>
      <c r="GH69" s="257"/>
      <c r="GI69" s="257"/>
      <c r="GJ69" s="257"/>
      <c r="GK69" s="257"/>
    </row>
    <row r="70" spans="1:193" s="227" customFormat="1" ht="162" customHeight="1">
      <c r="A70" s="490" t="s">
        <v>458</v>
      </c>
      <c r="B70" s="222" t="s">
        <v>363</v>
      </c>
      <c r="C70" s="457" t="s">
        <v>459</v>
      </c>
      <c r="D70" s="458"/>
      <c r="E70" s="232"/>
      <c r="F70" s="233" t="s">
        <v>344</v>
      </c>
      <c r="G70" s="234" t="s">
        <v>435</v>
      </c>
      <c r="H70" s="226"/>
      <c r="I70" s="226"/>
      <c r="J70" s="226"/>
      <c r="K70" s="226"/>
      <c r="L70" s="226"/>
      <c r="M70" s="226"/>
      <c r="N70" s="226"/>
      <c r="O70" s="226"/>
      <c r="P70" s="226"/>
      <c r="Q70" s="226"/>
      <c r="R70" s="226"/>
      <c r="S70" s="226"/>
      <c r="T70" s="226"/>
      <c r="U70" s="226"/>
      <c r="V70" s="226"/>
      <c r="W70" s="226"/>
      <c r="X70" s="226"/>
      <c r="Y70" s="226"/>
      <c r="Z70" s="226"/>
      <c r="AA70" s="226"/>
      <c r="AB70" s="226"/>
      <c r="AC70" s="226"/>
      <c r="AD70" s="226"/>
      <c r="AE70" s="226"/>
      <c r="AF70" s="226"/>
      <c r="AG70" s="226"/>
      <c r="AH70" s="226"/>
      <c r="AI70" s="226"/>
      <c r="AJ70" s="226"/>
      <c r="AK70" s="226"/>
      <c r="AL70" s="226"/>
      <c r="AM70" s="226"/>
      <c r="AN70" s="226"/>
      <c r="AO70" s="226"/>
      <c r="AP70" s="226"/>
      <c r="AQ70" s="226"/>
      <c r="AR70" s="226"/>
      <c r="AS70" s="226"/>
      <c r="AT70" s="226"/>
      <c r="AU70" s="226"/>
      <c r="AV70" s="226"/>
      <c r="AW70" s="226"/>
      <c r="AX70" s="226"/>
      <c r="AY70" s="226"/>
      <c r="AZ70" s="226"/>
      <c r="BA70" s="226"/>
      <c r="BB70" s="226"/>
      <c r="BC70" s="226"/>
      <c r="BD70" s="226"/>
      <c r="BE70" s="226"/>
      <c r="BF70" s="226"/>
      <c r="BG70" s="226"/>
      <c r="BH70" s="226"/>
      <c r="BI70" s="226"/>
      <c r="BJ70" s="226"/>
      <c r="BK70" s="226"/>
      <c r="BL70" s="226"/>
      <c r="BM70" s="226"/>
      <c r="BN70" s="226"/>
      <c r="BO70" s="226"/>
      <c r="BP70" s="226"/>
      <c r="BQ70" s="226"/>
      <c r="BR70" s="226"/>
      <c r="BS70" s="226"/>
      <c r="BT70" s="226"/>
      <c r="BU70" s="226"/>
      <c r="BV70" s="226"/>
      <c r="BW70" s="226"/>
      <c r="BX70" s="226"/>
      <c r="BY70" s="226"/>
      <c r="BZ70" s="226"/>
      <c r="CA70" s="226"/>
      <c r="CB70" s="226"/>
      <c r="CC70" s="226"/>
      <c r="CD70" s="226"/>
      <c r="CE70" s="226"/>
      <c r="CF70" s="226"/>
      <c r="CG70" s="226"/>
      <c r="CH70" s="226"/>
      <c r="CI70" s="226"/>
      <c r="CJ70" s="226"/>
      <c r="CK70" s="226"/>
      <c r="CL70" s="226"/>
      <c r="CM70" s="226"/>
      <c r="CN70" s="226"/>
      <c r="CO70" s="226"/>
      <c r="CP70" s="226"/>
      <c r="CQ70" s="226"/>
      <c r="CR70" s="226"/>
      <c r="CS70" s="226"/>
      <c r="CT70" s="226"/>
      <c r="CU70" s="226"/>
      <c r="CV70" s="226"/>
      <c r="CW70" s="226"/>
      <c r="CX70" s="226"/>
      <c r="CY70" s="226"/>
      <c r="CZ70" s="226"/>
      <c r="DA70" s="226"/>
      <c r="DB70" s="226"/>
      <c r="DC70" s="226"/>
      <c r="DD70" s="226"/>
      <c r="DE70" s="226"/>
      <c r="DF70" s="226"/>
      <c r="DG70" s="226"/>
      <c r="DH70" s="226"/>
      <c r="DI70" s="226"/>
      <c r="DJ70" s="226"/>
      <c r="DK70" s="226"/>
      <c r="DL70" s="226"/>
      <c r="DM70" s="226"/>
      <c r="DN70" s="226"/>
      <c r="DO70" s="226"/>
      <c r="DP70" s="226"/>
      <c r="DQ70" s="226"/>
      <c r="DR70" s="226"/>
      <c r="DS70" s="226"/>
      <c r="DT70" s="226"/>
      <c r="DU70" s="226"/>
      <c r="DV70" s="226"/>
      <c r="DW70" s="226"/>
      <c r="DX70" s="226"/>
      <c r="DY70" s="226"/>
      <c r="DZ70" s="226"/>
      <c r="EA70" s="226"/>
      <c r="EB70" s="226"/>
      <c r="EC70" s="226"/>
      <c r="ED70" s="226"/>
      <c r="EE70" s="226"/>
      <c r="EF70" s="226"/>
      <c r="EG70" s="226"/>
      <c r="EH70" s="226"/>
      <c r="EI70" s="226"/>
      <c r="EJ70" s="226"/>
      <c r="EK70" s="226"/>
      <c r="EL70" s="226"/>
      <c r="EM70" s="226"/>
      <c r="EN70" s="226"/>
      <c r="EO70" s="226"/>
      <c r="EP70" s="226"/>
      <c r="EQ70" s="226"/>
      <c r="ER70" s="226"/>
      <c r="ES70" s="226"/>
      <c r="ET70" s="226"/>
      <c r="EU70" s="226"/>
      <c r="EV70" s="226"/>
      <c r="EW70" s="226"/>
      <c r="EX70" s="226"/>
      <c r="EY70" s="226"/>
      <c r="EZ70" s="226"/>
      <c r="FA70" s="226"/>
      <c r="FB70" s="226"/>
      <c r="FC70" s="226"/>
      <c r="FD70" s="226"/>
      <c r="FE70" s="226"/>
      <c r="FF70" s="226"/>
      <c r="FG70" s="226"/>
      <c r="FH70" s="226"/>
      <c r="FI70" s="226"/>
      <c r="FJ70" s="226"/>
      <c r="FK70" s="226"/>
      <c r="FL70" s="226"/>
      <c r="FM70" s="226"/>
      <c r="FN70" s="226"/>
      <c r="FO70" s="226"/>
      <c r="FP70" s="226"/>
      <c r="FQ70" s="226"/>
      <c r="FR70" s="226"/>
      <c r="FS70" s="226"/>
      <c r="FT70" s="226"/>
      <c r="FU70" s="226"/>
      <c r="FV70" s="226"/>
      <c r="FW70" s="226"/>
      <c r="FX70" s="226"/>
      <c r="FY70" s="226"/>
      <c r="FZ70" s="226"/>
      <c r="GA70" s="226"/>
      <c r="GB70" s="226"/>
      <c r="GC70" s="226"/>
      <c r="GD70" s="226"/>
      <c r="GE70" s="226"/>
      <c r="GF70" s="226"/>
      <c r="GG70" s="226"/>
      <c r="GH70" s="226"/>
      <c r="GI70" s="226"/>
      <c r="GJ70" s="226"/>
      <c r="GK70" s="226"/>
    </row>
    <row r="71" spans="1:193" s="260" customFormat="1" ht="60" customHeight="1">
      <c r="A71" s="491"/>
      <c r="B71" s="228"/>
      <c r="C71" s="461" t="s">
        <v>436</v>
      </c>
      <c r="D71" s="462"/>
      <c r="E71" s="236"/>
      <c r="F71" s="237" t="s">
        <v>344</v>
      </c>
      <c r="G71" s="238" t="s">
        <v>441</v>
      </c>
      <c r="H71" s="257"/>
      <c r="I71" s="257"/>
      <c r="J71" s="257"/>
      <c r="K71" s="257"/>
      <c r="L71" s="257"/>
      <c r="M71" s="257"/>
      <c r="N71" s="257"/>
      <c r="O71" s="257"/>
      <c r="P71" s="257"/>
      <c r="Q71" s="257"/>
      <c r="R71" s="257"/>
      <c r="S71" s="257"/>
      <c r="T71" s="257"/>
      <c r="U71" s="257"/>
      <c r="V71" s="257"/>
      <c r="W71" s="257"/>
      <c r="X71" s="257"/>
      <c r="Y71" s="257"/>
      <c r="Z71" s="257"/>
      <c r="AA71" s="257"/>
      <c r="AB71" s="257"/>
      <c r="AC71" s="257"/>
      <c r="AD71" s="257"/>
      <c r="AE71" s="257"/>
      <c r="AF71" s="257"/>
      <c r="AG71" s="257"/>
      <c r="AH71" s="257"/>
      <c r="AI71" s="257"/>
      <c r="AJ71" s="257"/>
      <c r="AK71" s="257"/>
      <c r="AL71" s="257"/>
      <c r="AM71" s="257"/>
      <c r="AN71" s="257"/>
      <c r="AO71" s="257"/>
      <c r="AP71" s="257"/>
      <c r="AQ71" s="257"/>
      <c r="AR71" s="257"/>
      <c r="AS71" s="257"/>
      <c r="AT71" s="257"/>
      <c r="AU71" s="257"/>
      <c r="AV71" s="257"/>
      <c r="AW71" s="257"/>
      <c r="AX71" s="257"/>
      <c r="AY71" s="257"/>
      <c r="AZ71" s="257"/>
      <c r="BA71" s="257"/>
      <c r="BB71" s="257"/>
      <c r="BC71" s="257"/>
      <c r="BD71" s="257"/>
      <c r="BE71" s="257"/>
      <c r="BF71" s="257"/>
      <c r="BG71" s="257"/>
      <c r="BH71" s="257"/>
      <c r="BI71" s="257"/>
      <c r="BJ71" s="257"/>
      <c r="BK71" s="257"/>
      <c r="BL71" s="257"/>
      <c r="BM71" s="257"/>
      <c r="BN71" s="257"/>
      <c r="BO71" s="257"/>
      <c r="BP71" s="257"/>
      <c r="BQ71" s="257"/>
      <c r="BR71" s="257"/>
      <c r="BS71" s="257"/>
      <c r="BT71" s="257"/>
      <c r="BU71" s="257"/>
      <c r="BV71" s="257"/>
      <c r="BW71" s="257"/>
      <c r="BX71" s="257"/>
      <c r="BY71" s="257"/>
      <c r="BZ71" s="257"/>
      <c r="CA71" s="257"/>
      <c r="CB71" s="257"/>
      <c r="CC71" s="257"/>
      <c r="CD71" s="257"/>
      <c r="CE71" s="257"/>
      <c r="CF71" s="257"/>
      <c r="CG71" s="257"/>
      <c r="CH71" s="257"/>
      <c r="CI71" s="257"/>
      <c r="CJ71" s="257"/>
      <c r="CK71" s="257"/>
      <c r="CL71" s="257"/>
      <c r="CM71" s="257"/>
      <c r="CN71" s="257"/>
      <c r="CO71" s="257"/>
      <c r="CP71" s="257"/>
      <c r="CQ71" s="257"/>
      <c r="CR71" s="257"/>
      <c r="CS71" s="257"/>
      <c r="CT71" s="257"/>
      <c r="CU71" s="257"/>
      <c r="CV71" s="257"/>
      <c r="CW71" s="257"/>
      <c r="CX71" s="257"/>
      <c r="CY71" s="257"/>
      <c r="CZ71" s="257"/>
      <c r="DA71" s="257"/>
      <c r="DB71" s="257"/>
      <c r="DC71" s="257"/>
      <c r="DD71" s="257"/>
      <c r="DE71" s="257"/>
      <c r="DF71" s="257"/>
      <c r="DG71" s="257"/>
      <c r="DH71" s="257"/>
      <c r="DI71" s="257"/>
      <c r="DJ71" s="257"/>
      <c r="DK71" s="257"/>
      <c r="DL71" s="257"/>
      <c r="DM71" s="257"/>
      <c r="DN71" s="257"/>
      <c r="DO71" s="257"/>
      <c r="DP71" s="257"/>
      <c r="DQ71" s="257"/>
      <c r="DR71" s="257"/>
      <c r="DS71" s="257"/>
      <c r="DT71" s="257"/>
      <c r="DU71" s="257"/>
      <c r="DV71" s="257"/>
      <c r="DW71" s="257"/>
      <c r="DX71" s="257"/>
      <c r="DY71" s="257"/>
      <c r="DZ71" s="257"/>
      <c r="EA71" s="257"/>
      <c r="EB71" s="257"/>
      <c r="EC71" s="257"/>
      <c r="ED71" s="257"/>
      <c r="EE71" s="257"/>
      <c r="EF71" s="257"/>
      <c r="EG71" s="257"/>
      <c r="EH71" s="257"/>
      <c r="EI71" s="257"/>
      <c r="EJ71" s="257"/>
      <c r="EK71" s="257"/>
      <c r="EL71" s="257"/>
      <c r="EM71" s="257"/>
      <c r="EN71" s="257"/>
      <c r="EO71" s="257"/>
      <c r="EP71" s="257"/>
      <c r="EQ71" s="257"/>
      <c r="ER71" s="257"/>
      <c r="ES71" s="257"/>
      <c r="ET71" s="257"/>
      <c r="EU71" s="257"/>
      <c r="EV71" s="257"/>
      <c r="EW71" s="257"/>
      <c r="EX71" s="257"/>
      <c r="EY71" s="257"/>
      <c r="EZ71" s="257"/>
      <c r="FA71" s="257"/>
      <c r="FB71" s="257"/>
      <c r="FC71" s="257"/>
      <c r="FD71" s="257"/>
      <c r="FE71" s="257"/>
      <c r="FF71" s="257"/>
      <c r="FG71" s="257"/>
      <c r="FH71" s="257"/>
      <c r="FI71" s="257"/>
      <c r="FJ71" s="257"/>
      <c r="FK71" s="257"/>
      <c r="FL71" s="257"/>
      <c r="FM71" s="257"/>
      <c r="FN71" s="257"/>
      <c r="FO71" s="257"/>
      <c r="FP71" s="257"/>
      <c r="FQ71" s="257"/>
      <c r="FR71" s="257"/>
      <c r="FS71" s="257"/>
      <c r="FT71" s="257"/>
      <c r="FU71" s="257"/>
      <c r="FV71" s="257"/>
      <c r="FW71" s="257"/>
      <c r="FX71" s="257"/>
      <c r="FY71" s="257"/>
      <c r="FZ71" s="257"/>
      <c r="GA71" s="257"/>
      <c r="GB71" s="257"/>
      <c r="GC71" s="257"/>
      <c r="GD71" s="257"/>
      <c r="GE71" s="257"/>
      <c r="GF71" s="257"/>
      <c r="GG71" s="257"/>
      <c r="GH71" s="257"/>
      <c r="GI71" s="257"/>
      <c r="GJ71" s="257"/>
      <c r="GK71" s="257"/>
    </row>
    <row r="72" spans="1:193" s="260" customFormat="1" ht="71.25" customHeight="1">
      <c r="A72" s="494" t="s">
        <v>458</v>
      </c>
      <c r="B72" s="235"/>
      <c r="C72" s="476" t="s">
        <v>438</v>
      </c>
      <c r="D72" s="477"/>
      <c r="E72" s="239"/>
      <c r="F72" s="240" t="s">
        <v>344</v>
      </c>
      <c r="G72" s="256" t="s">
        <v>439</v>
      </c>
      <c r="H72" s="257"/>
      <c r="I72" s="257"/>
      <c r="J72" s="257"/>
      <c r="K72" s="257"/>
      <c r="L72" s="257"/>
      <c r="M72" s="257"/>
      <c r="N72" s="257"/>
      <c r="O72" s="257"/>
      <c r="P72" s="257"/>
      <c r="Q72" s="257"/>
      <c r="R72" s="257"/>
      <c r="S72" s="257"/>
      <c r="T72" s="257"/>
      <c r="U72" s="257"/>
      <c r="V72" s="257"/>
      <c r="W72" s="257"/>
      <c r="X72" s="257"/>
      <c r="Y72" s="257"/>
      <c r="Z72" s="257"/>
      <c r="AA72" s="257"/>
      <c r="AB72" s="257"/>
      <c r="AC72" s="257"/>
      <c r="AD72" s="257"/>
      <c r="AE72" s="257"/>
      <c r="AF72" s="257"/>
      <c r="AG72" s="257"/>
      <c r="AH72" s="257"/>
      <c r="AI72" s="257"/>
      <c r="AJ72" s="257"/>
      <c r="AK72" s="257"/>
      <c r="AL72" s="257"/>
      <c r="AM72" s="257"/>
      <c r="AN72" s="257"/>
      <c r="AO72" s="257"/>
      <c r="AP72" s="257"/>
      <c r="AQ72" s="257"/>
      <c r="AR72" s="257"/>
      <c r="AS72" s="257"/>
      <c r="AT72" s="257"/>
      <c r="AU72" s="257"/>
      <c r="AV72" s="257"/>
      <c r="AW72" s="257"/>
      <c r="AX72" s="257"/>
      <c r="AY72" s="257"/>
      <c r="AZ72" s="257"/>
      <c r="BA72" s="257"/>
      <c r="BB72" s="257"/>
      <c r="BC72" s="257"/>
      <c r="BD72" s="257"/>
      <c r="BE72" s="257"/>
      <c r="BF72" s="257"/>
      <c r="BG72" s="257"/>
      <c r="BH72" s="257"/>
      <c r="BI72" s="257"/>
      <c r="BJ72" s="257"/>
      <c r="BK72" s="257"/>
      <c r="BL72" s="257"/>
      <c r="BM72" s="257"/>
      <c r="BN72" s="257"/>
      <c r="BO72" s="257"/>
      <c r="BP72" s="257"/>
      <c r="BQ72" s="257"/>
      <c r="BR72" s="257"/>
      <c r="BS72" s="257"/>
      <c r="BT72" s="257"/>
      <c r="BU72" s="257"/>
      <c r="BV72" s="257"/>
      <c r="BW72" s="257"/>
      <c r="BX72" s="257"/>
      <c r="BY72" s="257"/>
      <c r="BZ72" s="257"/>
      <c r="CA72" s="257"/>
      <c r="CB72" s="257"/>
      <c r="CC72" s="257"/>
      <c r="CD72" s="257"/>
      <c r="CE72" s="257"/>
      <c r="CF72" s="257"/>
      <c r="CG72" s="257"/>
      <c r="CH72" s="257"/>
      <c r="CI72" s="257"/>
      <c r="CJ72" s="257"/>
      <c r="CK72" s="257"/>
      <c r="CL72" s="257"/>
      <c r="CM72" s="257"/>
      <c r="CN72" s="257"/>
      <c r="CO72" s="257"/>
      <c r="CP72" s="257"/>
      <c r="CQ72" s="257"/>
      <c r="CR72" s="257"/>
      <c r="CS72" s="257"/>
      <c r="CT72" s="257"/>
      <c r="CU72" s="257"/>
      <c r="CV72" s="257"/>
      <c r="CW72" s="257"/>
      <c r="CX72" s="257"/>
      <c r="CY72" s="257"/>
      <c r="CZ72" s="257"/>
      <c r="DA72" s="257"/>
      <c r="DB72" s="257"/>
      <c r="DC72" s="257"/>
      <c r="DD72" s="257"/>
      <c r="DE72" s="257"/>
      <c r="DF72" s="257"/>
      <c r="DG72" s="257"/>
      <c r="DH72" s="257"/>
      <c r="DI72" s="257"/>
      <c r="DJ72" s="257"/>
      <c r="DK72" s="257"/>
      <c r="DL72" s="257"/>
      <c r="DM72" s="257"/>
      <c r="DN72" s="257"/>
      <c r="DO72" s="257"/>
      <c r="DP72" s="257"/>
      <c r="DQ72" s="257"/>
      <c r="DR72" s="257"/>
      <c r="DS72" s="257"/>
      <c r="DT72" s="257"/>
      <c r="DU72" s="257"/>
      <c r="DV72" s="257"/>
      <c r="DW72" s="257"/>
      <c r="DX72" s="257"/>
      <c r="DY72" s="257"/>
      <c r="DZ72" s="257"/>
      <c r="EA72" s="257"/>
      <c r="EB72" s="257"/>
      <c r="EC72" s="257"/>
      <c r="ED72" s="257"/>
      <c r="EE72" s="257"/>
      <c r="EF72" s="257"/>
      <c r="EG72" s="257"/>
      <c r="EH72" s="257"/>
      <c r="EI72" s="257"/>
      <c r="EJ72" s="257"/>
      <c r="EK72" s="257"/>
      <c r="EL72" s="257"/>
      <c r="EM72" s="257"/>
      <c r="EN72" s="257"/>
      <c r="EO72" s="257"/>
      <c r="EP72" s="257"/>
      <c r="EQ72" s="257"/>
      <c r="ER72" s="257"/>
      <c r="ES72" s="257"/>
      <c r="ET72" s="257"/>
      <c r="EU72" s="257"/>
      <c r="EV72" s="257"/>
      <c r="EW72" s="257"/>
      <c r="EX72" s="257"/>
      <c r="EY72" s="257"/>
      <c r="EZ72" s="257"/>
      <c r="FA72" s="257"/>
      <c r="FB72" s="257"/>
      <c r="FC72" s="257"/>
      <c r="FD72" s="257"/>
      <c r="FE72" s="257"/>
      <c r="FF72" s="257"/>
      <c r="FG72" s="257"/>
      <c r="FH72" s="257"/>
      <c r="FI72" s="257"/>
      <c r="FJ72" s="257"/>
      <c r="FK72" s="257"/>
      <c r="FL72" s="257"/>
      <c r="FM72" s="257"/>
      <c r="FN72" s="257"/>
      <c r="FO72" s="257"/>
      <c r="FP72" s="257"/>
      <c r="FQ72" s="257"/>
      <c r="FR72" s="257"/>
      <c r="FS72" s="257"/>
      <c r="FT72" s="257"/>
      <c r="FU72" s="257"/>
      <c r="FV72" s="257"/>
      <c r="FW72" s="257"/>
      <c r="FX72" s="257"/>
      <c r="FY72" s="257"/>
      <c r="FZ72" s="257"/>
      <c r="GA72" s="257"/>
      <c r="GB72" s="257"/>
      <c r="GC72" s="257"/>
      <c r="GD72" s="257"/>
      <c r="GE72" s="257"/>
      <c r="GF72" s="257"/>
      <c r="GG72" s="257"/>
      <c r="GH72" s="257"/>
      <c r="GI72" s="257"/>
      <c r="GJ72" s="257"/>
      <c r="GK72" s="257"/>
    </row>
    <row r="73" spans="1:193" s="260" customFormat="1" ht="60" customHeight="1">
      <c r="A73" s="494"/>
      <c r="B73" s="235"/>
      <c r="C73" s="459" t="s">
        <v>440</v>
      </c>
      <c r="D73" s="460"/>
      <c r="E73" s="223"/>
      <c r="F73" s="224" t="s">
        <v>344</v>
      </c>
      <c r="G73" s="225" t="s">
        <v>446</v>
      </c>
      <c r="H73" s="257"/>
      <c r="I73" s="257"/>
      <c r="J73" s="257"/>
      <c r="K73" s="257"/>
      <c r="L73" s="257"/>
      <c r="M73" s="257"/>
      <c r="N73" s="257"/>
      <c r="O73" s="257"/>
      <c r="P73" s="257"/>
      <c r="Q73" s="257"/>
      <c r="R73" s="257"/>
      <c r="S73" s="257"/>
      <c r="T73" s="257"/>
      <c r="U73" s="257"/>
      <c r="V73" s="257"/>
      <c r="W73" s="257"/>
      <c r="X73" s="257"/>
      <c r="Y73" s="257"/>
      <c r="Z73" s="257"/>
      <c r="AA73" s="257"/>
      <c r="AB73" s="257"/>
      <c r="AC73" s="257"/>
      <c r="AD73" s="257"/>
      <c r="AE73" s="257"/>
      <c r="AF73" s="257"/>
      <c r="AG73" s="257"/>
      <c r="AH73" s="257"/>
      <c r="AI73" s="257"/>
      <c r="AJ73" s="257"/>
      <c r="AK73" s="257"/>
      <c r="AL73" s="257"/>
      <c r="AM73" s="257"/>
      <c r="AN73" s="257"/>
      <c r="AO73" s="257"/>
      <c r="AP73" s="257"/>
      <c r="AQ73" s="257"/>
      <c r="AR73" s="257"/>
      <c r="AS73" s="257"/>
      <c r="AT73" s="257"/>
      <c r="AU73" s="257"/>
      <c r="AV73" s="257"/>
      <c r="AW73" s="257"/>
      <c r="AX73" s="257"/>
      <c r="AY73" s="257"/>
      <c r="AZ73" s="257"/>
      <c r="BA73" s="257"/>
      <c r="BB73" s="257"/>
      <c r="BC73" s="257"/>
      <c r="BD73" s="257"/>
      <c r="BE73" s="257"/>
      <c r="BF73" s="257"/>
      <c r="BG73" s="257"/>
      <c r="BH73" s="257"/>
      <c r="BI73" s="257"/>
      <c r="BJ73" s="257"/>
      <c r="BK73" s="257"/>
      <c r="BL73" s="257"/>
      <c r="BM73" s="257"/>
      <c r="BN73" s="257"/>
      <c r="BO73" s="257"/>
      <c r="BP73" s="257"/>
      <c r="BQ73" s="257"/>
      <c r="BR73" s="257"/>
      <c r="BS73" s="257"/>
      <c r="BT73" s="257"/>
      <c r="BU73" s="257"/>
      <c r="BV73" s="257"/>
      <c r="BW73" s="257"/>
      <c r="BX73" s="257"/>
      <c r="BY73" s="257"/>
      <c r="BZ73" s="257"/>
      <c r="CA73" s="257"/>
      <c r="CB73" s="257"/>
      <c r="CC73" s="257"/>
      <c r="CD73" s="257"/>
      <c r="CE73" s="257"/>
      <c r="CF73" s="257"/>
      <c r="CG73" s="257"/>
      <c r="CH73" s="257"/>
      <c r="CI73" s="257"/>
      <c r="CJ73" s="257"/>
      <c r="CK73" s="257"/>
      <c r="CL73" s="257"/>
      <c r="CM73" s="257"/>
      <c r="CN73" s="257"/>
      <c r="CO73" s="257"/>
      <c r="CP73" s="257"/>
      <c r="CQ73" s="257"/>
      <c r="CR73" s="257"/>
      <c r="CS73" s="257"/>
      <c r="CT73" s="257"/>
      <c r="CU73" s="257"/>
      <c r="CV73" s="257"/>
      <c r="CW73" s="257"/>
      <c r="CX73" s="257"/>
      <c r="CY73" s="257"/>
      <c r="CZ73" s="257"/>
      <c r="DA73" s="257"/>
      <c r="DB73" s="257"/>
      <c r="DC73" s="257"/>
      <c r="DD73" s="257"/>
      <c r="DE73" s="257"/>
      <c r="DF73" s="257"/>
      <c r="DG73" s="257"/>
      <c r="DH73" s="257"/>
      <c r="DI73" s="257"/>
      <c r="DJ73" s="257"/>
      <c r="DK73" s="257"/>
      <c r="DL73" s="257"/>
      <c r="DM73" s="257"/>
      <c r="DN73" s="257"/>
      <c r="DO73" s="257"/>
      <c r="DP73" s="257"/>
      <c r="DQ73" s="257"/>
      <c r="DR73" s="257"/>
      <c r="DS73" s="257"/>
      <c r="DT73" s="257"/>
      <c r="DU73" s="257"/>
      <c r="DV73" s="257"/>
      <c r="DW73" s="257"/>
      <c r="DX73" s="257"/>
      <c r="DY73" s="257"/>
      <c r="DZ73" s="257"/>
      <c r="EA73" s="257"/>
      <c r="EB73" s="257"/>
      <c r="EC73" s="257"/>
      <c r="ED73" s="257"/>
      <c r="EE73" s="257"/>
      <c r="EF73" s="257"/>
      <c r="EG73" s="257"/>
      <c r="EH73" s="257"/>
      <c r="EI73" s="257"/>
      <c r="EJ73" s="257"/>
      <c r="EK73" s="257"/>
      <c r="EL73" s="257"/>
      <c r="EM73" s="257"/>
      <c r="EN73" s="257"/>
      <c r="EO73" s="257"/>
      <c r="EP73" s="257"/>
      <c r="EQ73" s="257"/>
      <c r="ER73" s="257"/>
      <c r="ES73" s="257"/>
      <c r="ET73" s="257"/>
      <c r="EU73" s="257"/>
      <c r="EV73" s="257"/>
      <c r="EW73" s="257"/>
      <c r="EX73" s="257"/>
      <c r="EY73" s="257"/>
      <c r="EZ73" s="257"/>
      <c r="FA73" s="257"/>
      <c r="FB73" s="257"/>
      <c r="FC73" s="257"/>
      <c r="FD73" s="257"/>
      <c r="FE73" s="257"/>
      <c r="FF73" s="257"/>
      <c r="FG73" s="257"/>
      <c r="FH73" s="257"/>
      <c r="FI73" s="257"/>
      <c r="FJ73" s="257"/>
      <c r="FK73" s="257"/>
      <c r="FL73" s="257"/>
      <c r="FM73" s="257"/>
      <c r="FN73" s="257"/>
      <c r="FO73" s="257"/>
      <c r="FP73" s="257"/>
      <c r="FQ73" s="257"/>
      <c r="FR73" s="257"/>
      <c r="FS73" s="257"/>
      <c r="FT73" s="257"/>
      <c r="FU73" s="257"/>
      <c r="FV73" s="257"/>
      <c r="FW73" s="257"/>
      <c r="FX73" s="257"/>
      <c r="FY73" s="257"/>
      <c r="FZ73" s="257"/>
      <c r="GA73" s="257"/>
      <c r="GB73" s="257"/>
      <c r="GC73" s="257"/>
      <c r="GD73" s="257"/>
      <c r="GE73" s="257"/>
      <c r="GF73" s="257"/>
      <c r="GG73" s="257"/>
      <c r="GH73" s="257"/>
      <c r="GI73" s="257"/>
      <c r="GJ73" s="257"/>
      <c r="GK73" s="257"/>
    </row>
    <row r="74" spans="1:193" s="260" customFormat="1" ht="61.5" customHeight="1">
      <c r="A74" s="494"/>
      <c r="B74" s="235"/>
      <c r="C74" s="459" t="s">
        <v>442</v>
      </c>
      <c r="D74" s="460"/>
      <c r="E74" s="223"/>
      <c r="F74" s="224" t="s">
        <v>344</v>
      </c>
      <c r="G74" s="225" t="s">
        <v>446</v>
      </c>
      <c r="H74" s="257"/>
      <c r="I74" s="257"/>
      <c r="J74" s="257"/>
      <c r="K74" s="257"/>
      <c r="L74" s="257"/>
      <c r="M74" s="257"/>
      <c r="N74" s="257"/>
      <c r="O74" s="257"/>
      <c r="P74" s="257"/>
      <c r="Q74" s="257"/>
      <c r="R74" s="257"/>
      <c r="S74" s="257"/>
      <c r="T74" s="257"/>
      <c r="U74" s="257"/>
      <c r="V74" s="257"/>
      <c r="W74" s="257"/>
      <c r="X74" s="257"/>
      <c r="Y74" s="257"/>
      <c r="Z74" s="257"/>
      <c r="AA74" s="257"/>
      <c r="AB74" s="257"/>
      <c r="AC74" s="257"/>
      <c r="AD74" s="257"/>
      <c r="AE74" s="257"/>
      <c r="AF74" s="257"/>
      <c r="AG74" s="257"/>
      <c r="AH74" s="257"/>
      <c r="AI74" s="257"/>
      <c r="AJ74" s="257"/>
      <c r="AK74" s="257"/>
      <c r="AL74" s="257"/>
      <c r="AM74" s="257"/>
      <c r="AN74" s="257"/>
      <c r="AO74" s="257"/>
      <c r="AP74" s="257"/>
      <c r="AQ74" s="257"/>
      <c r="AR74" s="257"/>
      <c r="AS74" s="257"/>
      <c r="AT74" s="257"/>
      <c r="AU74" s="257"/>
      <c r="AV74" s="257"/>
      <c r="AW74" s="257"/>
      <c r="AX74" s="257"/>
      <c r="AY74" s="257"/>
      <c r="AZ74" s="257"/>
      <c r="BA74" s="257"/>
      <c r="BB74" s="257"/>
      <c r="BC74" s="257"/>
      <c r="BD74" s="257"/>
      <c r="BE74" s="257"/>
      <c r="BF74" s="257"/>
      <c r="BG74" s="257"/>
      <c r="BH74" s="257"/>
      <c r="BI74" s="257"/>
      <c r="BJ74" s="257"/>
      <c r="BK74" s="257"/>
      <c r="BL74" s="257"/>
      <c r="BM74" s="257"/>
      <c r="BN74" s="257"/>
      <c r="BO74" s="257"/>
      <c r="BP74" s="257"/>
      <c r="BQ74" s="257"/>
      <c r="BR74" s="257"/>
      <c r="BS74" s="257"/>
      <c r="BT74" s="257"/>
      <c r="BU74" s="257"/>
      <c r="BV74" s="257"/>
      <c r="BW74" s="257"/>
      <c r="BX74" s="257"/>
      <c r="BY74" s="257"/>
      <c r="BZ74" s="257"/>
      <c r="CA74" s="257"/>
      <c r="CB74" s="257"/>
      <c r="CC74" s="257"/>
      <c r="CD74" s="257"/>
      <c r="CE74" s="257"/>
      <c r="CF74" s="257"/>
      <c r="CG74" s="257"/>
      <c r="CH74" s="257"/>
      <c r="CI74" s="257"/>
      <c r="CJ74" s="257"/>
      <c r="CK74" s="257"/>
      <c r="CL74" s="257"/>
      <c r="CM74" s="257"/>
      <c r="CN74" s="257"/>
      <c r="CO74" s="257"/>
      <c r="CP74" s="257"/>
      <c r="CQ74" s="257"/>
      <c r="CR74" s="257"/>
      <c r="CS74" s="257"/>
      <c r="CT74" s="257"/>
      <c r="CU74" s="257"/>
      <c r="CV74" s="257"/>
      <c r="CW74" s="257"/>
      <c r="CX74" s="257"/>
      <c r="CY74" s="257"/>
      <c r="CZ74" s="257"/>
      <c r="DA74" s="257"/>
      <c r="DB74" s="257"/>
      <c r="DC74" s="257"/>
      <c r="DD74" s="257"/>
      <c r="DE74" s="257"/>
      <c r="DF74" s="257"/>
      <c r="DG74" s="257"/>
      <c r="DH74" s="257"/>
      <c r="DI74" s="257"/>
      <c r="DJ74" s="257"/>
      <c r="DK74" s="257"/>
      <c r="DL74" s="257"/>
      <c r="DM74" s="257"/>
      <c r="DN74" s="257"/>
      <c r="DO74" s="257"/>
      <c r="DP74" s="257"/>
      <c r="DQ74" s="257"/>
      <c r="DR74" s="257"/>
      <c r="DS74" s="257"/>
      <c r="DT74" s="257"/>
      <c r="DU74" s="257"/>
      <c r="DV74" s="257"/>
      <c r="DW74" s="257"/>
      <c r="DX74" s="257"/>
      <c r="DY74" s="257"/>
      <c r="DZ74" s="257"/>
      <c r="EA74" s="257"/>
      <c r="EB74" s="257"/>
      <c r="EC74" s="257"/>
      <c r="ED74" s="257"/>
      <c r="EE74" s="257"/>
      <c r="EF74" s="257"/>
      <c r="EG74" s="257"/>
      <c r="EH74" s="257"/>
      <c r="EI74" s="257"/>
      <c r="EJ74" s="257"/>
      <c r="EK74" s="257"/>
      <c r="EL74" s="257"/>
      <c r="EM74" s="257"/>
      <c r="EN74" s="257"/>
      <c r="EO74" s="257"/>
      <c r="EP74" s="257"/>
      <c r="EQ74" s="257"/>
      <c r="ER74" s="257"/>
      <c r="ES74" s="257"/>
      <c r="ET74" s="257"/>
      <c r="EU74" s="257"/>
      <c r="EV74" s="257"/>
      <c r="EW74" s="257"/>
      <c r="EX74" s="257"/>
      <c r="EY74" s="257"/>
      <c r="EZ74" s="257"/>
      <c r="FA74" s="257"/>
      <c r="FB74" s="257"/>
      <c r="FC74" s="257"/>
      <c r="FD74" s="257"/>
      <c r="FE74" s="257"/>
      <c r="FF74" s="257"/>
      <c r="FG74" s="257"/>
      <c r="FH74" s="257"/>
      <c r="FI74" s="257"/>
      <c r="FJ74" s="257"/>
      <c r="FK74" s="257"/>
      <c r="FL74" s="257"/>
      <c r="FM74" s="257"/>
      <c r="FN74" s="257"/>
      <c r="FO74" s="257"/>
      <c r="FP74" s="257"/>
      <c r="FQ74" s="257"/>
      <c r="FR74" s="257"/>
      <c r="FS74" s="257"/>
      <c r="FT74" s="257"/>
      <c r="FU74" s="257"/>
      <c r="FV74" s="257"/>
      <c r="FW74" s="257"/>
      <c r="FX74" s="257"/>
      <c r="FY74" s="257"/>
      <c r="FZ74" s="257"/>
      <c r="GA74" s="257"/>
      <c r="GB74" s="257"/>
      <c r="GC74" s="257"/>
      <c r="GD74" s="257"/>
      <c r="GE74" s="257"/>
      <c r="GF74" s="257"/>
      <c r="GG74" s="257"/>
      <c r="GH74" s="257"/>
      <c r="GI74" s="257"/>
      <c r="GJ74" s="257"/>
      <c r="GK74" s="257"/>
    </row>
    <row r="75" spans="1:193" s="260" customFormat="1" ht="61.5" customHeight="1">
      <c r="A75" s="494"/>
      <c r="B75" s="235"/>
      <c r="C75" s="459" t="s">
        <v>443</v>
      </c>
      <c r="D75" s="460"/>
      <c r="E75" s="223"/>
      <c r="F75" s="224" t="s">
        <v>344</v>
      </c>
      <c r="G75" s="225" t="s">
        <v>460</v>
      </c>
      <c r="H75" s="257"/>
      <c r="I75" s="257"/>
      <c r="J75" s="257"/>
      <c r="K75" s="257"/>
      <c r="L75" s="257"/>
      <c r="M75" s="257"/>
      <c r="N75" s="257"/>
      <c r="O75" s="257"/>
      <c r="P75" s="257"/>
      <c r="Q75" s="257"/>
      <c r="R75" s="257"/>
      <c r="S75" s="257"/>
      <c r="T75" s="257"/>
      <c r="U75" s="257"/>
      <c r="V75" s="257"/>
      <c r="W75" s="257"/>
      <c r="X75" s="257"/>
      <c r="Y75" s="257"/>
      <c r="Z75" s="257"/>
      <c r="AA75" s="257"/>
      <c r="AB75" s="257"/>
      <c r="AC75" s="257"/>
      <c r="AD75" s="257"/>
      <c r="AE75" s="257"/>
      <c r="AF75" s="257"/>
      <c r="AG75" s="257"/>
      <c r="AH75" s="257"/>
      <c r="AI75" s="257"/>
      <c r="AJ75" s="257"/>
      <c r="AK75" s="257"/>
      <c r="AL75" s="257"/>
      <c r="AM75" s="257"/>
      <c r="AN75" s="257"/>
      <c r="AO75" s="257"/>
      <c r="AP75" s="257"/>
      <c r="AQ75" s="257"/>
      <c r="AR75" s="257"/>
      <c r="AS75" s="257"/>
      <c r="AT75" s="257"/>
      <c r="AU75" s="257"/>
      <c r="AV75" s="257"/>
      <c r="AW75" s="257"/>
      <c r="AX75" s="257"/>
      <c r="AY75" s="257"/>
      <c r="AZ75" s="257"/>
      <c r="BA75" s="257"/>
      <c r="BB75" s="257"/>
      <c r="BC75" s="257"/>
      <c r="BD75" s="257"/>
      <c r="BE75" s="257"/>
      <c r="BF75" s="257"/>
      <c r="BG75" s="257"/>
      <c r="BH75" s="257"/>
      <c r="BI75" s="257"/>
      <c r="BJ75" s="257"/>
      <c r="BK75" s="257"/>
      <c r="BL75" s="257"/>
      <c r="BM75" s="257"/>
      <c r="BN75" s="257"/>
      <c r="BO75" s="257"/>
      <c r="BP75" s="257"/>
      <c r="BQ75" s="257"/>
      <c r="BR75" s="257"/>
      <c r="BS75" s="257"/>
      <c r="BT75" s="257"/>
      <c r="BU75" s="257"/>
      <c r="BV75" s="257"/>
      <c r="BW75" s="257"/>
      <c r="BX75" s="257"/>
      <c r="BY75" s="257"/>
      <c r="BZ75" s="257"/>
      <c r="CA75" s="257"/>
      <c r="CB75" s="257"/>
      <c r="CC75" s="257"/>
      <c r="CD75" s="257"/>
      <c r="CE75" s="257"/>
      <c r="CF75" s="257"/>
      <c r="CG75" s="257"/>
      <c r="CH75" s="257"/>
      <c r="CI75" s="257"/>
      <c r="CJ75" s="257"/>
      <c r="CK75" s="257"/>
      <c r="CL75" s="257"/>
      <c r="CM75" s="257"/>
      <c r="CN75" s="257"/>
      <c r="CO75" s="257"/>
      <c r="CP75" s="257"/>
      <c r="CQ75" s="257"/>
      <c r="CR75" s="257"/>
      <c r="CS75" s="257"/>
      <c r="CT75" s="257"/>
      <c r="CU75" s="257"/>
      <c r="CV75" s="257"/>
      <c r="CW75" s="257"/>
      <c r="CX75" s="257"/>
      <c r="CY75" s="257"/>
      <c r="CZ75" s="257"/>
      <c r="DA75" s="257"/>
      <c r="DB75" s="257"/>
      <c r="DC75" s="257"/>
      <c r="DD75" s="257"/>
      <c r="DE75" s="257"/>
      <c r="DF75" s="257"/>
      <c r="DG75" s="257"/>
      <c r="DH75" s="257"/>
      <c r="DI75" s="257"/>
      <c r="DJ75" s="257"/>
      <c r="DK75" s="257"/>
      <c r="DL75" s="257"/>
      <c r="DM75" s="257"/>
      <c r="DN75" s="257"/>
      <c r="DO75" s="257"/>
      <c r="DP75" s="257"/>
      <c r="DQ75" s="257"/>
      <c r="DR75" s="257"/>
      <c r="DS75" s="257"/>
      <c r="DT75" s="257"/>
      <c r="DU75" s="257"/>
      <c r="DV75" s="257"/>
      <c r="DW75" s="257"/>
      <c r="DX75" s="257"/>
      <c r="DY75" s="257"/>
      <c r="DZ75" s="257"/>
      <c r="EA75" s="257"/>
      <c r="EB75" s="257"/>
      <c r="EC75" s="257"/>
      <c r="ED75" s="257"/>
      <c r="EE75" s="257"/>
      <c r="EF75" s="257"/>
      <c r="EG75" s="257"/>
      <c r="EH75" s="257"/>
      <c r="EI75" s="257"/>
      <c r="EJ75" s="257"/>
      <c r="EK75" s="257"/>
      <c r="EL75" s="257"/>
      <c r="EM75" s="257"/>
      <c r="EN75" s="257"/>
      <c r="EO75" s="257"/>
      <c r="EP75" s="257"/>
      <c r="EQ75" s="257"/>
      <c r="ER75" s="257"/>
      <c r="ES75" s="257"/>
      <c r="ET75" s="257"/>
      <c r="EU75" s="257"/>
      <c r="EV75" s="257"/>
      <c r="EW75" s="257"/>
      <c r="EX75" s="257"/>
      <c r="EY75" s="257"/>
      <c r="EZ75" s="257"/>
      <c r="FA75" s="257"/>
      <c r="FB75" s="257"/>
      <c r="FC75" s="257"/>
      <c r="FD75" s="257"/>
      <c r="FE75" s="257"/>
      <c r="FF75" s="257"/>
      <c r="FG75" s="257"/>
      <c r="FH75" s="257"/>
      <c r="FI75" s="257"/>
      <c r="FJ75" s="257"/>
      <c r="FK75" s="257"/>
      <c r="FL75" s="257"/>
      <c r="FM75" s="257"/>
      <c r="FN75" s="257"/>
      <c r="FO75" s="257"/>
      <c r="FP75" s="257"/>
      <c r="FQ75" s="257"/>
      <c r="FR75" s="257"/>
      <c r="FS75" s="257"/>
      <c r="FT75" s="257"/>
      <c r="FU75" s="257"/>
      <c r="FV75" s="257"/>
      <c r="FW75" s="257"/>
      <c r="FX75" s="257"/>
      <c r="FY75" s="257"/>
      <c r="FZ75" s="257"/>
      <c r="GA75" s="257"/>
      <c r="GB75" s="257"/>
      <c r="GC75" s="257"/>
      <c r="GD75" s="257"/>
      <c r="GE75" s="257"/>
      <c r="GF75" s="257"/>
      <c r="GG75" s="257"/>
      <c r="GH75" s="257"/>
      <c r="GI75" s="257"/>
      <c r="GJ75" s="257"/>
      <c r="GK75" s="257"/>
    </row>
    <row r="76" spans="1:193" s="260" customFormat="1" ht="61.5" customHeight="1">
      <c r="A76" s="494"/>
      <c r="B76" s="235"/>
      <c r="C76" s="459" t="s">
        <v>445</v>
      </c>
      <c r="D76" s="460"/>
      <c r="E76" s="223"/>
      <c r="F76" s="224" t="s">
        <v>344</v>
      </c>
      <c r="G76" s="259" t="s">
        <v>455</v>
      </c>
      <c r="H76" s="257"/>
      <c r="I76" s="257"/>
      <c r="J76" s="257"/>
      <c r="K76" s="257"/>
      <c r="L76" s="257"/>
      <c r="M76" s="257"/>
      <c r="N76" s="257"/>
      <c r="O76" s="257"/>
      <c r="P76" s="257"/>
      <c r="Q76" s="257"/>
      <c r="R76" s="257"/>
      <c r="S76" s="257"/>
      <c r="T76" s="257"/>
      <c r="U76" s="257"/>
      <c r="V76" s="257"/>
      <c r="W76" s="257"/>
      <c r="X76" s="257"/>
      <c r="Y76" s="257"/>
      <c r="Z76" s="257"/>
      <c r="AA76" s="257"/>
      <c r="AB76" s="257"/>
      <c r="AC76" s="257"/>
      <c r="AD76" s="257"/>
      <c r="AE76" s="257"/>
      <c r="AF76" s="257"/>
      <c r="AG76" s="257"/>
      <c r="AH76" s="257"/>
      <c r="AI76" s="257"/>
      <c r="AJ76" s="257"/>
      <c r="AK76" s="257"/>
      <c r="AL76" s="257"/>
      <c r="AM76" s="257"/>
      <c r="AN76" s="257"/>
      <c r="AO76" s="257"/>
      <c r="AP76" s="257"/>
      <c r="AQ76" s="257"/>
      <c r="AR76" s="257"/>
      <c r="AS76" s="257"/>
      <c r="AT76" s="257"/>
      <c r="AU76" s="257"/>
      <c r="AV76" s="257"/>
      <c r="AW76" s="257"/>
      <c r="AX76" s="257"/>
      <c r="AY76" s="257"/>
      <c r="AZ76" s="257"/>
      <c r="BA76" s="257"/>
      <c r="BB76" s="257"/>
      <c r="BC76" s="257"/>
      <c r="BD76" s="257"/>
      <c r="BE76" s="257"/>
      <c r="BF76" s="257"/>
      <c r="BG76" s="257"/>
      <c r="BH76" s="257"/>
      <c r="BI76" s="257"/>
      <c r="BJ76" s="257"/>
      <c r="BK76" s="257"/>
      <c r="BL76" s="257"/>
      <c r="BM76" s="257"/>
      <c r="BN76" s="257"/>
      <c r="BO76" s="257"/>
      <c r="BP76" s="257"/>
      <c r="BQ76" s="257"/>
      <c r="BR76" s="257"/>
      <c r="BS76" s="257"/>
      <c r="BT76" s="257"/>
      <c r="BU76" s="257"/>
      <c r="BV76" s="257"/>
      <c r="BW76" s="257"/>
      <c r="BX76" s="257"/>
      <c r="BY76" s="257"/>
      <c r="BZ76" s="257"/>
      <c r="CA76" s="257"/>
      <c r="CB76" s="257"/>
      <c r="CC76" s="257"/>
      <c r="CD76" s="257"/>
      <c r="CE76" s="257"/>
      <c r="CF76" s="257"/>
      <c r="CG76" s="257"/>
      <c r="CH76" s="257"/>
      <c r="CI76" s="257"/>
      <c r="CJ76" s="257"/>
      <c r="CK76" s="257"/>
      <c r="CL76" s="257"/>
      <c r="CM76" s="257"/>
      <c r="CN76" s="257"/>
      <c r="CO76" s="257"/>
      <c r="CP76" s="257"/>
      <c r="CQ76" s="257"/>
      <c r="CR76" s="257"/>
      <c r="CS76" s="257"/>
      <c r="CT76" s="257"/>
      <c r="CU76" s="257"/>
      <c r="CV76" s="257"/>
      <c r="CW76" s="257"/>
      <c r="CX76" s="257"/>
      <c r="CY76" s="257"/>
      <c r="CZ76" s="257"/>
      <c r="DA76" s="257"/>
      <c r="DB76" s="257"/>
      <c r="DC76" s="257"/>
      <c r="DD76" s="257"/>
      <c r="DE76" s="257"/>
      <c r="DF76" s="257"/>
      <c r="DG76" s="257"/>
      <c r="DH76" s="257"/>
      <c r="DI76" s="257"/>
      <c r="DJ76" s="257"/>
      <c r="DK76" s="257"/>
      <c r="DL76" s="257"/>
      <c r="DM76" s="257"/>
      <c r="DN76" s="257"/>
      <c r="DO76" s="257"/>
      <c r="DP76" s="257"/>
      <c r="DQ76" s="257"/>
      <c r="DR76" s="257"/>
      <c r="DS76" s="257"/>
      <c r="DT76" s="257"/>
      <c r="DU76" s="257"/>
      <c r="DV76" s="257"/>
      <c r="DW76" s="257"/>
      <c r="DX76" s="257"/>
      <c r="DY76" s="257"/>
      <c r="DZ76" s="257"/>
      <c r="EA76" s="257"/>
      <c r="EB76" s="257"/>
      <c r="EC76" s="257"/>
      <c r="ED76" s="257"/>
      <c r="EE76" s="257"/>
      <c r="EF76" s="257"/>
      <c r="EG76" s="257"/>
      <c r="EH76" s="257"/>
      <c r="EI76" s="257"/>
      <c r="EJ76" s="257"/>
      <c r="EK76" s="257"/>
      <c r="EL76" s="257"/>
      <c r="EM76" s="257"/>
      <c r="EN76" s="257"/>
      <c r="EO76" s="257"/>
      <c r="EP76" s="257"/>
      <c r="EQ76" s="257"/>
      <c r="ER76" s="257"/>
      <c r="ES76" s="257"/>
      <c r="ET76" s="257"/>
      <c r="EU76" s="257"/>
      <c r="EV76" s="257"/>
      <c r="EW76" s="257"/>
      <c r="EX76" s="257"/>
      <c r="EY76" s="257"/>
      <c r="EZ76" s="257"/>
      <c r="FA76" s="257"/>
      <c r="FB76" s="257"/>
      <c r="FC76" s="257"/>
      <c r="FD76" s="257"/>
      <c r="FE76" s="257"/>
      <c r="FF76" s="257"/>
      <c r="FG76" s="257"/>
      <c r="FH76" s="257"/>
      <c r="FI76" s="257"/>
      <c r="FJ76" s="257"/>
      <c r="FK76" s="257"/>
      <c r="FL76" s="257"/>
      <c r="FM76" s="257"/>
      <c r="FN76" s="257"/>
      <c r="FO76" s="257"/>
      <c r="FP76" s="257"/>
      <c r="FQ76" s="257"/>
      <c r="FR76" s="257"/>
      <c r="FS76" s="257"/>
      <c r="FT76" s="257"/>
      <c r="FU76" s="257"/>
      <c r="FV76" s="257"/>
      <c r="FW76" s="257"/>
      <c r="FX76" s="257"/>
      <c r="FY76" s="257"/>
      <c r="FZ76" s="257"/>
      <c r="GA76" s="257"/>
      <c r="GB76" s="257"/>
      <c r="GC76" s="257"/>
      <c r="GD76" s="257"/>
      <c r="GE76" s="257"/>
      <c r="GF76" s="257"/>
      <c r="GG76" s="257"/>
      <c r="GH76" s="257"/>
      <c r="GI76" s="257"/>
      <c r="GJ76" s="257"/>
      <c r="GK76" s="257"/>
    </row>
    <row r="77" spans="1:193" s="260" customFormat="1" ht="21.75" customHeight="1">
      <c r="A77" s="494"/>
      <c r="B77" s="235"/>
      <c r="C77" s="459" t="s">
        <v>447</v>
      </c>
      <c r="D77" s="460"/>
      <c r="E77" s="223"/>
      <c r="F77" s="224" t="s">
        <v>344</v>
      </c>
      <c r="G77" s="225" t="s">
        <v>448</v>
      </c>
      <c r="H77" s="257"/>
      <c r="I77" s="257"/>
      <c r="J77" s="257"/>
      <c r="K77" s="257"/>
      <c r="L77" s="257"/>
      <c r="M77" s="257"/>
      <c r="N77" s="257"/>
      <c r="O77" s="257"/>
      <c r="P77" s="257"/>
      <c r="Q77" s="257"/>
      <c r="R77" s="257"/>
      <c r="S77" s="257"/>
      <c r="T77" s="257"/>
      <c r="U77" s="257"/>
      <c r="V77" s="257"/>
      <c r="W77" s="257"/>
      <c r="X77" s="257"/>
      <c r="Y77" s="257"/>
      <c r="Z77" s="257"/>
      <c r="AA77" s="257"/>
      <c r="AB77" s="257"/>
      <c r="AC77" s="257"/>
      <c r="AD77" s="257"/>
      <c r="AE77" s="257"/>
      <c r="AF77" s="257"/>
      <c r="AG77" s="257"/>
      <c r="AH77" s="257"/>
      <c r="AI77" s="257"/>
      <c r="AJ77" s="257"/>
      <c r="AK77" s="257"/>
      <c r="AL77" s="257"/>
      <c r="AM77" s="257"/>
      <c r="AN77" s="257"/>
      <c r="AO77" s="257"/>
      <c r="AP77" s="257"/>
      <c r="AQ77" s="257"/>
      <c r="AR77" s="257"/>
      <c r="AS77" s="257"/>
      <c r="AT77" s="257"/>
      <c r="AU77" s="257"/>
      <c r="AV77" s="257"/>
      <c r="AW77" s="257"/>
      <c r="AX77" s="257"/>
      <c r="AY77" s="257"/>
      <c r="AZ77" s="257"/>
      <c r="BA77" s="257"/>
      <c r="BB77" s="257"/>
      <c r="BC77" s="257"/>
      <c r="BD77" s="257"/>
      <c r="BE77" s="257"/>
      <c r="BF77" s="257"/>
      <c r="BG77" s="257"/>
      <c r="BH77" s="257"/>
      <c r="BI77" s="257"/>
      <c r="BJ77" s="257"/>
      <c r="BK77" s="257"/>
      <c r="BL77" s="257"/>
      <c r="BM77" s="257"/>
      <c r="BN77" s="257"/>
      <c r="BO77" s="257"/>
      <c r="BP77" s="257"/>
      <c r="BQ77" s="257"/>
      <c r="BR77" s="257"/>
      <c r="BS77" s="257"/>
      <c r="BT77" s="257"/>
      <c r="BU77" s="257"/>
      <c r="BV77" s="257"/>
      <c r="BW77" s="257"/>
      <c r="BX77" s="257"/>
      <c r="BY77" s="257"/>
      <c r="BZ77" s="257"/>
      <c r="CA77" s="257"/>
      <c r="CB77" s="257"/>
      <c r="CC77" s="257"/>
      <c r="CD77" s="257"/>
      <c r="CE77" s="257"/>
      <c r="CF77" s="257"/>
      <c r="CG77" s="257"/>
      <c r="CH77" s="257"/>
      <c r="CI77" s="257"/>
      <c r="CJ77" s="257"/>
      <c r="CK77" s="257"/>
      <c r="CL77" s="257"/>
      <c r="CM77" s="257"/>
      <c r="CN77" s="257"/>
      <c r="CO77" s="257"/>
      <c r="CP77" s="257"/>
      <c r="CQ77" s="257"/>
      <c r="CR77" s="257"/>
      <c r="CS77" s="257"/>
      <c r="CT77" s="257"/>
      <c r="CU77" s="257"/>
      <c r="CV77" s="257"/>
      <c r="CW77" s="257"/>
      <c r="CX77" s="257"/>
      <c r="CY77" s="257"/>
      <c r="CZ77" s="257"/>
      <c r="DA77" s="257"/>
      <c r="DB77" s="257"/>
      <c r="DC77" s="257"/>
      <c r="DD77" s="257"/>
      <c r="DE77" s="257"/>
      <c r="DF77" s="257"/>
      <c r="DG77" s="257"/>
      <c r="DH77" s="257"/>
      <c r="DI77" s="257"/>
      <c r="DJ77" s="257"/>
      <c r="DK77" s="257"/>
      <c r="DL77" s="257"/>
      <c r="DM77" s="257"/>
      <c r="DN77" s="257"/>
      <c r="DO77" s="257"/>
      <c r="DP77" s="257"/>
      <c r="DQ77" s="257"/>
      <c r="DR77" s="257"/>
      <c r="DS77" s="257"/>
      <c r="DT77" s="257"/>
      <c r="DU77" s="257"/>
      <c r="DV77" s="257"/>
      <c r="DW77" s="257"/>
      <c r="DX77" s="257"/>
      <c r="DY77" s="257"/>
      <c r="DZ77" s="257"/>
      <c r="EA77" s="257"/>
      <c r="EB77" s="257"/>
      <c r="EC77" s="257"/>
      <c r="ED77" s="257"/>
      <c r="EE77" s="257"/>
      <c r="EF77" s="257"/>
      <c r="EG77" s="257"/>
      <c r="EH77" s="257"/>
      <c r="EI77" s="257"/>
      <c r="EJ77" s="257"/>
      <c r="EK77" s="257"/>
      <c r="EL77" s="257"/>
      <c r="EM77" s="257"/>
      <c r="EN77" s="257"/>
      <c r="EO77" s="257"/>
      <c r="EP77" s="257"/>
      <c r="EQ77" s="257"/>
      <c r="ER77" s="257"/>
      <c r="ES77" s="257"/>
      <c r="ET77" s="257"/>
      <c r="EU77" s="257"/>
      <c r="EV77" s="257"/>
      <c r="EW77" s="257"/>
      <c r="EX77" s="257"/>
      <c r="EY77" s="257"/>
      <c r="EZ77" s="257"/>
      <c r="FA77" s="257"/>
      <c r="FB77" s="257"/>
      <c r="FC77" s="257"/>
      <c r="FD77" s="257"/>
      <c r="FE77" s="257"/>
      <c r="FF77" s="257"/>
      <c r="FG77" s="257"/>
      <c r="FH77" s="257"/>
      <c r="FI77" s="257"/>
      <c r="FJ77" s="257"/>
      <c r="FK77" s="257"/>
      <c r="FL77" s="257"/>
      <c r="FM77" s="257"/>
      <c r="FN77" s="257"/>
      <c r="FO77" s="257"/>
      <c r="FP77" s="257"/>
      <c r="FQ77" s="257"/>
      <c r="FR77" s="257"/>
      <c r="FS77" s="257"/>
      <c r="FT77" s="257"/>
      <c r="FU77" s="257"/>
      <c r="FV77" s="257"/>
      <c r="FW77" s="257"/>
      <c r="FX77" s="257"/>
      <c r="FY77" s="257"/>
      <c r="FZ77" s="257"/>
      <c r="GA77" s="257"/>
      <c r="GB77" s="257"/>
      <c r="GC77" s="257"/>
      <c r="GD77" s="257"/>
      <c r="GE77" s="257"/>
      <c r="GF77" s="257"/>
      <c r="GG77" s="257"/>
      <c r="GH77" s="257"/>
      <c r="GI77" s="257"/>
      <c r="GJ77" s="257"/>
      <c r="GK77" s="257"/>
    </row>
    <row r="78" spans="1:193" s="260" customFormat="1" ht="41.25" customHeight="1">
      <c r="A78" s="494"/>
      <c r="B78" s="235"/>
      <c r="C78" s="459" t="s">
        <v>449</v>
      </c>
      <c r="D78" s="460"/>
      <c r="E78" s="223"/>
      <c r="F78" s="224" t="s">
        <v>344</v>
      </c>
      <c r="G78" s="225" t="s">
        <v>446</v>
      </c>
      <c r="H78" s="257"/>
      <c r="I78" s="257"/>
      <c r="J78" s="257"/>
      <c r="K78" s="257"/>
      <c r="L78" s="257"/>
      <c r="M78" s="257"/>
      <c r="N78" s="257"/>
      <c r="O78" s="257"/>
      <c r="P78" s="257"/>
      <c r="Q78" s="257"/>
      <c r="R78" s="257"/>
      <c r="S78" s="257"/>
      <c r="T78" s="257"/>
      <c r="U78" s="257"/>
      <c r="V78" s="257"/>
      <c r="W78" s="257"/>
      <c r="X78" s="257"/>
      <c r="Y78" s="257"/>
      <c r="Z78" s="257"/>
      <c r="AA78" s="257"/>
      <c r="AB78" s="257"/>
      <c r="AC78" s="257"/>
      <c r="AD78" s="257"/>
      <c r="AE78" s="257"/>
      <c r="AF78" s="257"/>
      <c r="AG78" s="257"/>
      <c r="AH78" s="257"/>
      <c r="AI78" s="257"/>
      <c r="AJ78" s="257"/>
      <c r="AK78" s="257"/>
      <c r="AL78" s="257"/>
      <c r="AM78" s="257"/>
      <c r="AN78" s="257"/>
      <c r="AO78" s="257"/>
      <c r="AP78" s="257"/>
      <c r="AQ78" s="257"/>
      <c r="AR78" s="257"/>
      <c r="AS78" s="257"/>
      <c r="AT78" s="257"/>
      <c r="AU78" s="257"/>
      <c r="AV78" s="257"/>
      <c r="AW78" s="257"/>
      <c r="AX78" s="257"/>
      <c r="AY78" s="257"/>
      <c r="AZ78" s="257"/>
      <c r="BA78" s="257"/>
      <c r="BB78" s="257"/>
      <c r="BC78" s="257"/>
      <c r="BD78" s="257"/>
      <c r="BE78" s="257"/>
      <c r="BF78" s="257"/>
      <c r="BG78" s="257"/>
      <c r="BH78" s="257"/>
      <c r="BI78" s="257"/>
      <c r="BJ78" s="257"/>
      <c r="BK78" s="257"/>
      <c r="BL78" s="257"/>
      <c r="BM78" s="257"/>
      <c r="BN78" s="257"/>
      <c r="BO78" s="257"/>
      <c r="BP78" s="257"/>
      <c r="BQ78" s="257"/>
      <c r="BR78" s="257"/>
      <c r="BS78" s="257"/>
      <c r="BT78" s="257"/>
      <c r="BU78" s="257"/>
      <c r="BV78" s="257"/>
      <c r="BW78" s="257"/>
      <c r="BX78" s="257"/>
      <c r="BY78" s="257"/>
      <c r="BZ78" s="257"/>
      <c r="CA78" s="257"/>
      <c r="CB78" s="257"/>
      <c r="CC78" s="257"/>
      <c r="CD78" s="257"/>
      <c r="CE78" s="257"/>
      <c r="CF78" s="257"/>
      <c r="CG78" s="257"/>
      <c r="CH78" s="257"/>
      <c r="CI78" s="257"/>
      <c r="CJ78" s="257"/>
      <c r="CK78" s="257"/>
      <c r="CL78" s="257"/>
      <c r="CM78" s="257"/>
      <c r="CN78" s="257"/>
      <c r="CO78" s="257"/>
      <c r="CP78" s="257"/>
      <c r="CQ78" s="257"/>
      <c r="CR78" s="257"/>
      <c r="CS78" s="257"/>
      <c r="CT78" s="257"/>
      <c r="CU78" s="257"/>
      <c r="CV78" s="257"/>
      <c r="CW78" s="257"/>
      <c r="CX78" s="257"/>
      <c r="CY78" s="257"/>
      <c r="CZ78" s="257"/>
      <c r="DA78" s="257"/>
      <c r="DB78" s="257"/>
      <c r="DC78" s="257"/>
      <c r="DD78" s="257"/>
      <c r="DE78" s="257"/>
      <c r="DF78" s="257"/>
      <c r="DG78" s="257"/>
      <c r="DH78" s="257"/>
      <c r="DI78" s="257"/>
      <c r="DJ78" s="257"/>
      <c r="DK78" s="257"/>
      <c r="DL78" s="257"/>
      <c r="DM78" s="257"/>
      <c r="DN78" s="257"/>
      <c r="DO78" s="257"/>
      <c r="DP78" s="257"/>
      <c r="DQ78" s="257"/>
      <c r="DR78" s="257"/>
      <c r="DS78" s="257"/>
      <c r="DT78" s="257"/>
      <c r="DU78" s="257"/>
      <c r="DV78" s="257"/>
      <c r="DW78" s="257"/>
      <c r="DX78" s="257"/>
      <c r="DY78" s="257"/>
      <c r="DZ78" s="257"/>
      <c r="EA78" s="257"/>
      <c r="EB78" s="257"/>
      <c r="EC78" s="257"/>
      <c r="ED78" s="257"/>
      <c r="EE78" s="257"/>
      <c r="EF78" s="257"/>
      <c r="EG78" s="257"/>
      <c r="EH78" s="257"/>
      <c r="EI78" s="257"/>
      <c r="EJ78" s="257"/>
      <c r="EK78" s="257"/>
      <c r="EL78" s="257"/>
      <c r="EM78" s="257"/>
      <c r="EN78" s="257"/>
      <c r="EO78" s="257"/>
      <c r="EP78" s="257"/>
      <c r="EQ78" s="257"/>
      <c r="ER78" s="257"/>
      <c r="ES78" s="257"/>
      <c r="ET78" s="257"/>
      <c r="EU78" s="257"/>
      <c r="EV78" s="257"/>
      <c r="EW78" s="257"/>
      <c r="EX78" s="257"/>
      <c r="EY78" s="257"/>
      <c r="EZ78" s="257"/>
      <c r="FA78" s="257"/>
      <c r="FB78" s="257"/>
      <c r="FC78" s="257"/>
      <c r="FD78" s="257"/>
      <c r="FE78" s="257"/>
      <c r="FF78" s="257"/>
      <c r="FG78" s="257"/>
      <c r="FH78" s="257"/>
      <c r="FI78" s="257"/>
      <c r="FJ78" s="257"/>
      <c r="FK78" s="257"/>
      <c r="FL78" s="257"/>
      <c r="FM78" s="257"/>
      <c r="FN78" s="257"/>
      <c r="FO78" s="257"/>
      <c r="FP78" s="257"/>
      <c r="FQ78" s="257"/>
      <c r="FR78" s="257"/>
      <c r="FS78" s="257"/>
      <c r="FT78" s="257"/>
      <c r="FU78" s="257"/>
      <c r="FV78" s="257"/>
      <c r="FW78" s="257"/>
      <c r="FX78" s="257"/>
      <c r="FY78" s="257"/>
      <c r="FZ78" s="257"/>
      <c r="GA78" s="257"/>
      <c r="GB78" s="257"/>
      <c r="GC78" s="257"/>
      <c r="GD78" s="257"/>
      <c r="GE78" s="257"/>
      <c r="GF78" s="257"/>
      <c r="GG78" s="257"/>
      <c r="GH78" s="257"/>
      <c r="GI78" s="257"/>
      <c r="GJ78" s="257"/>
      <c r="GK78" s="257"/>
    </row>
    <row r="79" spans="1:193" s="260" customFormat="1" ht="48.75" customHeight="1">
      <c r="A79" s="494"/>
      <c r="B79" s="235"/>
      <c r="C79" s="459" t="s">
        <v>450</v>
      </c>
      <c r="D79" s="460"/>
      <c r="E79" s="223"/>
      <c r="F79" s="224" t="s">
        <v>344</v>
      </c>
      <c r="G79" s="225" t="s">
        <v>461</v>
      </c>
      <c r="H79" s="257"/>
      <c r="I79" s="257"/>
      <c r="J79" s="257"/>
      <c r="K79" s="257"/>
      <c r="L79" s="257"/>
      <c r="M79" s="257"/>
      <c r="N79" s="257"/>
      <c r="O79" s="257"/>
      <c r="P79" s="257"/>
      <c r="Q79" s="257"/>
      <c r="R79" s="257"/>
      <c r="S79" s="257"/>
      <c r="T79" s="257"/>
      <c r="U79" s="257"/>
      <c r="V79" s="257"/>
      <c r="W79" s="257"/>
      <c r="X79" s="257"/>
      <c r="Y79" s="257"/>
      <c r="Z79" s="257"/>
      <c r="AA79" s="257"/>
      <c r="AB79" s="257"/>
      <c r="AC79" s="257"/>
      <c r="AD79" s="257"/>
      <c r="AE79" s="257"/>
      <c r="AF79" s="257"/>
      <c r="AG79" s="257"/>
      <c r="AH79" s="257"/>
      <c r="AI79" s="257"/>
      <c r="AJ79" s="257"/>
      <c r="AK79" s="257"/>
      <c r="AL79" s="257"/>
      <c r="AM79" s="257"/>
      <c r="AN79" s="257"/>
      <c r="AO79" s="257"/>
      <c r="AP79" s="257"/>
      <c r="AQ79" s="257"/>
      <c r="AR79" s="257"/>
      <c r="AS79" s="257"/>
      <c r="AT79" s="257"/>
      <c r="AU79" s="257"/>
      <c r="AV79" s="257"/>
      <c r="AW79" s="257"/>
      <c r="AX79" s="257"/>
      <c r="AY79" s="257"/>
      <c r="AZ79" s="257"/>
      <c r="BA79" s="257"/>
      <c r="BB79" s="257"/>
      <c r="BC79" s="257"/>
      <c r="BD79" s="257"/>
      <c r="BE79" s="257"/>
      <c r="BF79" s="257"/>
      <c r="BG79" s="257"/>
      <c r="BH79" s="257"/>
      <c r="BI79" s="257"/>
      <c r="BJ79" s="257"/>
      <c r="BK79" s="257"/>
      <c r="BL79" s="257"/>
      <c r="BM79" s="257"/>
      <c r="BN79" s="257"/>
      <c r="BO79" s="257"/>
      <c r="BP79" s="257"/>
      <c r="BQ79" s="257"/>
      <c r="BR79" s="257"/>
      <c r="BS79" s="257"/>
      <c r="BT79" s="257"/>
      <c r="BU79" s="257"/>
      <c r="BV79" s="257"/>
      <c r="BW79" s="257"/>
      <c r="BX79" s="257"/>
      <c r="BY79" s="257"/>
      <c r="BZ79" s="257"/>
      <c r="CA79" s="257"/>
      <c r="CB79" s="257"/>
      <c r="CC79" s="257"/>
      <c r="CD79" s="257"/>
      <c r="CE79" s="257"/>
      <c r="CF79" s="257"/>
      <c r="CG79" s="257"/>
      <c r="CH79" s="257"/>
      <c r="CI79" s="257"/>
      <c r="CJ79" s="257"/>
      <c r="CK79" s="257"/>
      <c r="CL79" s="257"/>
      <c r="CM79" s="257"/>
      <c r="CN79" s="257"/>
      <c r="CO79" s="257"/>
      <c r="CP79" s="257"/>
      <c r="CQ79" s="257"/>
      <c r="CR79" s="257"/>
      <c r="CS79" s="257"/>
      <c r="CT79" s="257"/>
      <c r="CU79" s="257"/>
      <c r="CV79" s="257"/>
      <c r="CW79" s="257"/>
      <c r="CX79" s="257"/>
      <c r="CY79" s="257"/>
      <c r="CZ79" s="257"/>
      <c r="DA79" s="257"/>
      <c r="DB79" s="257"/>
      <c r="DC79" s="257"/>
      <c r="DD79" s="257"/>
      <c r="DE79" s="257"/>
      <c r="DF79" s="257"/>
      <c r="DG79" s="257"/>
      <c r="DH79" s="257"/>
      <c r="DI79" s="257"/>
      <c r="DJ79" s="257"/>
      <c r="DK79" s="257"/>
      <c r="DL79" s="257"/>
      <c r="DM79" s="257"/>
      <c r="DN79" s="257"/>
      <c r="DO79" s="257"/>
      <c r="DP79" s="257"/>
      <c r="DQ79" s="257"/>
      <c r="DR79" s="257"/>
      <c r="DS79" s="257"/>
      <c r="DT79" s="257"/>
      <c r="DU79" s="257"/>
      <c r="DV79" s="257"/>
      <c r="DW79" s="257"/>
      <c r="DX79" s="257"/>
      <c r="DY79" s="257"/>
      <c r="DZ79" s="257"/>
      <c r="EA79" s="257"/>
      <c r="EB79" s="257"/>
      <c r="EC79" s="257"/>
      <c r="ED79" s="257"/>
      <c r="EE79" s="257"/>
      <c r="EF79" s="257"/>
      <c r="EG79" s="257"/>
      <c r="EH79" s="257"/>
      <c r="EI79" s="257"/>
      <c r="EJ79" s="257"/>
      <c r="EK79" s="257"/>
      <c r="EL79" s="257"/>
      <c r="EM79" s="257"/>
      <c r="EN79" s="257"/>
      <c r="EO79" s="257"/>
      <c r="EP79" s="257"/>
      <c r="EQ79" s="257"/>
      <c r="ER79" s="257"/>
      <c r="ES79" s="257"/>
      <c r="ET79" s="257"/>
      <c r="EU79" s="257"/>
      <c r="EV79" s="257"/>
      <c r="EW79" s="257"/>
      <c r="EX79" s="257"/>
      <c r="EY79" s="257"/>
      <c r="EZ79" s="257"/>
      <c r="FA79" s="257"/>
      <c r="FB79" s="257"/>
      <c r="FC79" s="257"/>
      <c r="FD79" s="257"/>
      <c r="FE79" s="257"/>
      <c r="FF79" s="257"/>
      <c r="FG79" s="257"/>
      <c r="FH79" s="257"/>
      <c r="FI79" s="257"/>
      <c r="FJ79" s="257"/>
      <c r="FK79" s="257"/>
      <c r="FL79" s="257"/>
      <c r="FM79" s="257"/>
      <c r="FN79" s="257"/>
      <c r="FO79" s="257"/>
      <c r="FP79" s="257"/>
      <c r="FQ79" s="257"/>
      <c r="FR79" s="257"/>
      <c r="FS79" s="257"/>
      <c r="FT79" s="257"/>
      <c r="FU79" s="257"/>
      <c r="FV79" s="257"/>
      <c r="FW79" s="257"/>
      <c r="FX79" s="257"/>
      <c r="FY79" s="257"/>
      <c r="FZ79" s="257"/>
      <c r="GA79" s="257"/>
      <c r="GB79" s="257"/>
      <c r="GC79" s="257"/>
      <c r="GD79" s="257"/>
      <c r="GE79" s="257"/>
      <c r="GF79" s="257"/>
      <c r="GG79" s="257"/>
      <c r="GH79" s="257"/>
      <c r="GI79" s="257"/>
      <c r="GJ79" s="257"/>
      <c r="GK79" s="257"/>
    </row>
    <row r="80" spans="1:193" s="260" customFormat="1" ht="72.75" customHeight="1">
      <c r="A80" s="494"/>
      <c r="B80" s="235"/>
      <c r="C80" s="459" t="s">
        <v>452</v>
      </c>
      <c r="D80" s="460"/>
      <c r="E80" s="223"/>
      <c r="F80" s="224" t="s">
        <v>344</v>
      </c>
      <c r="G80" s="225" t="s">
        <v>453</v>
      </c>
      <c r="H80" s="257"/>
      <c r="I80" s="257"/>
      <c r="J80" s="257"/>
      <c r="K80" s="257"/>
      <c r="L80" s="257"/>
      <c r="M80" s="257"/>
      <c r="N80" s="257"/>
      <c r="O80" s="257"/>
      <c r="P80" s="257"/>
      <c r="Q80" s="257"/>
      <c r="R80" s="257"/>
      <c r="S80" s="257"/>
      <c r="T80" s="257"/>
      <c r="U80" s="257"/>
      <c r="V80" s="257"/>
      <c r="W80" s="257"/>
      <c r="X80" s="257"/>
      <c r="Y80" s="257"/>
      <c r="Z80" s="257"/>
      <c r="AA80" s="257"/>
      <c r="AB80" s="257"/>
      <c r="AC80" s="257"/>
      <c r="AD80" s="257"/>
      <c r="AE80" s="257"/>
      <c r="AF80" s="257"/>
      <c r="AG80" s="257"/>
      <c r="AH80" s="257"/>
      <c r="AI80" s="257"/>
      <c r="AJ80" s="257"/>
      <c r="AK80" s="257"/>
      <c r="AL80" s="257"/>
      <c r="AM80" s="257"/>
      <c r="AN80" s="257"/>
      <c r="AO80" s="257"/>
      <c r="AP80" s="257"/>
      <c r="AQ80" s="257"/>
      <c r="AR80" s="257"/>
      <c r="AS80" s="257"/>
      <c r="AT80" s="257"/>
      <c r="AU80" s="257"/>
      <c r="AV80" s="257"/>
      <c r="AW80" s="257"/>
      <c r="AX80" s="257"/>
      <c r="AY80" s="257"/>
      <c r="AZ80" s="257"/>
      <c r="BA80" s="257"/>
      <c r="BB80" s="257"/>
      <c r="BC80" s="257"/>
      <c r="BD80" s="257"/>
      <c r="BE80" s="257"/>
      <c r="BF80" s="257"/>
      <c r="BG80" s="257"/>
      <c r="BH80" s="257"/>
      <c r="BI80" s="257"/>
      <c r="BJ80" s="257"/>
      <c r="BK80" s="257"/>
      <c r="BL80" s="257"/>
      <c r="BM80" s="257"/>
      <c r="BN80" s="257"/>
      <c r="BO80" s="257"/>
      <c r="BP80" s="257"/>
      <c r="BQ80" s="257"/>
      <c r="BR80" s="257"/>
      <c r="BS80" s="257"/>
      <c r="BT80" s="257"/>
      <c r="BU80" s="257"/>
      <c r="BV80" s="257"/>
      <c r="BW80" s="257"/>
      <c r="BX80" s="257"/>
      <c r="BY80" s="257"/>
      <c r="BZ80" s="257"/>
      <c r="CA80" s="257"/>
      <c r="CB80" s="257"/>
      <c r="CC80" s="257"/>
      <c r="CD80" s="257"/>
      <c r="CE80" s="257"/>
      <c r="CF80" s="257"/>
      <c r="CG80" s="257"/>
      <c r="CH80" s="257"/>
      <c r="CI80" s="257"/>
      <c r="CJ80" s="257"/>
      <c r="CK80" s="257"/>
      <c r="CL80" s="257"/>
      <c r="CM80" s="257"/>
      <c r="CN80" s="257"/>
      <c r="CO80" s="257"/>
      <c r="CP80" s="257"/>
      <c r="CQ80" s="257"/>
      <c r="CR80" s="257"/>
      <c r="CS80" s="257"/>
      <c r="CT80" s="257"/>
      <c r="CU80" s="257"/>
      <c r="CV80" s="257"/>
      <c r="CW80" s="257"/>
      <c r="CX80" s="257"/>
      <c r="CY80" s="257"/>
      <c r="CZ80" s="257"/>
      <c r="DA80" s="257"/>
      <c r="DB80" s="257"/>
      <c r="DC80" s="257"/>
      <c r="DD80" s="257"/>
      <c r="DE80" s="257"/>
      <c r="DF80" s="257"/>
      <c r="DG80" s="257"/>
      <c r="DH80" s="257"/>
      <c r="DI80" s="257"/>
      <c r="DJ80" s="257"/>
      <c r="DK80" s="257"/>
      <c r="DL80" s="257"/>
      <c r="DM80" s="257"/>
      <c r="DN80" s="257"/>
      <c r="DO80" s="257"/>
      <c r="DP80" s="257"/>
      <c r="DQ80" s="257"/>
      <c r="DR80" s="257"/>
      <c r="DS80" s="257"/>
      <c r="DT80" s="257"/>
      <c r="DU80" s="257"/>
      <c r="DV80" s="257"/>
      <c r="DW80" s="257"/>
      <c r="DX80" s="257"/>
      <c r="DY80" s="257"/>
      <c r="DZ80" s="257"/>
      <c r="EA80" s="257"/>
      <c r="EB80" s="257"/>
      <c r="EC80" s="257"/>
      <c r="ED80" s="257"/>
      <c r="EE80" s="257"/>
      <c r="EF80" s="257"/>
      <c r="EG80" s="257"/>
      <c r="EH80" s="257"/>
      <c r="EI80" s="257"/>
      <c r="EJ80" s="257"/>
      <c r="EK80" s="257"/>
      <c r="EL80" s="257"/>
      <c r="EM80" s="257"/>
      <c r="EN80" s="257"/>
      <c r="EO80" s="257"/>
      <c r="EP80" s="257"/>
      <c r="EQ80" s="257"/>
      <c r="ER80" s="257"/>
      <c r="ES80" s="257"/>
      <c r="ET80" s="257"/>
      <c r="EU80" s="257"/>
      <c r="EV80" s="257"/>
      <c r="EW80" s="257"/>
      <c r="EX80" s="257"/>
      <c r="EY80" s="257"/>
      <c r="EZ80" s="257"/>
      <c r="FA80" s="257"/>
      <c r="FB80" s="257"/>
      <c r="FC80" s="257"/>
      <c r="FD80" s="257"/>
      <c r="FE80" s="257"/>
      <c r="FF80" s="257"/>
      <c r="FG80" s="257"/>
      <c r="FH80" s="257"/>
      <c r="FI80" s="257"/>
      <c r="FJ80" s="257"/>
      <c r="FK80" s="257"/>
      <c r="FL80" s="257"/>
      <c r="FM80" s="257"/>
      <c r="FN80" s="257"/>
      <c r="FO80" s="257"/>
      <c r="FP80" s="257"/>
      <c r="FQ80" s="257"/>
      <c r="FR80" s="257"/>
      <c r="FS80" s="257"/>
      <c r="FT80" s="257"/>
      <c r="FU80" s="257"/>
      <c r="FV80" s="257"/>
      <c r="FW80" s="257"/>
      <c r="FX80" s="257"/>
      <c r="FY80" s="257"/>
      <c r="FZ80" s="257"/>
      <c r="GA80" s="257"/>
      <c r="GB80" s="257"/>
      <c r="GC80" s="257"/>
      <c r="GD80" s="257"/>
      <c r="GE80" s="257"/>
      <c r="GF80" s="257"/>
      <c r="GG80" s="257"/>
      <c r="GH80" s="257"/>
      <c r="GI80" s="257"/>
      <c r="GJ80" s="257"/>
      <c r="GK80" s="257"/>
    </row>
    <row r="81" spans="1:193" s="260" customFormat="1" ht="102.75" customHeight="1">
      <c r="A81" s="494"/>
      <c r="B81" s="235"/>
      <c r="C81" s="459" t="s">
        <v>454</v>
      </c>
      <c r="D81" s="460"/>
      <c r="E81" s="223"/>
      <c r="F81" s="224" t="s">
        <v>344</v>
      </c>
      <c r="G81" s="259" t="s">
        <v>448</v>
      </c>
      <c r="H81" s="257"/>
      <c r="I81" s="257"/>
      <c r="J81" s="257"/>
      <c r="K81" s="257"/>
      <c r="L81" s="257"/>
      <c r="M81" s="257"/>
      <c r="N81" s="257"/>
      <c r="O81" s="257"/>
      <c r="P81" s="257"/>
      <c r="Q81" s="257"/>
      <c r="R81" s="257"/>
      <c r="S81" s="257"/>
      <c r="T81" s="257"/>
      <c r="U81" s="257"/>
      <c r="V81" s="257"/>
      <c r="W81" s="257"/>
      <c r="X81" s="257"/>
      <c r="Y81" s="257"/>
      <c r="Z81" s="257"/>
      <c r="AA81" s="257"/>
      <c r="AB81" s="257"/>
      <c r="AC81" s="257"/>
      <c r="AD81" s="257"/>
      <c r="AE81" s="257"/>
      <c r="AF81" s="257"/>
      <c r="AG81" s="257"/>
      <c r="AH81" s="257"/>
      <c r="AI81" s="257"/>
      <c r="AJ81" s="257"/>
      <c r="AK81" s="257"/>
      <c r="AL81" s="257"/>
      <c r="AM81" s="257"/>
      <c r="AN81" s="257"/>
      <c r="AO81" s="257"/>
      <c r="AP81" s="257"/>
      <c r="AQ81" s="257"/>
      <c r="AR81" s="257"/>
      <c r="AS81" s="257"/>
      <c r="AT81" s="257"/>
      <c r="AU81" s="257"/>
      <c r="AV81" s="257"/>
      <c r="AW81" s="257"/>
      <c r="AX81" s="257"/>
      <c r="AY81" s="257"/>
      <c r="AZ81" s="257"/>
      <c r="BA81" s="257"/>
      <c r="BB81" s="257"/>
      <c r="BC81" s="257"/>
      <c r="BD81" s="257"/>
      <c r="BE81" s="257"/>
      <c r="BF81" s="257"/>
      <c r="BG81" s="257"/>
      <c r="BH81" s="257"/>
      <c r="BI81" s="257"/>
      <c r="BJ81" s="257"/>
      <c r="BK81" s="257"/>
      <c r="BL81" s="257"/>
      <c r="BM81" s="257"/>
      <c r="BN81" s="257"/>
      <c r="BO81" s="257"/>
      <c r="BP81" s="257"/>
      <c r="BQ81" s="257"/>
      <c r="BR81" s="257"/>
      <c r="BS81" s="257"/>
      <c r="BT81" s="257"/>
      <c r="BU81" s="257"/>
      <c r="BV81" s="257"/>
      <c r="BW81" s="257"/>
      <c r="BX81" s="257"/>
      <c r="BY81" s="257"/>
      <c r="BZ81" s="257"/>
      <c r="CA81" s="257"/>
      <c r="CB81" s="257"/>
      <c r="CC81" s="257"/>
      <c r="CD81" s="257"/>
      <c r="CE81" s="257"/>
      <c r="CF81" s="257"/>
      <c r="CG81" s="257"/>
      <c r="CH81" s="257"/>
      <c r="CI81" s="257"/>
      <c r="CJ81" s="257"/>
      <c r="CK81" s="257"/>
      <c r="CL81" s="257"/>
      <c r="CM81" s="257"/>
      <c r="CN81" s="257"/>
      <c r="CO81" s="257"/>
      <c r="CP81" s="257"/>
      <c r="CQ81" s="257"/>
      <c r="CR81" s="257"/>
      <c r="CS81" s="257"/>
      <c r="CT81" s="257"/>
      <c r="CU81" s="257"/>
      <c r="CV81" s="257"/>
      <c r="CW81" s="257"/>
      <c r="CX81" s="257"/>
      <c r="CY81" s="257"/>
      <c r="CZ81" s="257"/>
      <c r="DA81" s="257"/>
      <c r="DB81" s="257"/>
      <c r="DC81" s="257"/>
      <c r="DD81" s="257"/>
      <c r="DE81" s="257"/>
      <c r="DF81" s="257"/>
      <c r="DG81" s="257"/>
      <c r="DH81" s="257"/>
      <c r="DI81" s="257"/>
      <c r="DJ81" s="257"/>
      <c r="DK81" s="257"/>
      <c r="DL81" s="257"/>
      <c r="DM81" s="257"/>
      <c r="DN81" s="257"/>
      <c r="DO81" s="257"/>
      <c r="DP81" s="257"/>
      <c r="DQ81" s="257"/>
      <c r="DR81" s="257"/>
      <c r="DS81" s="257"/>
      <c r="DT81" s="257"/>
      <c r="DU81" s="257"/>
      <c r="DV81" s="257"/>
      <c r="DW81" s="257"/>
      <c r="DX81" s="257"/>
      <c r="DY81" s="257"/>
      <c r="DZ81" s="257"/>
      <c r="EA81" s="257"/>
      <c r="EB81" s="257"/>
      <c r="EC81" s="257"/>
      <c r="ED81" s="257"/>
      <c r="EE81" s="257"/>
      <c r="EF81" s="257"/>
      <c r="EG81" s="257"/>
      <c r="EH81" s="257"/>
      <c r="EI81" s="257"/>
      <c r="EJ81" s="257"/>
      <c r="EK81" s="257"/>
      <c r="EL81" s="257"/>
      <c r="EM81" s="257"/>
      <c r="EN81" s="257"/>
      <c r="EO81" s="257"/>
      <c r="EP81" s="257"/>
      <c r="EQ81" s="257"/>
      <c r="ER81" s="257"/>
      <c r="ES81" s="257"/>
      <c r="ET81" s="257"/>
      <c r="EU81" s="257"/>
      <c r="EV81" s="257"/>
      <c r="EW81" s="257"/>
      <c r="EX81" s="257"/>
      <c r="EY81" s="257"/>
      <c r="EZ81" s="257"/>
      <c r="FA81" s="257"/>
      <c r="FB81" s="257"/>
      <c r="FC81" s="257"/>
      <c r="FD81" s="257"/>
      <c r="FE81" s="257"/>
      <c r="FF81" s="257"/>
      <c r="FG81" s="257"/>
      <c r="FH81" s="257"/>
      <c r="FI81" s="257"/>
      <c r="FJ81" s="257"/>
      <c r="FK81" s="257"/>
      <c r="FL81" s="257"/>
      <c r="FM81" s="257"/>
      <c r="FN81" s="257"/>
      <c r="FO81" s="257"/>
      <c r="FP81" s="257"/>
      <c r="FQ81" s="257"/>
      <c r="FR81" s="257"/>
      <c r="FS81" s="257"/>
      <c r="FT81" s="257"/>
      <c r="FU81" s="257"/>
      <c r="FV81" s="257"/>
      <c r="FW81" s="257"/>
      <c r="FX81" s="257"/>
      <c r="FY81" s="257"/>
      <c r="FZ81" s="257"/>
      <c r="GA81" s="257"/>
      <c r="GB81" s="257"/>
      <c r="GC81" s="257"/>
      <c r="GD81" s="257"/>
      <c r="GE81" s="257"/>
      <c r="GF81" s="257"/>
      <c r="GG81" s="257"/>
      <c r="GH81" s="257"/>
      <c r="GI81" s="257"/>
      <c r="GJ81" s="257"/>
      <c r="GK81" s="257"/>
    </row>
    <row r="82" spans="1:193" s="260" customFormat="1" ht="66.75" customHeight="1">
      <c r="A82" s="494"/>
      <c r="B82" s="235"/>
      <c r="C82" s="459" t="s">
        <v>456</v>
      </c>
      <c r="D82" s="460"/>
      <c r="E82" s="223"/>
      <c r="F82" s="224" t="s">
        <v>344</v>
      </c>
      <c r="G82" s="259" t="s">
        <v>448</v>
      </c>
      <c r="H82" s="257"/>
      <c r="I82" s="257"/>
      <c r="J82" s="257"/>
      <c r="K82" s="257"/>
      <c r="L82" s="257"/>
      <c r="M82" s="257"/>
      <c r="N82" s="257"/>
      <c r="O82" s="257"/>
      <c r="P82" s="257"/>
      <c r="Q82" s="257"/>
      <c r="R82" s="257"/>
      <c r="S82" s="257"/>
      <c r="T82" s="257"/>
      <c r="U82" s="257"/>
      <c r="V82" s="257"/>
      <c r="W82" s="257"/>
      <c r="X82" s="257"/>
      <c r="Y82" s="257"/>
      <c r="Z82" s="257"/>
      <c r="AA82" s="257"/>
      <c r="AB82" s="257"/>
      <c r="AC82" s="257"/>
      <c r="AD82" s="257"/>
      <c r="AE82" s="257"/>
      <c r="AF82" s="257"/>
      <c r="AG82" s="257"/>
      <c r="AH82" s="257"/>
      <c r="AI82" s="257"/>
      <c r="AJ82" s="257"/>
      <c r="AK82" s="257"/>
      <c r="AL82" s="257"/>
      <c r="AM82" s="257"/>
      <c r="AN82" s="257"/>
      <c r="AO82" s="257"/>
      <c r="AP82" s="257"/>
      <c r="AQ82" s="257"/>
      <c r="AR82" s="257"/>
      <c r="AS82" s="257"/>
      <c r="AT82" s="257"/>
      <c r="AU82" s="257"/>
      <c r="AV82" s="257"/>
      <c r="AW82" s="257"/>
      <c r="AX82" s="257"/>
      <c r="AY82" s="257"/>
      <c r="AZ82" s="257"/>
      <c r="BA82" s="257"/>
      <c r="BB82" s="257"/>
      <c r="BC82" s="257"/>
      <c r="BD82" s="257"/>
      <c r="BE82" s="257"/>
      <c r="BF82" s="257"/>
      <c r="BG82" s="257"/>
      <c r="BH82" s="257"/>
      <c r="BI82" s="257"/>
      <c r="BJ82" s="257"/>
      <c r="BK82" s="257"/>
      <c r="BL82" s="257"/>
      <c r="BM82" s="257"/>
      <c r="BN82" s="257"/>
      <c r="BO82" s="257"/>
      <c r="BP82" s="257"/>
      <c r="BQ82" s="257"/>
      <c r="BR82" s="257"/>
      <c r="BS82" s="257"/>
      <c r="BT82" s="257"/>
      <c r="BU82" s="257"/>
      <c r="BV82" s="257"/>
      <c r="BW82" s="257"/>
      <c r="BX82" s="257"/>
      <c r="BY82" s="257"/>
      <c r="BZ82" s="257"/>
      <c r="CA82" s="257"/>
      <c r="CB82" s="257"/>
      <c r="CC82" s="257"/>
      <c r="CD82" s="257"/>
      <c r="CE82" s="257"/>
      <c r="CF82" s="257"/>
      <c r="CG82" s="257"/>
      <c r="CH82" s="257"/>
      <c r="CI82" s="257"/>
      <c r="CJ82" s="257"/>
      <c r="CK82" s="257"/>
      <c r="CL82" s="257"/>
      <c r="CM82" s="257"/>
      <c r="CN82" s="257"/>
      <c r="CO82" s="257"/>
      <c r="CP82" s="257"/>
      <c r="CQ82" s="257"/>
      <c r="CR82" s="257"/>
      <c r="CS82" s="257"/>
      <c r="CT82" s="257"/>
      <c r="CU82" s="257"/>
      <c r="CV82" s="257"/>
      <c r="CW82" s="257"/>
      <c r="CX82" s="257"/>
      <c r="CY82" s="257"/>
      <c r="CZ82" s="257"/>
      <c r="DA82" s="257"/>
      <c r="DB82" s="257"/>
      <c r="DC82" s="257"/>
      <c r="DD82" s="257"/>
      <c r="DE82" s="257"/>
      <c r="DF82" s="257"/>
      <c r="DG82" s="257"/>
      <c r="DH82" s="257"/>
      <c r="DI82" s="257"/>
      <c r="DJ82" s="257"/>
      <c r="DK82" s="257"/>
      <c r="DL82" s="257"/>
      <c r="DM82" s="257"/>
      <c r="DN82" s="257"/>
      <c r="DO82" s="257"/>
      <c r="DP82" s="257"/>
      <c r="DQ82" s="257"/>
      <c r="DR82" s="257"/>
      <c r="DS82" s="257"/>
      <c r="DT82" s="257"/>
      <c r="DU82" s="257"/>
      <c r="DV82" s="257"/>
      <c r="DW82" s="257"/>
      <c r="DX82" s="257"/>
      <c r="DY82" s="257"/>
      <c r="DZ82" s="257"/>
      <c r="EA82" s="257"/>
      <c r="EB82" s="257"/>
      <c r="EC82" s="257"/>
      <c r="ED82" s="257"/>
      <c r="EE82" s="257"/>
      <c r="EF82" s="257"/>
      <c r="EG82" s="257"/>
      <c r="EH82" s="257"/>
      <c r="EI82" s="257"/>
      <c r="EJ82" s="257"/>
      <c r="EK82" s="257"/>
      <c r="EL82" s="257"/>
      <c r="EM82" s="257"/>
      <c r="EN82" s="257"/>
      <c r="EO82" s="257"/>
      <c r="EP82" s="257"/>
      <c r="EQ82" s="257"/>
      <c r="ER82" s="257"/>
      <c r="ES82" s="257"/>
      <c r="ET82" s="257"/>
      <c r="EU82" s="257"/>
      <c r="EV82" s="257"/>
      <c r="EW82" s="257"/>
      <c r="EX82" s="257"/>
      <c r="EY82" s="257"/>
      <c r="EZ82" s="257"/>
      <c r="FA82" s="257"/>
      <c r="FB82" s="257"/>
      <c r="FC82" s="257"/>
      <c r="FD82" s="257"/>
      <c r="FE82" s="257"/>
      <c r="FF82" s="257"/>
      <c r="FG82" s="257"/>
      <c r="FH82" s="257"/>
      <c r="FI82" s="257"/>
      <c r="FJ82" s="257"/>
      <c r="FK82" s="257"/>
      <c r="FL82" s="257"/>
      <c r="FM82" s="257"/>
      <c r="FN82" s="257"/>
      <c r="FO82" s="257"/>
      <c r="FP82" s="257"/>
      <c r="FQ82" s="257"/>
      <c r="FR82" s="257"/>
      <c r="FS82" s="257"/>
      <c r="FT82" s="257"/>
      <c r="FU82" s="257"/>
      <c r="FV82" s="257"/>
      <c r="FW82" s="257"/>
      <c r="FX82" s="257"/>
      <c r="FY82" s="257"/>
      <c r="FZ82" s="257"/>
      <c r="GA82" s="257"/>
      <c r="GB82" s="257"/>
      <c r="GC82" s="257"/>
      <c r="GD82" s="257"/>
      <c r="GE82" s="257"/>
      <c r="GF82" s="257"/>
      <c r="GG82" s="257"/>
      <c r="GH82" s="257"/>
      <c r="GI82" s="257"/>
      <c r="GJ82" s="257"/>
      <c r="GK82" s="257"/>
    </row>
    <row r="83" spans="1:193" s="260" customFormat="1" ht="21.75" customHeight="1">
      <c r="A83" s="491"/>
      <c r="B83" s="228"/>
      <c r="C83" s="461" t="s">
        <v>457</v>
      </c>
      <c r="D83" s="462"/>
      <c r="E83" s="236"/>
      <c r="F83" s="237" t="s">
        <v>344</v>
      </c>
      <c r="G83" s="266"/>
      <c r="H83" s="257"/>
      <c r="I83" s="257"/>
      <c r="J83" s="257"/>
      <c r="K83" s="257"/>
      <c r="L83" s="257"/>
      <c r="M83" s="257"/>
      <c r="N83" s="257"/>
      <c r="O83" s="257"/>
      <c r="P83" s="257"/>
      <c r="Q83" s="257"/>
      <c r="R83" s="257"/>
      <c r="S83" s="257"/>
      <c r="T83" s="257"/>
      <c r="U83" s="257"/>
      <c r="V83" s="257"/>
      <c r="W83" s="257"/>
      <c r="X83" s="257"/>
      <c r="Y83" s="257"/>
      <c r="Z83" s="257"/>
      <c r="AA83" s="257"/>
      <c r="AB83" s="257"/>
      <c r="AC83" s="257"/>
      <c r="AD83" s="257"/>
      <c r="AE83" s="257"/>
      <c r="AF83" s="257"/>
      <c r="AG83" s="257"/>
      <c r="AH83" s="257"/>
      <c r="AI83" s="257"/>
      <c r="AJ83" s="257"/>
      <c r="AK83" s="257"/>
      <c r="AL83" s="257"/>
      <c r="AM83" s="257"/>
      <c r="AN83" s="257"/>
      <c r="AO83" s="257"/>
      <c r="AP83" s="257"/>
      <c r="AQ83" s="257"/>
      <c r="AR83" s="257"/>
      <c r="AS83" s="257"/>
      <c r="AT83" s="257"/>
      <c r="AU83" s="257"/>
      <c r="AV83" s="257"/>
      <c r="AW83" s="257"/>
      <c r="AX83" s="257"/>
      <c r="AY83" s="257"/>
      <c r="AZ83" s="257"/>
      <c r="BA83" s="257"/>
      <c r="BB83" s="257"/>
      <c r="BC83" s="257"/>
      <c r="BD83" s="257"/>
      <c r="BE83" s="257"/>
      <c r="BF83" s="257"/>
      <c r="BG83" s="257"/>
      <c r="BH83" s="257"/>
      <c r="BI83" s="257"/>
      <c r="BJ83" s="257"/>
      <c r="BK83" s="257"/>
      <c r="BL83" s="257"/>
      <c r="BM83" s="257"/>
      <c r="BN83" s="257"/>
      <c r="BO83" s="257"/>
      <c r="BP83" s="257"/>
      <c r="BQ83" s="257"/>
      <c r="BR83" s="257"/>
      <c r="BS83" s="257"/>
      <c r="BT83" s="257"/>
      <c r="BU83" s="257"/>
      <c r="BV83" s="257"/>
      <c r="BW83" s="257"/>
      <c r="BX83" s="257"/>
      <c r="BY83" s="257"/>
      <c r="BZ83" s="257"/>
      <c r="CA83" s="257"/>
      <c r="CB83" s="257"/>
      <c r="CC83" s="257"/>
      <c r="CD83" s="257"/>
      <c r="CE83" s="257"/>
      <c r="CF83" s="257"/>
      <c r="CG83" s="257"/>
      <c r="CH83" s="257"/>
      <c r="CI83" s="257"/>
      <c r="CJ83" s="257"/>
      <c r="CK83" s="257"/>
      <c r="CL83" s="257"/>
      <c r="CM83" s="257"/>
      <c r="CN83" s="257"/>
      <c r="CO83" s="257"/>
      <c r="CP83" s="257"/>
      <c r="CQ83" s="257"/>
      <c r="CR83" s="257"/>
      <c r="CS83" s="257"/>
      <c r="CT83" s="257"/>
      <c r="CU83" s="257"/>
      <c r="CV83" s="257"/>
      <c r="CW83" s="257"/>
      <c r="CX83" s="257"/>
      <c r="CY83" s="257"/>
      <c r="CZ83" s="257"/>
      <c r="DA83" s="257"/>
      <c r="DB83" s="257"/>
      <c r="DC83" s="257"/>
      <c r="DD83" s="257"/>
      <c r="DE83" s="257"/>
      <c r="DF83" s="257"/>
      <c r="DG83" s="257"/>
      <c r="DH83" s="257"/>
      <c r="DI83" s="257"/>
      <c r="DJ83" s="257"/>
      <c r="DK83" s="257"/>
      <c r="DL83" s="257"/>
      <c r="DM83" s="257"/>
      <c r="DN83" s="257"/>
      <c r="DO83" s="257"/>
      <c r="DP83" s="257"/>
      <c r="DQ83" s="257"/>
      <c r="DR83" s="257"/>
      <c r="DS83" s="257"/>
      <c r="DT83" s="257"/>
      <c r="DU83" s="257"/>
      <c r="DV83" s="257"/>
      <c r="DW83" s="257"/>
      <c r="DX83" s="257"/>
      <c r="DY83" s="257"/>
      <c r="DZ83" s="257"/>
      <c r="EA83" s="257"/>
      <c r="EB83" s="257"/>
      <c r="EC83" s="257"/>
      <c r="ED83" s="257"/>
      <c r="EE83" s="257"/>
      <c r="EF83" s="257"/>
      <c r="EG83" s="257"/>
      <c r="EH83" s="257"/>
      <c r="EI83" s="257"/>
      <c r="EJ83" s="257"/>
      <c r="EK83" s="257"/>
      <c r="EL83" s="257"/>
      <c r="EM83" s="257"/>
      <c r="EN83" s="257"/>
      <c r="EO83" s="257"/>
      <c r="EP83" s="257"/>
      <c r="EQ83" s="257"/>
      <c r="ER83" s="257"/>
      <c r="ES83" s="257"/>
      <c r="ET83" s="257"/>
      <c r="EU83" s="257"/>
      <c r="EV83" s="257"/>
      <c r="EW83" s="257"/>
      <c r="EX83" s="257"/>
      <c r="EY83" s="257"/>
      <c r="EZ83" s="257"/>
      <c r="FA83" s="257"/>
      <c r="FB83" s="257"/>
      <c r="FC83" s="257"/>
      <c r="FD83" s="257"/>
      <c r="FE83" s="257"/>
      <c r="FF83" s="257"/>
      <c r="FG83" s="257"/>
      <c r="FH83" s="257"/>
      <c r="FI83" s="257"/>
      <c r="FJ83" s="257"/>
      <c r="FK83" s="257"/>
      <c r="FL83" s="257"/>
      <c r="FM83" s="257"/>
      <c r="FN83" s="257"/>
      <c r="FO83" s="257"/>
      <c r="FP83" s="257"/>
      <c r="FQ83" s="257"/>
      <c r="FR83" s="257"/>
      <c r="FS83" s="257"/>
      <c r="FT83" s="257"/>
      <c r="FU83" s="257"/>
      <c r="FV83" s="257"/>
      <c r="FW83" s="257"/>
      <c r="FX83" s="257"/>
      <c r="FY83" s="257"/>
      <c r="FZ83" s="257"/>
      <c r="GA83" s="257"/>
      <c r="GB83" s="257"/>
      <c r="GC83" s="257"/>
      <c r="GD83" s="257"/>
      <c r="GE83" s="257"/>
      <c r="GF83" s="257"/>
      <c r="GG83" s="257"/>
      <c r="GH83" s="257"/>
      <c r="GI83" s="257"/>
      <c r="GJ83" s="257"/>
      <c r="GK83" s="257"/>
    </row>
    <row r="84" spans="1:193" s="242" customFormat="1" ht="21.75" customHeight="1">
      <c r="A84" s="492" t="s">
        <v>462</v>
      </c>
      <c r="B84" s="222" t="s">
        <v>363</v>
      </c>
      <c r="C84" s="457" t="s">
        <v>463</v>
      </c>
      <c r="D84" s="458"/>
      <c r="E84" s="232"/>
      <c r="F84" s="233" t="s">
        <v>397</v>
      </c>
      <c r="G84" s="234"/>
      <c r="H84" s="226"/>
      <c r="I84" s="226"/>
      <c r="J84" s="226"/>
      <c r="K84" s="226"/>
      <c r="L84" s="226"/>
      <c r="M84" s="226"/>
      <c r="N84" s="226"/>
      <c r="O84" s="226"/>
      <c r="P84" s="226"/>
      <c r="Q84" s="226"/>
      <c r="R84" s="226"/>
      <c r="S84" s="226"/>
      <c r="T84" s="226"/>
      <c r="U84" s="226"/>
      <c r="V84" s="226"/>
      <c r="W84" s="226"/>
      <c r="X84" s="226"/>
      <c r="Y84" s="226"/>
      <c r="Z84" s="226"/>
      <c r="AA84" s="226"/>
      <c r="AB84" s="226"/>
      <c r="AC84" s="226"/>
      <c r="AD84" s="226"/>
      <c r="AE84" s="226"/>
      <c r="AF84" s="226"/>
      <c r="AG84" s="226"/>
      <c r="AH84" s="226"/>
      <c r="AI84" s="226"/>
      <c r="AJ84" s="226"/>
      <c r="AK84" s="226"/>
      <c r="AL84" s="226"/>
      <c r="AM84" s="226"/>
      <c r="AN84" s="226"/>
      <c r="AO84" s="226"/>
      <c r="AP84" s="226"/>
      <c r="AQ84" s="226"/>
      <c r="AR84" s="226"/>
      <c r="AS84" s="226"/>
      <c r="AT84" s="226"/>
      <c r="AU84" s="226"/>
      <c r="AV84" s="226"/>
      <c r="AW84" s="226"/>
      <c r="AX84" s="226"/>
      <c r="AY84" s="226"/>
      <c r="AZ84" s="226"/>
      <c r="BA84" s="226"/>
      <c r="BB84" s="226"/>
      <c r="BC84" s="226"/>
      <c r="BD84" s="226"/>
      <c r="BE84" s="226"/>
      <c r="BF84" s="226"/>
      <c r="BG84" s="226"/>
      <c r="BH84" s="226"/>
      <c r="BI84" s="226"/>
      <c r="BJ84" s="226"/>
      <c r="BK84" s="226"/>
      <c r="BL84" s="226"/>
      <c r="BM84" s="226"/>
      <c r="BN84" s="226"/>
      <c r="BO84" s="226"/>
      <c r="BP84" s="226"/>
      <c r="BQ84" s="226"/>
      <c r="BR84" s="226"/>
      <c r="BS84" s="226"/>
      <c r="BT84" s="226"/>
      <c r="BU84" s="226"/>
      <c r="BV84" s="226"/>
      <c r="BW84" s="226"/>
      <c r="BX84" s="226"/>
      <c r="BY84" s="226"/>
      <c r="BZ84" s="226"/>
      <c r="CA84" s="226"/>
      <c r="CB84" s="226"/>
      <c r="CC84" s="226"/>
      <c r="CD84" s="226"/>
      <c r="CE84" s="226"/>
      <c r="CF84" s="226"/>
      <c r="CG84" s="226"/>
      <c r="CH84" s="226"/>
      <c r="CI84" s="226"/>
      <c r="CJ84" s="226"/>
      <c r="CK84" s="226"/>
      <c r="CL84" s="226"/>
      <c r="CM84" s="226"/>
      <c r="CN84" s="226"/>
      <c r="CO84" s="226"/>
      <c r="CP84" s="226"/>
      <c r="CQ84" s="226"/>
      <c r="CR84" s="226"/>
      <c r="CS84" s="226"/>
      <c r="CT84" s="226"/>
      <c r="CU84" s="226"/>
      <c r="CV84" s="226"/>
      <c r="CW84" s="226"/>
      <c r="CX84" s="226"/>
      <c r="CY84" s="226"/>
      <c r="CZ84" s="226"/>
      <c r="DA84" s="226"/>
      <c r="DB84" s="226"/>
      <c r="DC84" s="226"/>
      <c r="DD84" s="226"/>
      <c r="DE84" s="226"/>
      <c r="DF84" s="226"/>
      <c r="DG84" s="226"/>
      <c r="DH84" s="226"/>
      <c r="DI84" s="226"/>
      <c r="DJ84" s="226"/>
      <c r="DK84" s="226"/>
      <c r="DL84" s="226"/>
      <c r="DM84" s="226"/>
      <c r="DN84" s="226"/>
      <c r="DO84" s="226"/>
      <c r="DP84" s="226"/>
      <c r="DQ84" s="226"/>
      <c r="DR84" s="226"/>
      <c r="DS84" s="226"/>
      <c r="DT84" s="226"/>
      <c r="DU84" s="226"/>
      <c r="DV84" s="226"/>
      <c r="DW84" s="226"/>
      <c r="DX84" s="226"/>
      <c r="DY84" s="226"/>
      <c r="DZ84" s="226"/>
      <c r="EA84" s="226"/>
      <c r="EB84" s="226"/>
      <c r="EC84" s="226"/>
      <c r="ED84" s="226"/>
      <c r="EE84" s="226"/>
      <c r="EF84" s="226"/>
      <c r="EG84" s="226"/>
      <c r="EH84" s="226"/>
      <c r="EI84" s="226"/>
      <c r="EJ84" s="226"/>
      <c r="EK84" s="226"/>
      <c r="EL84" s="226"/>
      <c r="EM84" s="226"/>
      <c r="EN84" s="226"/>
      <c r="EO84" s="226"/>
      <c r="EP84" s="226"/>
      <c r="EQ84" s="226"/>
      <c r="ER84" s="226"/>
      <c r="ES84" s="226"/>
      <c r="ET84" s="226"/>
      <c r="EU84" s="226"/>
      <c r="EV84" s="226"/>
      <c r="EW84" s="226"/>
      <c r="EX84" s="226"/>
      <c r="EY84" s="226"/>
      <c r="EZ84" s="226"/>
      <c r="FA84" s="226"/>
      <c r="FB84" s="226"/>
      <c r="FC84" s="226"/>
      <c r="FD84" s="226"/>
      <c r="FE84" s="226"/>
      <c r="FF84" s="226"/>
      <c r="FG84" s="226"/>
      <c r="FH84" s="226"/>
      <c r="FI84" s="226"/>
      <c r="FJ84" s="226"/>
      <c r="FK84" s="226"/>
      <c r="FL84" s="226"/>
      <c r="FM84" s="226"/>
      <c r="FN84" s="226"/>
      <c r="FO84" s="226"/>
      <c r="FP84" s="226"/>
      <c r="FQ84" s="226"/>
      <c r="FR84" s="226"/>
      <c r="FS84" s="226"/>
      <c r="FT84" s="226"/>
      <c r="FU84" s="226"/>
      <c r="FV84" s="226"/>
      <c r="FW84" s="226"/>
      <c r="FX84" s="226"/>
      <c r="FY84" s="226"/>
      <c r="FZ84" s="226"/>
      <c r="GA84" s="226"/>
      <c r="GB84" s="226"/>
      <c r="GC84" s="226"/>
      <c r="GD84" s="226"/>
      <c r="GE84" s="226"/>
      <c r="GF84" s="226"/>
      <c r="GG84" s="226"/>
      <c r="GH84" s="226"/>
      <c r="GI84" s="226"/>
      <c r="GJ84" s="226"/>
      <c r="GK84" s="226"/>
    </row>
    <row r="85" spans="1:193" s="227" customFormat="1" ht="50.25" customHeight="1">
      <c r="A85" s="493"/>
      <c r="B85" s="235"/>
      <c r="C85" s="461" t="s">
        <v>464</v>
      </c>
      <c r="D85" s="462"/>
      <c r="E85" s="239"/>
      <c r="F85" s="240" t="s">
        <v>397</v>
      </c>
      <c r="G85" s="241" t="s">
        <v>465</v>
      </c>
      <c r="H85" s="226"/>
      <c r="I85" s="226"/>
      <c r="J85" s="226"/>
      <c r="K85" s="226"/>
      <c r="L85" s="226"/>
      <c r="M85" s="226"/>
      <c r="N85" s="226"/>
      <c r="O85" s="226"/>
      <c r="P85" s="226"/>
      <c r="Q85" s="226"/>
      <c r="R85" s="226"/>
      <c r="S85" s="226"/>
      <c r="T85" s="226"/>
      <c r="U85" s="226"/>
      <c r="V85" s="226"/>
      <c r="W85" s="226"/>
      <c r="X85" s="226"/>
      <c r="Y85" s="226"/>
      <c r="Z85" s="226"/>
      <c r="AA85" s="226"/>
      <c r="AB85" s="226"/>
      <c r="AC85" s="226"/>
      <c r="AD85" s="226"/>
      <c r="AE85" s="226"/>
      <c r="AF85" s="226"/>
      <c r="AG85" s="226"/>
      <c r="AH85" s="226"/>
      <c r="AI85" s="226"/>
      <c r="AJ85" s="226"/>
      <c r="AK85" s="226"/>
      <c r="AL85" s="226"/>
      <c r="AM85" s="226"/>
      <c r="AN85" s="226"/>
      <c r="AO85" s="226"/>
      <c r="AP85" s="226"/>
      <c r="AQ85" s="226"/>
      <c r="AR85" s="226"/>
      <c r="AS85" s="226"/>
      <c r="AT85" s="226"/>
      <c r="AU85" s="226"/>
      <c r="AV85" s="226"/>
      <c r="AW85" s="226"/>
      <c r="AX85" s="226"/>
      <c r="AY85" s="226"/>
      <c r="AZ85" s="226"/>
      <c r="BA85" s="226"/>
      <c r="BB85" s="226"/>
      <c r="BC85" s="226"/>
      <c r="BD85" s="226"/>
      <c r="BE85" s="226"/>
      <c r="BF85" s="226"/>
      <c r="BG85" s="226"/>
      <c r="BH85" s="226"/>
      <c r="BI85" s="226"/>
      <c r="BJ85" s="226"/>
      <c r="BK85" s="226"/>
      <c r="BL85" s="226"/>
      <c r="BM85" s="226"/>
      <c r="BN85" s="226"/>
      <c r="BO85" s="226"/>
      <c r="BP85" s="226"/>
      <c r="BQ85" s="226"/>
      <c r="BR85" s="226"/>
      <c r="BS85" s="226"/>
      <c r="BT85" s="226"/>
      <c r="BU85" s="226"/>
      <c r="BV85" s="226"/>
      <c r="BW85" s="226"/>
      <c r="BX85" s="226"/>
      <c r="BY85" s="226"/>
      <c r="BZ85" s="226"/>
      <c r="CA85" s="226"/>
      <c r="CB85" s="226"/>
      <c r="CC85" s="226"/>
      <c r="CD85" s="226"/>
      <c r="CE85" s="226"/>
      <c r="CF85" s="226"/>
      <c r="CG85" s="226"/>
      <c r="CH85" s="226"/>
      <c r="CI85" s="226"/>
      <c r="CJ85" s="226"/>
      <c r="CK85" s="226"/>
      <c r="CL85" s="226"/>
      <c r="CM85" s="226"/>
      <c r="CN85" s="226"/>
      <c r="CO85" s="226"/>
      <c r="CP85" s="226"/>
      <c r="CQ85" s="226"/>
      <c r="CR85" s="226"/>
      <c r="CS85" s="226"/>
      <c r="CT85" s="226"/>
      <c r="CU85" s="226"/>
      <c r="CV85" s="226"/>
      <c r="CW85" s="226"/>
      <c r="CX85" s="226"/>
      <c r="CY85" s="226"/>
      <c r="CZ85" s="226"/>
      <c r="DA85" s="226"/>
      <c r="DB85" s="226"/>
      <c r="DC85" s="226"/>
      <c r="DD85" s="226"/>
      <c r="DE85" s="226"/>
      <c r="DF85" s="226"/>
      <c r="DG85" s="226"/>
      <c r="DH85" s="226"/>
      <c r="DI85" s="226"/>
      <c r="DJ85" s="226"/>
      <c r="DK85" s="226"/>
      <c r="DL85" s="226"/>
      <c r="DM85" s="226"/>
      <c r="DN85" s="226"/>
      <c r="DO85" s="226"/>
      <c r="DP85" s="226"/>
      <c r="DQ85" s="226"/>
      <c r="DR85" s="226"/>
      <c r="DS85" s="226"/>
      <c r="DT85" s="226"/>
      <c r="DU85" s="226"/>
      <c r="DV85" s="226"/>
      <c r="DW85" s="226"/>
      <c r="DX85" s="226"/>
      <c r="DY85" s="226"/>
      <c r="DZ85" s="226"/>
      <c r="EA85" s="226"/>
      <c r="EB85" s="226"/>
      <c r="EC85" s="226"/>
      <c r="ED85" s="226"/>
      <c r="EE85" s="226"/>
      <c r="EF85" s="226"/>
      <c r="EG85" s="226"/>
      <c r="EH85" s="226"/>
      <c r="EI85" s="226"/>
      <c r="EJ85" s="226"/>
      <c r="EK85" s="226"/>
      <c r="EL85" s="226"/>
      <c r="EM85" s="226"/>
      <c r="EN85" s="226"/>
      <c r="EO85" s="226"/>
      <c r="EP85" s="226"/>
      <c r="EQ85" s="226"/>
      <c r="ER85" s="226"/>
      <c r="ES85" s="226"/>
      <c r="ET85" s="226"/>
      <c r="EU85" s="226"/>
      <c r="EV85" s="226"/>
      <c r="EW85" s="226"/>
      <c r="EX85" s="226"/>
      <c r="EY85" s="226"/>
      <c r="EZ85" s="226"/>
      <c r="FA85" s="226"/>
      <c r="FB85" s="226"/>
      <c r="FC85" s="226"/>
      <c r="FD85" s="226"/>
      <c r="FE85" s="226"/>
      <c r="FF85" s="226"/>
      <c r="FG85" s="226"/>
      <c r="FH85" s="226"/>
      <c r="FI85" s="226"/>
      <c r="FJ85" s="226"/>
      <c r="FK85" s="226"/>
      <c r="FL85" s="226"/>
      <c r="FM85" s="226"/>
      <c r="FN85" s="226"/>
      <c r="FO85" s="226"/>
      <c r="FP85" s="226"/>
      <c r="FQ85" s="226"/>
      <c r="FR85" s="226"/>
      <c r="FS85" s="226"/>
      <c r="FT85" s="226"/>
      <c r="FU85" s="226"/>
      <c r="FV85" s="226"/>
      <c r="FW85" s="226"/>
      <c r="FX85" s="226"/>
      <c r="FY85" s="226"/>
      <c r="FZ85" s="226"/>
      <c r="GA85" s="226"/>
      <c r="GB85" s="226"/>
      <c r="GC85" s="226"/>
      <c r="GD85" s="226"/>
      <c r="GE85" s="226"/>
      <c r="GF85" s="226"/>
      <c r="GG85" s="226"/>
      <c r="GH85" s="226"/>
      <c r="GI85" s="226"/>
      <c r="GJ85" s="226"/>
      <c r="GK85" s="226"/>
    </row>
    <row r="86" spans="1:193" s="227" customFormat="1" ht="50.25" customHeight="1">
      <c r="A86" s="492" t="s">
        <v>466</v>
      </c>
      <c r="B86" s="222" t="s">
        <v>363</v>
      </c>
      <c r="C86" s="457" t="s">
        <v>467</v>
      </c>
      <c r="D86" s="458"/>
      <c r="E86" s="232"/>
      <c r="F86" s="233" t="s">
        <v>468</v>
      </c>
      <c r="G86" s="267"/>
      <c r="H86" s="226"/>
      <c r="I86" s="226"/>
      <c r="J86" s="226"/>
      <c r="K86" s="226"/>
      <c r="L86" s="226"/>
      <c r="M86" s="226"/>
      <c r="N86" s="226"/>
      <c r="O86" s="226"/>
      <c r="P86" s="226"/>
      <c r="Q86" s="226"/>
      <c r="R86" s="226"/>
      <c r="S86" s="226"/>
      <c r="T86" s="226"/>
      <c r="U86" s="226"/>
      <c r="V86" s="226"/>
      <c r="W86" s="226"/>
      <c r="X86" s="226"/>
      <c r="Y86" s="226"/>
      <c r="Z86" s="226"/>
      <c r="AA86" s="226"/>
      <c r="AB86" s="226"/>
      <c r="AC86" s="226"/>
      <c r="AD86" s="226"/>
      <c r="AE86" s="226"/>
      <c r="AF86" s="226"/>
      <c r="AG86" s="226"/>
      <c r="AH86" s="226"/>
      <c r="AI86" s="226"/>
      <c r="AJ86" s="226"/>
      <c r="AK86" s="226"/>
      <c r="AL86" s="226"/>
      <c r="AM86" s="226"/>
      <c r="AN86" s="226"/>
      <c r="AO86" s="226"/>
      <c r="AP86" s="226"/>
      <c r="AQ86" s="226"/>
      <c r="AR86" s="226"/>
      <c r="AS86" s="226"/>
      <c r="AT86" s="226"/>
      <c r="AU86" s="226"/>
      <c r="AV86" s="226"/>
      <c r="AW86" s="226"/>
      <c r="AX86" s="226"/>
      <c r="AY86" s="226"/>
      <c r="AZ86" s="226"/>
      <c r="BA86" s="226"/>
      <c r="BB86" s="226"/>
      <c r="BC86" s="226"/>
      <c r="BD86" s="226"/>
      <c r="BE86" s="226"/>
      <c r="BF86" s="226"/>
      <c r="BG86" s="226"/>
      <c r="BH86" s="226"/>
      <c r="BI86" s="226"/>
      <c r="BJ86" s="226"/>
      <c r="BK86" s="226"/>
      <c r="BL86" s="226"/>
      <c r="BM86" s="226"/>
      <c r="BN86" s="226"/>
      <c r="BO86" s="226"/>
      <c r="BP86" s="226"/>
      <c r="BQ86" s="226"/>
      <c r="BR86" s="226"/>
      <c r="BS86" s="226"/>
      <c r="BT86" s="226"/>
      <c r="BU86" s="226"/>
      <c r="BV86" s="226"/>
      <c r="BW86" s="226"/>
      <c r="BX86" s="226"/>
      <c r="BY86" s="226"/>
      <c r="BZ86" s="226"/>
      <c r="CA86" s="226"/>
      <c r="CB86" s="226"/>
      <c r="CC86" s="226"/>
      <c r="CD86" s="226"/>
      <c r="CE86" s="226"/>
      <c r="CF86" s="226"/>
      <c r="CG86" s="226"/>
      <c r="CH86" s="226"/>
      <c r="CI86" s="226"/>
      <c r="CJ86" s="226"/>
      <c r="CK86" s="226"/>
      <c r="CL86" s="226"/>
      <c r="CM86" s="226"/>
      <c r="CN86" s="226"/>
      <c r="CO86" s="226"/>
      <c r="CP86" s="226"/>
      <c r="CQ86" s="226"/>
      <c r="CR86" s="226"/>
      <c r="CS86" s="226"/>
      <c r="CT86" s="226"/>
      <c r="CU86" s="226"/>
      <c r="CV86" s="226"/>
      <c r="CW86" s="226"/>
      <c r="CX86" s="226"/>
      <c r="CY86" s="226"/>
      <c r="CZ86" s="226"/>
      <c r="DA86" s="226"/>
      <c r="DB86" s="226"/>
      <c r="DC86" s="226"/>
      <c r="DD86" s="226"/>
      <c r="DE86" s="226"/>
      <c r="DF86" s="226"/>
      <c r="DG86" s="226"/>
      <c r="DH86" s="226"/>
      <c r="DI86" s="226"/>
      <c r="DJ86" s="226"/>
      <c r="DK86" s="226"/>
      <c r="DL86" s="226"/>
      <c r="DM86" s="226"/>
      <c r="DN86" s="226"/>
      <c r="DO86" s="226"/>
      <c r="DP86" s="226"/>
      <c r="DQ86" s="226"/>
      <c r="DR86" s="226"/>
      <c r="DS86" s="226"/>
      <c r="DT86" s="226"/>
      <c r="DU86" s="226"/>
      <c r="DV86" s="226"/>
      <c r="DW86" s="226"/>
      <c r="DX86" s="226"/>
      <c r="DY86" s="226"/>
      <c r="DZ86" s="226"/>
      <c r="EA86" s="226"/>
      <c r="EB86" s="226"/>
      <c r="EC86" s="226"/>
      <c r="ED86" s="226"/>
      <c r="EE86" s="226"/>
      <c r="EF86" s="226"/>
      <c r="EG86" s="226"/>
      <c r="EH86" s="226"/>
      <c r="EI86" s="226"/>
      <c r="EJ86" s="226"/>
      <c r="EK86" s="226"/>
      <c r="EL86" s="226"/>
      <c r="EM86" s="226"/>
      <c r="EN86" s="226"/>
      <c r="EO86" s="226"/>
      <c r="EP86" s="226"/>
      <c r="EQ86" s="226"/>
      <c r="ER86" s="226"/>
      <c r="ES86" s="226"/>
      <c r="ET86" s="226"/>
      <c r="EU86" s="226"/>
      <c r="EV86" s="226"/>
      <c r="EW86" s="226"/>
      <c r="EX86" s="226"/>
      <c r="EY86" s="226"/>
      <c r="EZ86" s="226"/>
      <c r="FA86" s="226"/>
      <c r="FB86" s="226"/>
      <c r="FC86" s="226"/>
      <c r="FD86" s="226"/>
      <c r="FE86" s="226"/>
      <c r="FF86" s="226"/>
      <c r="FG86" s="226"/>
      <c r="FH86" s="226"/>
      <c r="FI86" s="226"/>
      <c r="FJ86" s="226"/>
      <c r="FK86" s="226"/>
      <c r="FL86" s="226"/>
      <c r="FM86" s="226"/>
      <c r="FN86" s="226"/>
      <c r="FO86" s="226"/>
      <c r="FP86" s="226"/>
      <c r="FQ86" s="226"/>
      <c r="FR86" s="226"/>
      <c r="FS86" s="226"/>
      <c r="FT86" s="226"/>
      <c r="FU86" s="226"/>
      <c r="FV86" s="226"/>
      <c r="FW86" s="226"/>
      <c r="FX86" s="226"/>
      <c r="FY86" s="226"/>
      <c r="FZ86" s="226"/>
      <c r="GA86" s="226"/>
      <c r="GB86" s="226"/>
      <c r="GC86" s="226"/>
      <c r="GD86" s="226"/>
      <c r="GE86" s="226"/>
      <c r="GF86" s="226"/>
      <c r="GG86" s="226"/>
      <c r="GH86" s="226"/>
      <c r="GI86" s="226"/>
      <c r="GJ86" s="226"/>
      <c r="GK86" s="226"/>
    </row>
    <row r="87" spans="1:193" s="227" customFormat="1" ht="36" customHeight="1">
      <c r="A87" s="493"/>
      <c r="B87" s="235"/>
      <c r="C87" s="459" t="s">
        <v>469</v>
      </c>
      <c r="D87" s="460"/>
      <c r="E87" s="223"/>
      <c r="F87" s="224" t="s">
        <v>470</v>
      </c>
      <c r="G87" s="259"/>
      <c r="H87" s="226"/>
      <c r="I87" s="226"/>
      <c r="J87" s="226"/>
      <c r="K87" s="226"/>
      <c r="L87" s="226"/>
      <c r="M87" s="226"/>
      <c r="N87" s="226"/>
      <c r="O87" s="226"/>
      <c r="P87" s="226"/>
      <c r="Q87" s="226"/>
      <c r="R87" s="226"/>
      <c r="S87" s="226"/>
      <c r="T87" s="226"/>
      <c r="U87" s="226"/>
      <c r="V87" s="226"/>
      <c r="W87" s="226"/>
      <c r="X87" s="226"/>
      <c r="Y87" s="226"/>
      <c r="Z87" s="226"/>
      <c r="AA87" s="226"/>
      <c r="AB87" s="226"/>
      <c r="AC87" s="226"/>
      <c r="AD87" s="226"/>
      <c r="AE87" s="226"/>
      <c r="AF87" s="226"/>
      <c r="AG87" s="226"/>
      <c r="AH87" s="226"/>
      <c r="AI87" s="226"/>
      <c r="AJ87" s="226"/>
      <c r="AK87" s="226"/>
      <c r="AL87" s="226"/>
      <c r="AM87" s="226"/>
      <c r="AN87" s="226"/>
      <c r="AO87" s="226"/>
      <c r="AP87" s="226"/>
      <c r="AQ87" s="226"/>
      <c r="AR87" s="226"/>
      <c r="AS87" s="226"/>
      <c r="AT87" s="226"/>
      <c r="AU87" s="226"/>
      <c r="AV87" s="226"/>
      <c r="AW87" s="226"/>
      <c r="AX87" s="226"/>
      <c r="AY87" s="226"/>
      <c r="AZ87" s="226"/>
      <c r="BA87" s="226"/>
      <c r="BB87" s="226"/>
      <c r="BC87" s="226"/>
      <c r="BD87" s="226"/>
      <c r="BE87" s="226"/>
      <c r="BF87" s="226"/>
      <c r="BG87" s="226"/>
      <c r="BH87" s="226"/>
      <c r="BI87" s="226"/>
      <c r="BJ87" s="226"/>
      <c r="BK87" s="226"/>
      <c r="BL87" s="226"/>
      <c r="BM87" s="226"/>
      <c r="BN87" s="226"/>
      <c r="BO87" s="226"/>
      <c r="BP87" s="226"/>
      <c r="BQ87" s="226"/>
      <c r="BR87" s="226"/>
      <c r="BS87" s="226"/>
      <c r="BT87" s="226"/>
      <c r="BU87" s="226"/>
      <c r="BV87" s="226"/>
      <c r="BW87" s="226"/>
      <c r="BX87" s="226"/>
      <c r="BY87" s="226"/>
      <c r="BZ87" s="226"/>
      <c r="CA87" s="226"/>
      <c r="CB87" s="226"/>
      <c r="CC87" s="226"/>
      <c r="CD87" s="226"/>
      <c r="CE87" s="226"/>
      <c r="CF87" s="226"/>
      <c r="CG87" s="226"/>
      <c r="CH87" s="226"/>
      <c r="CI87" s="226"/>
      <c r="CJ87" s="226"/>
      <c r="CK87" s="226"/>
      <c r="CL87" s="226"/>
      <c r="CM87" s="226"/>
      <c r="CN87" s="226"/>
      <c r="CO87" s="226"/>
      <c r="CP87" s="226"/>
      <c r="CQ87" s="226"/>
      <c r="CR87" s="226"/>
      <c r="CS87" s="226"/>
      <c r="CT87" s="226"/>
      <c r="CU87" s="226"/>
      <c r="CV87" s="226"/>
      <c r="CW87" s="226"/>
      <c r="CX87" s="226"/>
      <c r="CY87" s="226"/>
      <c r="CZ87" s="226"/>
      <c r="DA87" s="226"/>
      <c r="DB87" s="226"/>
      <c r="DC87" s="226"/>
      <c r="DD87" s="226"/>
      <c r="DE87" s="226"/>
      <c r="DF87" s="226"/>
      <c r="DG87" s="226"/>
      <c r="DH87" s="226"/>
      <c r="DI87" s="226"/>
      <c r="DJ87" s="226"/>
      <c r="DK87" s="226"/>
      <c r="DL87" s="226"/>
      <c r="DM87" s="226"/>
      <c r="DN87" s="226"/>
      <c r="DO87" s="226"/>
      <c r="DP87" s="226"/>
      <c r="DQ87" s="226"/>
      <c r="DR87" s="226"/>
      <c r="DS87" s="226"/>
      <c r="DT87" s="226"/>
      <c r="DU87" s="226"/>
      <c r="DV87" s="226"/>
      <c r="DW87" s="226"/>
      <c r="DX87" s="226"/>
      <c r="DY87" s="226"/>
      <c r="DZ87" s="226"/>
      <c r="EA87" s="226"/>
      <c r="EB87" s="226"/>
      <c r="EC87" s="226"/>
      <c r="ED87" s="226"/>
      <c r="EE87" s="226"/>
      <c r="EF87" s="226"/>
      <c r="EG87" s="226"/>
      <c r="EH87" s="226"/>
      <c r="EI87" s="226"/>
      <c r="EJ87" s="226"/>
      <c r="EK87" s="226"/>
      <c r="EL87" s="226"/>
      <c r="EM87" s="226"/>
      <c r="EN87" s="226"/>
      <c r="EO87" s="226"/>
      <c r="EP87" s="226"/>
      <c r="EQ87" s="226"/>
      <c r="ER87" s="226"/>
      <c r="ES87" s="226"/>
      <c r="ET87" s="226"/>
      <c r="EU87" s="226"/>
      <c r="EV87" s="226"/>
      <c r="EW87" s="226"/>
      <c r="EX87" s="226"/>
      <c r="EY87" s="226"/>
      <c r="EZ87" s="226"/>
      <c r="FA87" s="226"/>
      <c r="FB87" s="226"/>
      <c r="FC87" s="226"/>
      <c r="FD87" s="226"/>
      <c r="FE87" s="226"/>
      <c r="FF87" s="226"/>
      <c r="FG87" s="226"/>
      <c r="FH87" s="226"/>
      <c r="FI87" s="226"/>
      <c r="FJ87" s="226"/>
      <c r="FK87" s="226"/>
      <c r="FL87" s="226"/>
      <c r="FM87" s="226"/>
      <c r="FN87" s="226"/>
      <c r="FO87" s="226"/>
      <c r="FP87" s="226"/>
      <c r="FQ87" s="226"/>
      <c r="FR87" s="226"/>
      <c r="FS87" s="226"/>
      <c r="FT87" s="226"/>
      <c r="FU87" s="226"/>
      <c r="FV87" s="226"/>
      <c r="FW87" s="226"/>
      <c r="FX87" s="226"/>
      <c r="FY87" s="226"/>
      <c r="FZ87" s="226"/>
      <c r="GA87" s="226"/>
      <c r="GB87" s="226"/>
      <c r="GC87" s="226"/>
      <c r="GD87" s="226"/>
      <c r="GE87" s="226"/>
      <c r="GF87" s="226"/>
      <c r="GG87" s="226"/>
      <c r="GH87" s="226"/>
      <c r="GI87" s="226"/>
      <c r="GJ87" s="226"/>
      <c r="GK87" s="226"/>
    </row>
    <row r="88" spans="1:193" s="227" customFormat="1" ht="49.5" customHeight="1">
      <c r="A88" s="493"/>
      <c r="B88" s="235"/>
      <c r="C88" s="459" t="s">
        <v>471</v>
      </c>
      <c r="D88" s="460"/>
      <c r="E88" s="223"/>
      <c r="F88" s="224" t="s">
        <v>472</v>
      </c>
      <c r="G88" s="259"/>
      <c r="H88" s="226"/>
      <c r="I88" s="226"/>
      <c r="J88" s="226"/>
      <c r="K88" s="226"/>
      <c r="L88" s="226"/>
      <c r="M88" s="226"/>
      <c r="N88" s="226"/>
      <c r="O88" s="226"/>
      <c r="P88" s="226"/>
      <c r="Q88" s="226"/>
      <c r="R88" s="226"/>
      <c r="S88" s="226"/>
      <c r="T88" s="226"/>
      <c r="U88" s="226"/>
      <c r="V88" s="226"/>
      <c r="W88" s="226"/>
      <c r="X88" s="226"/>
      <c r="Y88" s="226"/>
      <c r="Z88" s="226"/>
      <c r="AA88" s="226"/>
      <c r="AB88" s="226"/>
      <c r="AC88" s="226"/>
      <c r="AD88" s="226"/>
      <c r="AE88" s="226"/>
      <c r="AF88" s="226"/>
      <c r="AG88" s="226"/>
      <c r="AH88" s="226"/>
      <c r="AI88" s="226"/>
      <c r="AJ88" s="226"/>
      <c r="AK88" s="226"/>
      <c r="AL88" s="226"/>
      <c r="AM88" s="226"/>
      <c r="AN88" s="226"/>
      <c r="AO88" s="226"/>
      <c r="AP88" s="226"/>
      <c r="AQ88" s="226"/>
      <c r="AR88" s="226"/>
      <c r="AS88" s="226"/>
      <c r="AT88" s="226"/>
      <c r="AU88" s="226"/>
      <c r="AV88" s="226"/>
      <c r="AW88" s="226"/>
      <c r="AX88" s="226"/>
      <c r="AY88" s="226"/>
      <c r="AZ88" s="226"/>
      <c r="BA88" s="226"/>
      <c r="BB88" s="226"/>
      <c r="BC88" s="226"/>
      <c r="BD88" s="226"/>
      <c r="BE88" s="226"/>
      <c r="BF88" s="226"/>
      <c r="BG88" s="226"/>
      <c r="BH88" s="226"/>
      <c r="BI88" s="226"/>
      <c r="BJ88" s="226"/>
      <c r="BK88" s="226"/>
      <c r="BL88" s="226"/>
      <c r="BM88" s="226"/>
      <c r="BN88" s="226"/>
      <c r="BO88" s="226"/>
      <c r="BP88" s="226"/>
      <c r="BQ88" s="226"/>
      <c r="BR88" s="226"/>
      <c r="BS88" s="226"/>
      <c r="BT88" s="226"/>
      <c r="BU88" s="226"/>
      <c r="BV88" s="226"/>
      <c r="BW88" s="226"/>
      <c r="BX88" s="226"/>
      <c r="BY88" s="226"/>
      <c r="BZ88" s="226"/>
      <c r="CA88" s="226"/>
      <c r="CB88" s="226"/>
      <c r="CC88" s="226"/>
      <c r="CD88" s="226"/>
      <c r="CE88" s="226"/>
      <c r="CF88" s="226"/>
      <c r="CG88" s="226"/>
      <c r="CH88" s="226"/>
      <c r="CI88" s="226"/>
      <c r="CJ88" s="226"/>
      <c r="CK88" s="226"/>
      <c r="CL88" s="226"/>
      <c r="CM88" s="226"/>
      <c r="CN88" s="226"/>
      <c r="CO88" s="226"/>
      <c r="CP88" s="226"/>
      <c r="CQ88" s="226"/>
      <c r="CR88" s="226"/>
      <c r="CS88" s="226"/>
      <c r="CT88" s="226"/>
      <c r="CU88" s="226"/>
      <c r="CV88" s="226"/>
      <c r="CW88" s="226"/>
      <c r="CX88" s="226"/>
      <c r="CY88" s="226"/>
      <c r="CZ88" s="226"/>
      <c r="DA88" s="226"/>
      <c r="DB88" s="226"/>
      <c r="DC88" s="226"/>
      <c r="DD88" s="226"/>
      <c r="DE88" s="226"/>
      <c r="DF88" s="226"/>
      <c r="DG88" s="226"/>
      <c r="DH88" s="226"/>
      <c r="DI88" s="226"/>
      <c r="DJ88" s="226"/>
      <c r="DK88" s="226"/>
      <c r="DL88" s="226"/>
      <c r="DM88" s="226"/>
      <c r="DN88" s="226"/>
      <c r="DO88" s="226"/>
      <c r="DP88" s="226"/>
      <c r="DQ88" s="226"/>
      <c r="DR88" s="226"/>
      <c r="DS88" s="226"/>
      <c r="DT88" s="226"/>
      <c r="DU88" s="226"/>
      <c r="DV88" s="226"/>
      <c r="DW88" s="226"/>
      <c r="DX88" s="226"/>
      <c r="DY88" s="226"/>
      <c r="DZ88" s="226"/>
      <c r="EA88" s="226"/>
      <c r="EB88" s="226"/>
      <c r="EC88" s="226"/>
      <c r="ED88" s="226"/>
      <c r="EE88" s="226"/>
      <c r="EF88" s="226"/>
      <c r="EG88" s="226"/>
      <c r="EH88" s="226"/>
      <c r="EI88" s="226"/>
      <c r="EJ88" s="226"/>
      <c r="EK88" s="226"/>
      <c r="EL88" s="226"/>
      <c r="EM88" s="226"/>
      <c r="EN88" s="226"/>
      <c r="EO88" s="226"/>
      <c r="EP88" s="226"/>
      <c r="EQ88" s="226"/>
      <c r="ER88" s="226"/>
      <c r="ES88" s="226"/>
      <c r="ET88" s="226"/>
      <c r="EU88" s="226"/>
      <c r="EV88" s="226"/>
      <c r="EW88" s="226"/>
      <c r="EX88" s="226"/>
      <c r="EY88" s="226"/>
      <c r="EZ88" s="226"/>
      <c r="FA88" s="226"/>
      <c r="FB88" s="226"/>
      <c r="FC88" s="226"/>
      <c r="FD88" s="226"/>
      <c r="FE88" s="226"/>
      <c r="FF88" s="226"/>
      <c r="FG88" s="226"/>
      <c r="FH88" s="226"/>
      <c r="FI88" s="226"/>
      <c r="FJ88" s="226"/>
      <c r="FK88" s="226"/>
      <c r="FL88" s="226"/>
      <c r="FM88" s="226"/>
      <c r="FN88" s="226"/>
      <c r="FO88" s="226"/>
      <c r="FP88" s="226"/>
      <c r="FQ88" s="226"/>
      <c r="FR88" s="226"/>
      <c r="FS88" s="226"/>
      <c r="FT88" s="226"/>
      <c r="FU88" s="226"/>
      <c r="FV88" s="226"/>
      <c r="FW88" s="226"/>
      <c r="FX88" s="226"/>
      <c r="FY88" s="226"/>
      <c r="FZ88" s="226"/>
      <c r="GA88" s="226"/>
      <c r="GB88" s="226"/>
      <c r="GC88" s="226"/>
      <c r="GD88" s="226"/>
      <c r="GE88" s="226"/>
      <c r="GF88" s="226"/>
      <c r="GG88" s="226"/>
      <c r="GH88" s="226"/>
      <c r="GI88" s="226"/>
      <c r="GJ88" s="226"/>
      <c r="GK88" s="226"/>
    </row>
    <row r="89" spans="1:193" s="227" customFormat="1" ht="64.5" customHeight="1">
      <c r="A89" s="493"/>
      <c r="B89" s="235"/>
      <c r="C89" s="459" t="s">
        <v>473</v>
      </c>
      <c r="D89" s="460"/>
      <c r="E89" s="223"/>
      <c r="F89" s="224" t="s">
        <v>474</v>
      </c>
      <c r="G89" s="259"/>
      <c r="H89" s="226"/>
      <c r="I89" s="226"/>
      <c r="J89" s="226"/>
      <c r="K89" s="226"/>
      <c r="L89" s="226"/>
      <c r="M89" s="226"/>
      <c r="N89" s="226"/>
      <c r="O89" s="226"/>
      <c r="P89" s="226"/>
      <c r="Q89" s="226"/>
      <c r="R89" s="226"/>
      <c r="S89" s="226"/>
      <c r="T89" s="226"/>
      <c r="U89" s="226"/>
      <c r="V89" s="226"/>
      <c r="W89" s="226"/>
      <c r="X89" s="226"/>
      <c r="Y89" s="226"/>
      <c r="Z89" s="226"/>
      <c r="AA89" s="226"/>
      <c r="AB89" s="226"/>
      <c r="AC89" s="226"/>
      <c r="AD89" s="226"/>
      <c r="AE89" s="226"/>
      <c r="AF89" s="226"/>
      <c r="AG89" s="226"/>
      <c r="AH89" s="226"/>
      <c r="AI89" s="226"/>
      <c r="AJ89" s="226"/>
      <c r="AK89" s="226"/>
      <c r="AL89" s="226"/>
      <c r="AM89" s="226"/>
      <c r="AN89" s="226"/>
      <c r="AO89" s="226"/>
      <c r="AP89" s="226"/>
      <c r="AQ89" s="226"/>
      <c r="AR89" s="226"/>
      <c r="AS89" s="226"/>
      <c r="AT89" s="226"/>
      <c r="AU89" s="226"/>
      <c r="AV89" s="226"/>
      <c r="AW89" s="226"/>
      <c r="AX89" s="226"/>
      <c r="AY89" s="226"/>
      <c r="AZ89" s="226"/>
      <c r="BA89" s="226"/>
      <c r="BB89" s="226"/>
      <c r="BC89" s="226"/>
      <c r="BD89" s="226"/>
      <c r="BE89" s="226"/>
      <c r="BF89" s="226"/>
      <c r="BG89" s="226"/>
      <c r="BH89" s="226"/>
      <c r="BI89" s="226"/>
      <c r="BJ89" s="226"/>
      <c r="BK89" s="226"/>
      <c r="BL89" s="226"/>
      <c r="BM89" s="226"/>
      <c r="BN89" s="226"/>
      <c r="BO89" s="226"/>
      <c r="BP89" s="226"/>
      <c r="BQ89" s="226"/>
      <c r="BR89" s="226"/>
      <c r="BS89" s="226"/>
      <c r="BT89" s="226"/>
      <c r="BU89" s="226"/>
      <c r="BV89" s="226"/>
      <c r="BW89" s="226"/>
      <c r="BX89" s="226"/>
      <c r="BY89" s="226"/>
      <c r="BZ89" s="226"/>
      <c r="CA89" s="226"/>
      <c r="CB89" s="226"/>
      <c r="CC89" s="226"/>
      <c r="CD89" s="226"/>
      <c r="CE89" s="226"/>
      <c r="CF89" s="226"/>
      <c r="CG89" s="226"/>
      <c r="CH89" s="226"/>
      <c r="CI89" s="226"/>
      <c r="CJ89" s="226"/>
      <c r="CK89" s="226"/>
      <c r="CL89" s="226"/>
      <c r="CM89" s="226"/>
      <c r="CN89" s="226"/>
      <c r="CO89" s="226"/>
      <c r="CP89" s="226"/>
      <c r="CQ89" s="226"/>
      <c r="CR89" s="226"/>
      <c r="CS89" s="226"/>
      <c r="CT89" s="226"/>
      <c r="CU89" s="226"/>
      <c r="CV89" s="226"/>
      <c r="CW89" s="226"/>
      <c r="CX89" s="226"/>
      <c r="CY89" s="226"/>
      <c r="CZ89" s="226"/>
      <c r="DA89" s="226"/>
      <c r="DB89" s="226"/>
      <c r="DC89" s="226"/>
      <c r="DD89" s="226"/>
      <c r="DE89" s="226"/>
      <c r="DF89" s="226"/>
      <c r="DG89" s="226"/>
      <c r="DH89" s="226"/>
      <c r="DI89" s="226"/>
      <c r="DJ89" s="226"/>
      <c r="DK89" s="226"/>
      <c r="DL89" s="226"/>
      <c r="DM89" s="226"/>
      <c r="DN89" s="226"/>
      <c r="DO89" s="226"/>
      <c r="DP89" s="226"/>
      <c r="DQ89" s="226"/>
      <c r="DR89" s="226"/>
      <c r="DS89" s="226"/>
      <c r="DT89" s="226"/>
      <c r="DU89" s="226"/>
      <c r="DV89" s="226"/>
      <c r="DW89" s="226"/>
      <c r="DX89" s="226"/>
      <c r="DY89" s="226"/>
      <c r="DZ89" s="226"/>
      <c r="EA89" s="226"/>
      <c r="EB89" s="226"/>
      <c r="EC89" s="226"/>
      <c r="ED89" s="226"/>
      <c r="EE89" s="226"/>
      <c r="EF89" s="226"/>
      <c r="EG89" s="226"/>
      <c r="EH89" s="226"/>
      <c r="EI89" s="226"/>
      <c r="EJ89" s="226"/>
      <c r="EK89" s="226"/>
      <c r="EL89" s="226"/>
      <c r="EM89" s="226"/>
      <c r="EN89" s="226"/>
      <c r="EO89" s="226"/>
      <c r="EP89" s="226"/>
      <c r="EQ89" s="226"/>
      <c r="ER89" s="226"/>
      <c r="ES89" s="226"/>
      <c r="ET89" s="226"/>
      <c r="EU89" s="226"/>
      <c r="EV89" s="226"/>
      <c r="EW89" s="226"/>
      <c r="EX89" s="226"/>
      <c r="EY89" s="226"/>
      <c r="EZ89" s="226"/>
      <c r="FA89" s="226"/>
      <c r="FB89" s="226"/>
      <c r="FC89" s="226"/>
      <c r="FD89" s="226"/>
      <c r="FE89" s="226"/>
      <c r="FF89" s="226"/>
      <c r="FG89" s="226"/>
      <c r="FH89" s="226"/>
      <c r="FI89" s="226"/>
      <c r="FJ89" s="226"/>
      <c r="FK89" s="226"/>
      <c r="FL89" s="226"/>
      <c r="FM89" s="226"/>
      <c r="FN89" s="226"/>
      <c r="FO89" s="226"/>
      <c r="FP89" s="226"/>
      <c r="FQ89" s="226"/>
      <c r="FR89" s="226"/>
      <c r="FS89" s="226"/>
      <c r="FT89" s="226"/>
      <c r="FU89" s="226"/>
      <c r="FV89" s="226"/>
      <c r="FW89" s="226"/>
      <c r="FX89" s="226"/>
      <c r="FY89" s="226"/>
      <c r="FZ89" s="226"/>
      <c r="GA89" s="226"/>
      <c r="GB89" s="226"/>
      <c r="GC89" s="226"/>
      <c r="GD89" s="226"/>
      <c r="GE89" s="226"/>
      <c r="GF89" s="226"/>
      <c r="GG89" s="226"/>
      <c r="GH89" s="226"/>
      <c r="GI89" s="226"/>
      <c r="GJ89" s="226"/>
      <c r="GK89" s="226"/>
    </row>
    <row r="90" spans="1:193" s="227" customFormat="1" ht="90" customHeight="1">
      <c r="A90" s="495"/>
      <c r="B90" s="228"/>
      <c r="C90" s="461" t="s">
        <v>475</v>
      </c>
      <c r="D90" s="462"/>
      <c r="E90" s="236"/>
      <c r="F90" s="237" t="s">
        <v>476</v>
      </c>
      <c r="G90" s="266"/>
      <c r="H90" s="226"/>
      <c r="I90" s="226"/>
      <c r="J90" s="226"/>
      <c r="K90" s="226"/>
      <c r="L90" s="226"/>
      <c r="M90" s="226"/>
      <c r="N90" s="226"/>
      <c r="O90" s="226"/>
      <c r="P90" s="226"/>
      <c r="Q90" s="226"/>
      <c r="R90" s="226"/>
      <c r="S90" s="226"/>
      <c r="T90" s="226"/>
      <c r="U90" s="226"/>
      <c r="V90" s="226"/>
      <c r="W90" s="226"/>
      <c r="X90" s="226"/>
      <c r="Y90" s="226"/>
      <c r="Z90" s="226"/>
      <c r="AA90" s="226"/>
      <c r="AB90" s="226"/>
      <c r="AC90" s="226"/>
      <c r="AD90" s="226"/>
      <c r="AE90" s="226"/>
      <c r="AF90" s="226"/>
      <c r="AG90" s="226"/>
      <c r="AH90" s="226"/>
      <c r="AI90" s="226"/>
      <c r="AJ90" s="226"/>
      <c r="AK90" s="226"/>
      <c r="AL90" s="226"/>
      <c r="AM90" s="226"/>
      <c r="AN90" s="226"/>
      <c r="AO90" s="226"/>
      <c r="AP90" s="226"/>
      <c r="AQ90" s="226"/>
      <c r="AR90" s="226"/>
      <c r="AS90" s="226"/>
      <c r="AT90" s="226"/>
      <c r="AU90" s="226"/>
      <c r="AV90" s="226"/>
      <c r="AW90" s="226"/>
      <c r="AX90" s="226"/>
      <c r="AY90" s="226"/>
      <c r="AZ90" s="226"/>
      <c r="BA90" s="226"/>
      <c r="BB90" s="226"/>
      <c r="BC90" s="226"/>
      <c r="BD90" s="226"/>
      <c r="BE90" s="226"/>
      <c r="BF90" s="226"/>
      <c r="BG90" s="226"/>
      <c r="BH90" s="226"/>
      <c r="BI90" s="226"/>
      <c r="BJ90" s="226"/>
      <c r="BK90" s="226"/>
      <c r="BL90" s="226"/>
      <c r="BM90" s="226"/>
      <c r="BN90" s="226"/>
      <c r="BO90" s="226"/>
      <c r="BP90" s="226"/>
      <c r="BQ90" s="226"/>
      <c r="BR90" s="226"/>
      <c r="BS90" s="226"/>
      <c r="BT90" s="226"/>
      <c r="BU90" s="226"/>
      <c r="BV90" s="226"/>
      <c r="BW90" s="226"/>
      <c r="BX90" s="226"/>
      <c r="BY90" s="226"/>
      <c r="BZ90" s="226"/>
      <c r="CA90" s="226"/>
      <c r="CB90" s="226"/>
      <c r="CC90" s="226"/>
      <c r="CD90" s="226"/>
      <c r="CE90" s="226"/>
      <c r="CF90" s="226"/>
      <c r="CG90" s="226"/>
      <c r="CH90" s="226"/>
      <c r="CI90" s="226"/>
      <c r="CJ90" s="226"/>
      <c r="CK90" s="226"/>
      <c r="CL90" s="226"/>
      <c r="CM90" s="226"/>
      <c r="CN90" s="226"/>
      <c r="CO90" s="226"/>
      <c r="CP90" s="226"/>
      <c r="CQ90" s="226"/>
      <c r="CR90" s="226"/>
      <c r="CS90" s="226"/>
      <c r="CT90" s="226"/>
      <c r="CU90" s="226"/>
      <c r="CV90" s="226"/>
      <c r="CW90" s="226"/>
      <c r="CX90" s="226"/>
      <c r="CY90" s="226"/>
      <c r="CZ90" s="226"/>
      <c r="DA90" s="226"/>
      <c r="DB90" s="226"/>
      <c r="DC90" s="226"/>
      <c r="DD90" s="226"/>
      <c r="DE90" s="226"/>
      <c r="DF90" s="226"/>
      <c r="DG90" s="226"/>
      <c r="DH90" s="226"/>
      <c r="DI90" s="226"/>
      <c r="DJ90" s="226"/>
      <c r="DK90" s="226"/>
      <c r="DL90" s="226"/>
      <c r="DM90" s="226"/>
      <c r="DN90" s="226"/>
      <c r="DO90" s="226"/>
      <c r="DP90" s="226"/>
      <c r="DQ90" s="226"/>
      <c r="DR90" s="226"/>
      <c r="DS90" s="226"/>
      <c r="DT90" s="226"/>
      <c r="DU90" s="226"/>
      <c r="DV90" s="226"/>
      <c r="DW90" s="226"/>
      <c r="DX90" s="226"/>
      <c r="DY90" s="226"/>
      <c r="DZ90" s="226"/>
      <c r="EA90" s="226"/>
      <c r="EB90" s="226"/>
      <c r="EC90" s="226"/>
      <c r="ED90" s="226"/>
      <c r="EE90" s="226"/>
      <c r="EF90" s="226"/>
      <c r="EG90" s="226"/>
      <c r="EH90" s="226"/>
      <c r="EI90" s="226"/>
      <c r="EJ90" s="226"/>
      <c r="EK90" s="226"/>
      <c r="EL90" s="226"/>
      <c r="EM90" s="226"/>
      <c r="EN90" s="226"/>
      <c r="EO90" s="226"/>
      <c r="EP90" s="226"/>
      <c r="EQ90" s="226"/>
      <c r="ER90" s="226"/>
      <c r="ES90" s="226"/>
      <c r="ET90" s="226"/>
      <c r="EU90" s="226"/>
      <c r="EV90" s="226"/>
      <c r="EW90" s="226"/>
      <c r="EX90" s="226"/>
      <c r="EY90" s="226"/>
      <c r="EZ90" s="226"/>
      <c r="FA90" s="226"/>
      <c r="FB90" s="226"/>
      <c r="FC90" s="226"/>
      <c r="FD90" s="226"/>
      <c r="FE90" s="226"/>
      <c r="FF90" s="226"/>
      <c r="FG90" s="226"/>
      <c r="FH90" s="226"/>
      <c r="FI90" s="226"/>
      <c r="FJ90" s="226"/>
      <c r="FK90" s="226"/>
      <c r="FL90" s="226"/>
      <c r="FM90" s="226"/>
      <c r="FN90" s="226"/>
      <c r="FO90" s="226"/>
      <c r="FP90" s="226"/>
      <c r="FQ90" s="226"/>
      <c r="FR90" s="226"/>
      <c r="FS90" s="226"/>
      <c r="FT90" s="226"/>
      <c r="FU90" s="226"/>
      <c r="FV90" s="226"/>
      <c r="FW90" s="226"/>
      <c r="FX90" s="226"/>
      <c r="FY90" s="226"/>
      <c r="FZ90" s="226"/>
      <c r="GA90" s="226"/>
      <c r="GB90" s="226"/>
      <c r="GC90" s="226"/>
      <c r="GD90" s="226"/>
      <c r="GE90" s="226"/>
      <c r="GF90" s="226"/>
      <c r="GG90" s="226"/>
      <c r="GH90" s="226"/>
      <c r="GI90" s="226"/>
      <c r="GJ90" s="226"/>
      <c r="GK90" s="226"/>
    </row>
    <row r="91" spans="1:193" s="227" customFormat="1" ht="49.5" customHeight="1">
      <c r="A91" s="222" t="s">
        <v>477</v>
      </c>
      <c r="B91" s="222" t="s">
        <v>363</v>
      </c>
      <c r="C91" s="457" t="s">
        <v>467</v>
      </c>
      <c r="D91" s="458"/>
      <c r="E91" s="232"/>
      <c r="F91" s="233" t="s">
        <v>468</v>
      </c>
      <c r="G91" s="267"/>
      <c r="H91" s="226"/>
      <c r="I91" s="226"/>
      <c r="J91" s="226"/>
      <c r="K91" s="226"/>
      <c r="L91" s="226"/>
      <c r="M91" s="226"/>
      <c r="N91" s="226"/>
      <c r="O91" s="226"/>
      <c r="P91" s="226"/>
      <c r="Q91" s="226"/>
      <c r="R91" s="226"/>
      <c r="S91" s="226"/>
      <c r="T91" s="226"/>
      <c r="U91" s="226"/>
      <c r="V91" s="226"/>
      <c r="W91" s="226"/>
      <c r="X91" s="226"/>
      <c r="Y91" s="226"/>
      <c r="Z91" s="226"/>
      <c r="AA91" s="226"/>
      <c r="AB91" s="226"/>
      <c r="AC91" s="226"/>
      <c r="AD91" s="226"/>
      <c r="AE91" s="226"/>
      <c r="AF91" s="226"/>
      <c r="AG91" s="226"/>
      <c r="AH91" s="226"/>
      <c r="AI91" s="226"/>
      <c r="AJ91" s="226"/>
      <c r="AK91" s="226"/>
      <c r="AL91" s="226"/>
      <c r="AM91" s="226"/>
      <c r="AN91" s="226"/>
      <c r="AO91" s="226"/>
      <c r="AP91" s="226"/>
      <c r="AQ91" s="226"/>
      <c r="AR91" s="226"/>
      <c r="AS91" s="226"/>
      <c r="AT91" s="226"/>
      <c r="AU91" s="226"/>
      <c r="AV91" s="226"/>
      <c r="AW91" s="226"/>
      <c r="AX91" s="226"/>
      <c r="AY91" s="226"/>
      <c r="AZ91" s="226"/>
      <c r="BA91" s="226"/>
      <c r="BB91" s="226"/>
      <c r="BC91" s="226"/>
      <c r="BD91" s="226"/>
      <c r="BE91" s="226"/>
      <c r="BF91" s="226"/>
      <c r="BG91" s="226"/>
      <c r="BH91" s="226"/>
      <c r="BI91" s="226"/>
      <c r="BJ91" s="226"/>
      <c r="BK91" s="226"/>
      <c r="BL91" s="226"/>
      <c r="BM91" s="226"/>
      <c r="BN91" s="226"/>
      <c r="BO91" s="226"/>
      <c r="BP91" s="226"/>
      <c r="BQ91" s="226"/>
      <c r="BR91" s="226"/>
      <c r="BS91" s="226"/>
      <c r="BT91" s="226"/>
      <c r="BU91" s="226"/>
      <c r="BV91" s="226"/>
      <c r="BW91" s="226"/>
      <c r="BX91" s="226"/>
      <c r="BY91" s="226"/>
      <c r="BZ91" s="226"/>
      <c r="CA91" s="226"/>
      <c r="CB91" s="226"/>
      <c r="CC91" s="226"/>
      <c r="CD91" s="226"/>
      <c r="CE91" s="226"/>
      <c r="CF91" s="226"/>
      <c r="CG91" s="226"/>
      <c r="CH91" s="226"/>
      <c r="CI91" s="226"/>
      <c r="CJ91" s="226"/>
      <c r="CK91" s="226"/>
      <c r="CL91" s="226"/>
      <c r="CM91" s="226"/>
      <c r="CN91" s="226"/>
      <c r="CO91" s="226"/>
      <c r="CP91" s="226"/>
      <c r="CQ91" s="226"/>
      <c r="CR91" s="226"/>
      <c r="CS91" s="226"/>
      <c r="CT91" s="226"/>
      <c r="CU91" s="226"/>
      <c r="CV91" s="226"/>
      <c r="CW91" s="226"/>
      <c r="CX91" s="226"/>
      <c r="CY91" s="226"/>
      <c r="CZ91" s="226"/>
      <c r="DA91" s="226"/>
      <c r="DB91" s="226"/>
      <c r="DC91" s="226"/>
      <c r="DD91" s="226"/>
      <c r="DE91" s="226"/>
      <c r="DF91" s="226"/>
      <c r="DG91" s="226"/>
      <c r="DH91" s="226"/>
      <c r="DI91" s="226"/>
      <c r="DJ91" s="226"/>
      <c r="DK91" s="226"/>
      <c r="DL91" s="226"/>
      <c r="DM91" s="226"/>
      <c r="DN91" s="226"/>
      <c r="DO91" s="226"/>
      <c r="DP91" s="226"/>
      <c r="DQ91" s="226"/>
      <c r="DR91" s="226"/>
      <c r="DS91" s="226"/>
      <c r="DT91" s="226"/>
      <c r="DU91" s="226"/>
      <c r="DV91" s="226"/>
      <c r="DW91" s="226"/>
      <c r="DX91" s="226"/>
      <c r="DY91" s="226"/>
      <c r="DZ91" s="226"/>
      <c r="EA91" s="226"/>
      <c r="EB91" s="226"/>
      <c r="EC91" s="226"/>
      <c r="ED91" s="226"/>
      <c r="EE91" s="226"/>
      <c r="EF91" s="226"/>
      <c r="EG91" s="226"/>
      <c r="EH91" s="226"/>
      <c r="EI91" s="226"/>
      <c r="EJ91" s="226"/>
      <c r="EK91" s="226"/>
      <c r="EL91" s="226"/>
      <c r="EM91" s="226"/>
      <c r="EN91" s="226"/>
      <c r="EO91" s="226"/>
      <c r="EP91" s="226"/>
      <c r="EQ91" s="226"/>
      <c r="ER91" s="226"/>
      <c r="ES91" s="226"/>
      <c r="ET91" s="226"/>
      <c r="EU91" s="226"/>
      <c r="EV91" s="226"/>
      <c r="EW91" s="226"/>
      <c r="EX91" s="226"/>
      <c r="EY91" s="226"/>
      <c r="EZ91" s="226"/>
      <c r="FA91" s="226"/>
      <c r="FB91" s="226"/>
      <c r="FC91" s="226"/>
      <c r="FD91" s="226"/>
      <c r="FE91" s="226"/>
      <c r="FF91" s="226"/>
      <c r="FG91" s="226"/>
      <c r="FH91" s="226"/>
      <c r="FI91" s="226"/>
      <c r="FJ91" s="226"/>
      <c r="FK91" s="226"/>
      <c r="FL91" s="226"/>
      <c r="FM91" s="226"/>
      <c r="FN91" s="226"/>
      <c r="FO91" s="226"/>
      <c r="FP91" s="226"/>
      <c r="FQ91" s="226"/>
      <c r="FR91" s="226"/>
      <c r="FS91" s="226"/>
      <c r="FT91" s="226"/>
      <c r="FU91" s="226"/>
      <c r="FV91" s="226"/>
      <c r="FW91" s="226"/>
      <c r="FX91" s="226"/>
      <c r="FY91" s="226"/>
      <c r="FZ91" s="226"/>
      <c r="GA91" s="226"/>
      <c r="GB91" s="226"/>
      <c r="GC91" s="226"/>
      <c r="GD91" s="226"/>
      <c r="GE91" s="226"/>
      <c r="GF91" s="226"/>
      <c r="GG91" s="226"/>
      <c r="GH91" s="226"/>
      <c r="GI91" s="226"/>
      <c r="GJ91" s="226"/>
      <c r="GK91" s="226"/>
    </row>
    <row r="92" spans="1:193" s="227" customFormat="1" ht="36" customHeight="1">
      <c r="A92" s="228"/>
      <c r="B92" s="228"/>
      <c r="C92" s="461" t="s">
        <v>469</v>
      </c>
      <c r="D92" s="462"/>
      <c r="E92" s="236"/>
      <c r="F92" s="237" t="s">
        <v>470</v>
      </c>
      <c r="G92" s="266"/>
      <c r="H92" s="226"/>
      <c r="I92" s="226"/>
      <c r="J92" s="226"/>
      <c r="K92" s="226"/>
      <c r="L92" s="226"/>
      <c r="M92" s="226"/>
      <c r="N92" s="226"/>
      <c r="O92" s="226"/>
      <c r="P92" s="226"/>
      <c r="Q92" s="226"/>
      <c r="R92" s="226"/>
      <c r="S92" s="226"/>
      <c r="T92" s="226"/>
      <c r="U92" s="226"/>
      <c r="V92" s="226"/>
      <c r="W92" s="226"/>
      <c r="X92" s="226"/>
      <c r="Y92" s="226"/>
      <c r="Z92" s="226"/>
      <c r="AA92" s="226"/>
      <c r="AB92" s="226"/>
      <c r="AC92" s="226"/>
      <c r="AD92" s="226"/>
      <c r="AE92" s="226"/>
      <c r="AF92" s="226"/>
      <c r="AG92" s="226"/>
      <c r="AH92" s="226"/>
      <c r="AI92" s="226"/>
      <c r="AJ92" s="226"/>
      <c r="AK92" s="226"/>
      <c r="AL92" s="226"/>
      <c r="AM92" s="226"/>
      <c r="AN92" s="226"/>
      <c r="AO92" s="226"/>
      <c r="AP92" s="226"/>
      <c r="AQ92" s="226"/>
      <c r="AR92" s="226"/>
      <c r="AS92" s="226"/>
      <c r="AT92" s="226"/>
      <c r="AU92" s="226"/>
      <c r="AV92" s="226"/>
      <c r="AW92" s="226"/>
      <c r="AX92" s="226"/>
      <c r="AY92" s="226"/>
      <c r="AZ92" s="226"/>
      <c r="BA92" s="226"/>
      <c r="BB92" s="226"/>
      <c r="BC92" s="226"/>
      <c r="BD92" s="226"/>
      <c r="BE92" s="226"/>
      <c r="BF92" s="226"/>
      <c r="BG92" s="226"/>
      <c r="BH92" s="226"/>
      <c r="BI92" s="226"/>
      <c r="BJ92" s="226"/>
      <c r="BK92" s="226"/>
      <c r="BL92" s="226"/>
      <c r="BM92" s="226"/>
      <c r="BN92" s="226"/>
      <c r="BO92" s="226"/>
      <c r="BP92" s="226"/>
      <c r="BQ92" s="226"/>
      <c r="BR92" s="226"/>
      <c r="BS92" s="226"/>
      <c r="BT92" s="226"/>
      <c r="BU92" s="226"/>
      <c r="BV92" s="226"/>
      <c r="BW92" s="226"/>
      <c r="BX92" s="226"/>
      <c r="BY92" s="226"/>
      <c r="BZ92" s="226"/>
      <c r="CA92" s="226"/>
      <c r="CB92" s="226"/>
      <c r="CC92" s="226"/>
      <c r="CD92" s="226"/>
      <c r="CE92" s="226"/>
      <c r="CF92" s="226"/>
      <c r="CG92" s="226"/>
      <c r="CH92" s="226"/>
      <c r="CI92" s="226"/>
      <c r="CJ92" s="226"/>
      <c r="CK92" s="226"/>
      <c r="CL92" s="226"/>
      <c r="CM92" s="226"/>
      <c r="CN92" s="226"/>
      <c r="CO92" s="226"/>
      <c r="CP92" s="226"/>
      <c r="CQ92" s="226"/>
      <c r="CR92" s="226"/>
      <c r="CS92" s="226"/>
      <c r="CT92" s="226"/>
      <c r="CU92" s="226"/>
      <c r="CV92" s="226"/>
      <c r="CW92" s="226"/>
      <c r="CX92" s="226"/>
      <c r="CY92" s="226"/>
      <c r="CZ92" s="226"/>
      <c r="DA92" s="226"/>
      <c r="DB92" s="226"/>
      <c r="DC92" s="226"/>
      <c r="DD92" s="226"/>
      <c r="DE92" s="226"/>
      <c r="DF92" s="226"/>
      <c r="DG92" s="226"/>
      <c r="DH92" s="226"/>
      <c r="DI92" s="226"/>
      <c r="DJ92" s="226"/>
      <c r="DK92" s="226"/>
      <c r="DL92" s="226"/>
      <c r="DM92" s="226"/>
      <c r="DN92" s="226"/>
      <c r="DO92" s="226"/>
      <c r="DP92" s="226"/>
      <c r="DQ92" s="226"/>
      <c r="DR92" s="226"/>
      <c r="DS92" s="226"/>
      <c r="DT92" s="226"/>
      <c r="DU92" s="226"/>
      <c r="DV92" s="226"/>
      <c r="DW92" s="226"/>
      <c r="DX92" s="226"/>
      <c r="DY92" s="226"/>
      <c r="DZ92" s="226"/>
      <c r="EA92" s="226"/>
      <c r="EB92" s="226"/>
      <c r="EC92" s="226"/>
      <c r="ED92" s="226"/>
      <c r="EE92" s="226"/>
      <c r="EF92" s="226"/>
      <c r="EG92" s="226"/>
      <c r="EH92" s="226"/>
      <c r="EI92" s="226"/>
      <c r="EJ92" s="226"/>
      <c r="EK92" s="226"/>
      <c r="EL92" s="226"/>
      <c r="EM92" s="226"/>
      <c r="EN92" s="226"/>
      <c r="EO92" s="226"/>
      <c r="EP92" s="226"/>
      <c r="EQ92" s="226"/>
      <c r="ER92" s="226"/>
      <c r="ES92" s="226"/>
      <c r="ET92" s="226"/>
      <c r="EU92" s="226"/>
      <c r="EV92" s="226"/>
      <c r="EW92" s="226"/>
      <c r="EX92" s="226"/>
      <c r="EY92" s="226"/>
      <c r="EZ92" s="226"/>
      <c r="FA92" s="226"/>
      <c r="FB92" s="226"/>
      <c r="FC92" s="226"/>
      <c r="FD92" s="226"/>
      <c r="FE92" s="226"/>
      <c r="FF92" s="226"/>
      <c r="FG92" s="226"/>
      <c r="FH92" s="226"/>
      <c r="FI92" s="226"/>
      <c r="FJ92" s="226"/>
      <c r="FK92" s="226"/>
      <c r="FL92" s="226"/>
      <c r="FM92" s="226"/>
      <c r="FN92" s="226"/>
      <c r="FO92" s="226"/>
      <c r="FP92" s="226"/>
      <c r="FQ92" s="226"/>
      <c r="FR92" s="226"/>
      <c r="FS92" s="226"/>
      <c r="FT92" s="226"/>
      <c r="FU92" s="226"/>
      <c r="FV92" s="226"/>
      <c r="FW92" s="226"/>
      <c r="FX92" s="226"/>
      <c r="FY92" s="226"/>
      <c r="FZ92" s="226"/>
      <c r="GA92" s="226"/>
      <c r="GB92" s="226"/>
      <c r="GC92" s="226"/>
      <c r="GD92" s="226"/>
      <c r="GE92" s="226"/>
      <c r="GF92" s="226"/>
      <c r="GG92" s="226"/>
      <c r="GH92" s="226"/>
      <c r="GI92" s="226"/>
      <c r="GJ92" s="226"/>
      <c r="GK92" s="226"/>
    </row>
    <row r="93" spans="1:193" s="227" customFormat="1" ht="49.5" customHeight="1">
      <c r="A93" s="235" t="s">
        <v>477</v>
      </c>
      <c r="B93" s="235"/>
      <c r="C93" s="476" t="s">
        <v>471</v>
      </c>
      <c r="D93" s="477"/>
      <c r="E93" s="239"/>
      <c r="F93" s="240" t="s">
        <v>472</v>
      </c>
      <c r="G93" s="256"/>
      <c r="H93" s="226"/>
      <c r="I93" s="226"/>
      <c r="J93" s="226"/>
      <c r="K93" s="226"/>
      <c r="L93" s="226"/>
      <c r="M93" s="226"/>
      <c r="N93" s="226"/>
      <c r="O93" s="226"/>
      <c r="P93" s="226"/>
      <c r="Q93" s="226"/>
      <c r="R93" s="226"/>
      <c r="S93" s="226"/>
      <c r="T93" s="226"/>
      <c r="U93" s="226"/>
      <c r="V93" s="226"/>
      <c r="W93" s="226"/>
      <c r="X93" s="226"/>
      <c r="Y93" s="226"/>
      <c r="Z93" s="226"/>
      <c r="AA93" s="226"/>
      <c r="AB93" s="226"/>
      <c r="AC93" s="226"/>
      <c r="AD93" s="226"/>
      <c r="AE93" s="226"/>
      <c r="AF93" s="226"/>
      <c r="AG93" s="226"/>
      <c r="AH93" s="226"/>
      <c r="AI93" s="226"/>
      <c r="AJ93" s="226"/>
      <c r="AK93" s="226"/>
      <c r="AL93" s="226"/>
      <c r="AM93" s="226"/>
      <c r="AN93" s="226"/>
      <c r="AO93" s="226"/>
      <c r="AP93" s="226"/>
      <c r="AQ93" s="226"/>
      <c r="AR93" s="226"/>
      <c r="AS93" s="226"/>
      <c r="AT93" s="226"/>
      <c r="AU93" s="226"/>
      <c r="AV93" s="226"/>
      <c r="AW93" s="226"/>
      <c r="AX93" s="226"/>
      <c r="AY93" s="226"/>
      <c r="AZ93" s="226"/>
      <c r="BA93" s="226"/>
      <c r="BB93" s="226"/>
      <c r="BC93" s="226"/>
      <c r="BD93" s="226"/>
      <c r="BE93" s="226"/>
      <c r="BF93" s="226"/>
      <c r="BG93" s="226"/>
      <c r="BH93" s="226"/>
      <c r="BI93" s="226"/>
      <c r="BJ93" s="226"/>
      <c r="BK93" s="226"/>
      <c r="BL93" s="226"/>
      <c r="BM93" s="226"/>
      <c r="BN93" s="226"/>
      <c r="BO93" s="226"/>
      <c r="BP93" s="226"/>
      <c r="BQ93" s="226"/>
      <c r="BR93" s="226"/>
      <c r="BS93" s="226"/>
      <c r="BT93" s="226"/>
      <c r="BU93" s="226"/>
      <c r="BV93" s="226"/>
      <c r="BW93" s="226"/>
      <c r="BX93" s="226"/>
      <c r="BY93" s="226"/>
      <c r="BZ93" s="226"/>
      <c r="CA93" s="226"/>
      <c r="CB93" s="226"/>
      <c r="CC93" s="226"/>
      <c r="CD93" s="226"/>
      <c r="CE93" s="226"/>
      <c r="CF93" s="226"/>
      <c r="CG93" s="226"/>
      <c r="CH93" s="226"/>
      <c r="CI93" s="226"/>
      <c r="CJ93" s="226"/>
      <c r="CK93" s="226"/>
      <c r="CL93" s="226"/>
      <c r="CM93" s="226"/>
      <c r="CN93" s="226"/>
      <c r="CO93" s="226"/>
      <c r="CP93" s="226"/>
      <c r="CQ93" s="226"/>
      <c r="CR93" s="226"/>
      <c r="CS93" s="226"/>
      <c r="CT93" s="226"/>
      <c r="CU93" s="226"/>
      <c r="CV93" s="226"/>
      <c r="CW93" s="226"/>
      <c r="CX93" s="226"/>
      <c r="CY93" s="226"/>
      <c r="CZ93" s="226"/>
      <c r="DA93" s="226"/>
      <c r="DB93" s="226"/>
      <c r="DC93" s="226"/>
      <c r="DD93" s="226"/>
      <c r="DE93" s="226"/>
      <c r="DF93" s="226"/>
      <c r="DG93" s="226"/>
      <c r="DH93" s="226"/>
      <c r="DI93" s="226"/>
      <c r="DJ93" s="226"/>
      <c r="DK93" s="226"/>
      <c r="DL93" s="226"/>
      <c r="DM93" s="226"/>
      <c r="DN93" s="226"/>
      <c r="DO93" s="226"/>
      <c r="DP93" s="226"/>
      <c r="DQ93" s="226"/>
      <c r="DR93" s="226"/>
      <c r="DS93" s="226"/>
      <c r="DT93" s="226"/>
      <c r="DU93" s="226"/>
      <c r="DV93" s="226"/>
      <c r="DW93" s="226"/>
      <c r="DX93" s="226"/>
      <c r="DY93" s="226"/>
      <c r="DZ93" s="226"/>
      <c r="EA93" s="226"/>
      <c r="EB93" s="226"/>
      <c r="EC93" s="226"/>
      <c r="ED93" s="226"/>
      <c r="EE93" s="226"/>
      <c r="EF93" s="226"/>
      <c r="EG93" s="226"/>
      <c r="EH93" s="226"/>
      <c r="EI93" s="226"/>
      <c r="EJ93" s="226"/>
      <c r="EK93" s="226"/>
      <c r="EL93" s="226"/>
      <c r="EM93" s="226"/>
      <c r="EN93" s="226"/>
      <c r="EO93" s="226"/>
      <c r="EP93" s="226"/>
      <c r="EQ93" s="226"/>
      <c r="ER93" s="226"/>
      <c r="ES93" s="226"/>
      <c r="ET93" s="226"/>
      <c r="EU93" s="226"/>
      <c r="EV93" s="226"/>
      <c r="EW93" s="226"/>
      <c r="EX93" s="226"/>
      <c r="EY93" s="226"/>
      <c r="EZ93" s="226"/>
      <c r="FA93" s="226"/>
      <c r="FB93" s="226"/>
      <c r="FC93" s="226"/>
      <c r="FD93" s="226"/>
      <c r="FE93" s="226"/>
      <c r="FF93" s="226"/>
      <c r="FG93" s="226"/>
      <c r="FH93" s="226"/>
      <c r="FI93" s="226"/>
      <c r="FJ93" s="226"/>
      <c r="FK93" s="226"/>
      <c r="FL93" s="226"/>
      <c r="FM93" s="226"/>
      <c r="FN93" s="226"/>
      <c r="FO93" s="226"/>
      <c r="FP93" s="226"/>
      <c r="FQ93" s="226"/>
      <c r="FR93" s="226"/>
      <c r="FS93" s="226"/>
      <c r="FT93" s="226"/>
      <c r="FU93" s="226"/>
      <c r="FV93" s="226"/>
      <c r="FW93" s="226"/>
      <c r="FX93" s="226"/>
      <c r="FY93" s="226"/>
      <c r="FZ93" s="226"/>
      <c r="GA93" s="226"/>
      <c r="GB93" s="226"/>
      <c r="GC93" s="226"/>
      <c r="GD93" s="226"/>
      <c r="GE93" s="226"/>
      <c r="GF93" s="226"/>
      <c r="GG93" s="226"/>
      <c r="GH93" s="226"/>
      <c r="GI93" s="226"/>
      <c r="GJ93" s="226"/>
      <c r="GK93" s="226"/>
    </row>
    <row r="94" spans="1:193" s="227" customFormat="1" ht="68.25" customHeight="1">
      <c r="A94" s="235"/>
      <c r="B94" s="235"/>
      <c r="C94" s="459" t="s">
        <v>473</v>
      </c>
      <c r="D94" s="460"/>
      <c r="E94" s="223"/>
      <c r="F94" s="224" t="s">
        <v>474</v>
      </c>
      <c r="G94" s="259"/>
      <c r="H94" s="226"/>
      <c r="I94" s="226"/>
      <c r="J94" s="226"/>
      <c r="K94" s="226"/>
      <c r="L94" s="226"/>
      <c r="M94" s="226"/>
      <c r="N94" s="226"/>
      <c r="O94" s="226"/>
      <c r="P94" s="226"/>
      <c r="Q94" s="226"/>
      <c r="R94" s="226"/>
      <c r="S94" s="226"/>
      <c r="T94" s="226"/>
      <c r="U94" s="226"/>
      <c r="V94" s="226"/>
      <c r="W94" s="226"/>
      <c r="X94" s="226"/>
      <c r="Y94" s="226"/>
      <c r="Z94" s="226"/>
      <c r="AA94" s="226"/>
      <c r="AB94" s="226"/>
      <c r="AC94" s="226"/>
      <c r="AD94" s="226"/>
      <c r="AE94" s="226"/>
      <c r="AF94" s="226"/>
      <c r="AG94" s="226"/>
      <c r="AH94" s="226"/>
      <c r="AI94" s="226"/>
      <c r="AJ94" s="226"/>
      <c r="AK94" s="226"/>
      <c r="AL94" s="226"/>
      <c r="AM94" s="226"/>
      <c r="AN94" s="226"/>
      <c r="AO94" s="226"/>
      <c r="AP94" s="226"/>
      <c r="AQ94" s="226"/>
      <c r="AR94" s="226"/>
      <c r="AS94" s="226"/>
      <c r="AT94" s="226"/>
      <c r="AU94" s="226"/>
      <c r="AV94" s="226"/>
      <c r="AW94" s="226"/>
      <c r="AX94" s="226"/>
      <c r="AY94" s="226"/>
      <c r="AZ94" s="226"/>
      <c r="BA94" s="226"/>
      <c r="BB94" s="226"/>
      <c r="BC94" s="226"/>
      <c r="BD94" s="226"/>
      <c r="BE94" s="226"/>
      <c r="BF94" s="226"/>
      <c r="BG94" s="226"/>
      <c r="BH94" s="226"/>
      <c r="BI94" s="226"/>
      <c r="BJ94" s="226"/>
      <c r="BK94" s="226"/>
      <c r="BL94" s="226"/>
      <c r="BM94" s="226"/>
      <c r="BN94" s="226"/>
      <c r="BO94" s="226"/>
      <c r="BP94" s="226"/>
      <c r="BQ94" s="226"/>
      <c r="BR94" s="226"/>
      <c r="BS94" s="226"/>
      <c r="BT94" s="226"/>
      <c r="BU94" s="226"/>
      <c r="BV94" s="226"/>
      <c r="BW94" s="226"/>
      <c r="BX94" s="226"/>
      <c r="BY94" s="226"/>
      <c r="BZ94" s="226"/>
      <c r="CA94" s="226"/>
      <c r="CB94" s="226"/>
      <c r="CC94" s="226"/>
      <c r="CD94" s="226"/>
      <c r="CE94" s="226"/>
      <c r="CF94" s="226"/>
      <c r="CG94" s="226"/>
      <c r="CH94" s="226"/>
      <c r="CI94" s="226"/>
      <c r="CJ94" s="226"/>
      <c r="CK94" s="226"/>
      <c r="CL94" s="226"/>
      <c r="CM94" s="226"/>
      <c r="CN94" s="226"/>
      <c r="CO94" s="226"/>
      <c r="CP94" s="226"/>
      <c r="CQ94" s="226"/>
      <c r="CR94" s="226"/>
      <c r="CS94" s="226"/>
      <c r="CT94" s="226"/>
      <c r="CU94" s="226"/>
      <c r="CV94" s="226"/>
      <c r="CW94" s="226"/>
      <c r="CX94" s="226"/>
      <c r="CY94" s="226"/>
      <c r="CZ94" s="226"/>
      <c r="DA94" s="226"/>
      <c r="DB94" s="226"/>
      <c r="DC94" s="226"/>
      <c r="DD94" s="226"/>
      <c r="DE94" s="226"/>
      <c r="DF94" s="226"/>
      <c r="DG94" s="226"/>
      <c r="DH94" s="226"/>
      <c r="DI94" s="226"/>
      <c r="DJ94" s="226"/>
      <c r="DK94" s="226"/>
      <c r="DL94" s="226"/>
      <c r="DM94" s="226"/>
      <c r="DN94" s="226"/>
      <c r="DO94" s="226"/>
      <c r="DP94" s="226"/>
      <c r="DQ94" s="226"/>
      <c r="DR94" s="226"/>
      <c r="DS94" s="226"/>
      <c r="DT94" s="226"/>
      <c r="DU94" s="226"/>
      <c r="DV94" s="226"/>
      <c r="DW94" s="226"/>
      <c r="DX94" s="226"/>
      <c r="DY94" s="226"/>
      <c r="DZ94" s="226"/>
      <c r="EA94" s="226"/>
      <c r="EB94" s="226"/>
      <c r="EC94" s="226"/>
      <c r="ED94" s="226"/>
      <c r="EE94" s="226"/>
      <c r="EF94" s="226"/>
      <c r="EG94" s="226"/>
      <c r="EH94" s="226"/>
      <c r="EI94" s="226"/>
      <c r="EJ94" s="226"/>
      <c r="EK94" s="226"/>
      <c r="EL94" s="226"/>
      <c r="EM94" s="226"/>
      <c r="EN94" s="226"/>
      <c r="EO94" s="226"/>
      <c r="EP94" s="226"/>
      <c r="EQ94" s="226"/>
      <c r="ER94" s="226"/>
      <c r="ES94" s="226"/>
      <c r="ET94" s="226"/>
      <c r="EU94" s="226"/>
      <c r="EV94" s="226"/>
      <c r="EW94" s="226"/>
      <c r="EX94" s="226"/>
      <c r="EY94" s="226"/>
      <c r="EZ94" s="226"/>
      <c r="FA94" s="226"/>
      <c r="FB94" s="226"/>
      <c r="FC94" s="226"/>
      <c r="FD94" s="226"/>
      <c r="FE94" s="226"/>
      <c r="FF94" s="226"/>
      <c r="FG94" s="226"/>
      <c r="FH94" s="226"/>
      <c r="FI94" s="226"/>
      <c r="FJ94" s="226"/>
      <c r="FK94" s="226"/>
      <c r="FL94" s="226"/>
      <c r="FM94" s="226"/>
      <c r="FN94" s="226"/>
      <c r="FO94" s="226"/>
      <c r="FP94" s="226"/>
      <c r="FQ94" s="226"/>
      <c r="FR94" s="226"/>
      <c r="FS94" s="226"/>
      <c r="FT94" s="226"/>
      <c r="FU94" s="226"/>
      <c r="FV94" s="226"/>
      <c r="FW94" s="226"/>
      <c r="FX94" s="226"/>
      <c r="FY94" s="226"/>
      <c r="FZ94" s="226"/>
      <c r="GA94" s="226"/>
      <c r="GB94" s="226"/>
      <c r="GC94" s="226"/>
      <c r="GD94" s="226"/>
      <c r="GE94" s="226"/>
      <c r="GF94" s="226"/>
      <c r="GG94" s="226"/>
      <c r="GH94" s="226"/>
      <c r="GI94" s="226"/>
      <c r="GJ94" s="226"/>
      <c r="GK94" s="226"/>
    </row>
    <row r="95" spans="1:193" s="227" customFormat="1" ht="96" customHeight="1">
      <c r="A95" s="235"/>
      <c r="B95" s="235"/>
      <c r="C95" s="459" t="s">
        <v>475</v>
      </c>
      <c r="D95" s="460"/>
      <c r="E95" s="223"/>
      <c r="F95" s="224" t="s">
        <v>476</v>
      </c>
      <c r="G95" s="259"/>
      <c r="H95" s="226"/>
      <c r="I95" s="226"/>
      <c r="J95" s="226"/>
      <c r="K95" s="226"/>
      <c r="L95" s="226"/>
      <c r="M95" s="226"/>
      <c r="N95" s="226"/>
      <c r="O95" s="226"/>
      <c r="P95" s="226"/>
      <c r="Q95" s="226"/>
      <c r="R95" s="226"/>
      <c r="S95" s="226"/>
      <c r="T95" s="226"/>
      <c r="U95" s="226"/>
      <c r="V95" s="226"/>
      <c r="W95" s="226"/>
      <c r="X95" s="226"/>
      <c r="Y95" s="226"/>
      <c r="Z95" s="226"/>
      <c r="AA95" s="226"/>
      <c r="AB95" s="226"/>
      <c r="AC95" s="226"/>
      <c r="AD95" s="226"/>
      <c r="AE95" s="226"/>
      <c r="AF95" s="226"/>
      <c r="AG95" s="226"/>
      <c r="AH95" s="226"/>
      <c r="AI95" s="226"/>
      <c r="AJ95" s="226"/>
      <c r="AK95" s="226"/>
      <c r="AL95" s="226"/>
      <c r="AM95" s="226"/>
      <c r="AN95" s="226"/>
      <c r="AO95" s="226"/>
      <c r="AP95" s="226"/>
      <c r="AQ95" s="226"/>
      <c r="AR95" s="226"/>
      <c r="AS95" s="226"/>
      <c r="AT95" s="226"/>
      <c r="AU95" s="226"/>
      <c r="AV95" s="226"/>
      <c r="AW95" s="226"/>
      <c r="AX95" s="226"/>
      <c r="AY95" s="226"/>
      <c r="AZ95" s="226"/>
      <c r="BA95" s="226"/>
      <c r="BB95" s="226"/>
      <c r="BC95" s="226"/>
      <c r="BD95" s="226"/>
      <c r="BE95" s="226"/>
      <c r="BF95" s="226"/>
      <c r="BG95" s="226"/>
      <c r="BH95" s="226"/>
      <c r="BI95" s="226"/>
      <c r="BJ95" s="226"/>
      <c r="BK95" s="226"/>
      <c r="BL95" s="226"/>
      <c r="BM95" s="226"/>
      <c r="BN95" s="226"/>
      <c r="BO95" s="226"/>
      <c r="BP95" s="226"/>
      <c r="BQ95" s="226"/>
      <c r="BR95" s="226"/>
      <c r="BS95" s="226"/>
      <c r="BT95" s="226"/>
      <c r="BU95" s="226"/>
      <c r="BV95" s="226"/>
      <c r="BW95" s="226"/>
      <c r="BX95" s="226"/>
      <c r="BY95" s="226"/>
      <c r="BZ95" s="226"/>
      <c r="CA95" s="226"/>
      <c r="CB95" s="226"/>
      <c r="CC95" s="226"/>
      <c r="CD95" s="226"/>
      <c r="CE95" s="226"/>
      <c r="CF95" s="226"/>
      <c r="CG95" s="226"/>
      <c r="CH95" s="226"/>
      <c r="CI95" s="226"/>
      <c r="CJ95" s="226"/>
      <c r="CK95" s="226"/>
      <c r="CL95" s="226"/>
      <c r="CM95" s="226"/>
      <c r="CN95" s="226"/>
      <c r="CO95" s="226"/>
      <c r="CP95" s="226"/>
      <c r="CQ95" s="226"/>
      <c r="CR95" s="226"/>
      <c r="CS95" s="226"/>
      <c r="CT95" s="226"/>
      <c r="CU95" s="226"/>
      <c r="CV95" s="226"/>
      <c r="CW95" s="226"/>
      <c r="CX95" s="226"/>
      <c r="CY95" s="226"/>
      <c r="CZ95" s="226"/>
      <c r="DA95" s="226"/>
      <c r="DB95" s="226"/>
      <c r="DC95" s="226"/>
      <c r="DD95" s="226"/>
      <c r="DE95" s="226"/>
      <c r="DF95" s="226"/>
      <c r="DG95" s="226"/>
      <c r="DH95" s="226"/>
      <c r="DI95" s="226"/>
      <c r="DJ95" s="226"/>
      <c r="DK95" s="226"/>
      <c r="DL95" s="226"/>
      <c r="DM95" s="226"/>
      <c r="DN95" s="226"/>
      <c r="DO95" s="226"/>
      <c r="DP95" s="226"/>
      <c r="DQ95" s="226"/>
      <c r="DR95" s="226"/>
      <c r="DS95" s="226"/>
      <c r="DT95" s="226"/>
      <c r="DU95" s="226"/>
      <c r="DV95" s="226"/>
      <c r="DW95" s="226"/>
      <c r="DX95" s="226"/>
      <c r="DY95" s="226"/>
      <c r="DZ95" s="226"/>
      <c r="EA95" s="226"/>
      <c r="EB95" s="226"/>
      <c r="EC95" s="226"/>
      <c r="ED95" s="226"/>
      <c r="EE95" s="226"/>
      <c r="EF95" s="226"/>
      <c r="EG95" s="226"/>
      <c r="EH95" s="226"/>
      <c r="EI95" s="226"/>
      <c r="EJ95" s="226"/>
      <c r="EK95" s="226"/>
      <c r="EL95" s="226"/>
      <c r="EM95" s="226"/>
      <c r="EN95" s="226"/>
      <c r="EO95" s="226"/>
      <c r="EP95" s="226"/>
      <c r="EQ95" s="226"/>
      <c r="ER95" s="226"/>
      <c r="ES95" s="226"/>
      <c r="ET95" s="226"/>
      <c r="EU95" s="226"/>
      <c r="EV95" s="226"/>
      <c r="EW95" s="226"/>
      <c r="EX95" s="226"/>
      <c r="EY95" s="226"/>
      <c r="EZ95" s="226"/>
      <c r="FA95" s="226"/>
      <c r="FB95" s="226"/>
      <c r="FC95" s="226"/>
      <c r="FD95" s="226"/>
      <c r="FE95" s="226"/>
      <c r="FF95" s="226"/>
      <c r="FG95" s="226"/>
      <c r="FH95" s="226"/>
      <c r="FI95" s="226"/>
      <c r="FJ95" s="226"/>
      <c r="FK95" s="226"/>
      <c r="FL95" s="226"/>
      <c r="FM95" s="226"/>
      <c r="FN95" s="226"/>
      <c r="FO95" s="226"/>
      <c r="FP95" s="226"/>
      <c r="FQ95" s="226"/>
      <c r="FR95" s="226"/>
      <c r="FS95" s="226"/>
      <c r="FT95" s="226"/>
      <c r="FU95" s="226"/>
      <c r="FV95" s="226"/>
      <c r="FW95" s="226"/>
      <c r="FX95" s="226"/>
      <c r="FY95" s="226"/>
      <c r="FZ95" s="226"/>
      <c r="GA95" s="226"/>
      <c r="GB95" s="226"/>
      <c r="GC95" s="226"/>
      <c r="GD95" s="226"/>
      <c r="GE95" s="226"/>
      <c r="GF95" s="226"/>
      <c r="GG95" s="226"/>
      <c r="GH95" s="226"/>
      <c r="GI95" s="226"/>
      <c r="GJ95" s="226"/>
      <c r="GK95" s="226"/>
    </row>
    <row r="96" spans="1:193" s="227" customFormat="1" ht="48" customHeight="1">
      <c r="A96" s="228"/>
      <c r="B96" s="228"/>
      <c r="C96" s="461" t="s">
        <v>478</v>
      </c>
      <c r="D96" s="462"/>
      <c r="E96" s="236"/>
      <c r="F96" s="237" t="s">
        <v>479</v>
      </c>
      <c r="G96" s="266"/>
      <c r="H96" s="226"/>
      <c r="I96" s="226"/>
      <c r="J96" s="226"/>
      <c r="K96" s="226"/>
      <c r="L96" s="226"/>
      <c r="M96" s="226"/>
      <c r="N96" s="226"/>
      <c r="O96" s="226"/>
      <c r="P96" s="226"/>
      <c r="Q96" s="226"/>
      <c r="R96" s="226"/>
      <c r="S96" s="226"/>
      <c r="T96" s="226"/>
      <c r="U96" s="226"/>
      <c r="V96" s="226"/>
      <c r="W96" s="226"/>
      <c r="X96" s="226"/>
      <c r="Y96" s="226"/>
      <c r="Z96" s="226"/>
      <c r="AA96" s="226"/>
      <c r="AB96" s="226"/>
      <c r="AC96" s="226"/>
      <c r="AD96" s="226"/>
      <c r="AE96" s="226"/>
      <c r="AF96" s="226"/>
      <c r="AG96" s="226"/>
      <c r="AH96" s="226"/>
      <c r="AI96" s="226"/>
      <c r="AJ96" s="226"/>
      <c r="AK96" s="226"/>
      <c r="AL96" s="226"/>
      <c r="AM96" s="226"/>
      <c r="AN96" s="226"/>
      <c r="AO96" s="226"/>
      <c r="AP96" s="226"/>
      <c r="AQ96" s="226"/>
      <c r="AR96" s="226"/>
      <c r="AS96" s="226"/>
      <c r="AT96" s="226"/>
      <c r="AU96" s="226"/>
      <c r="AV96" s="226"/>
      <c r="AW96" s="226"/>
      <c r="AX96" s="226"/>
      <c r="AY96" s="226"/>
      <c r="AZ96" s="226"/>
      <c r="BA96" s="226"/>
      <c r="BB96" s="226"/>
      <c r="BC96" s="226"/>
      <c r="BD96" s="226"/>
      <c r="BE96" s="226"/>
      <c r="BF96" s="226"/>
      <c r="BG96" s="226"/>
      <c r="BH96" s="226"/>
      <c r="BI96" s="226"/>
      <c r="BJ96" s="226"/>
      <c r="BK96" s="226"/>
      <c r="BL96" s="226"/>
      <c r="BM96" s="226"/>
      <c r="BN96" s="226"/>
      <c r="BO96" s="226"/>
      <c r="BP96" s="226"/>
      <c r="BQ96" s="226"/>
      <c r="BR96" s="226"/>
      <c r="BS96" s="226"/>
      <c r="BT96" s="226"/>
      <c r="BU96" s="226"/>
      <c r="BV96" s="226"/>
      <c r="BW96" s="226"/>
      <c r="BX96" s="226"/>
      <c r="BY96" s="226"/>
      <c r="BZ96" s="226"/>
      <c r="CA96" s="226"/>
      <c r="CB96" s="226"/>
      <c r="CC96" s="226"/>
      <c r="CD96" s="226"/>
      <c r="CE96" s="226"/>
      <c r="CF96" s="226"/>
      <c r="CG96" s="226"/>
      <c r="CH96" s="226"/>
      <c r="CI96" s="226"/>
      <c r="CJ96" s="226"/>
      <c r="CK96" s="226"/>
      <c r="CL96" s="226"/>
      <c r="CM96" s="226"/>
      <c r="CN96" s="226"/>
      <c r="CO96" s="226"/>
      <c r="CP96" s="226"/>
      <c r="CQ96" s="226"/>
      <c r="CR96" s="226"/>
      <c r="CS96" s="226"/>
      <c r="CT96" s="226"/>
      <c r="CU96" s="226"/>
      <c r="CV96" s="226"/>
      <c r="CW96" s="226"/>
      <c r="CX96" s="226"/>
      <c r="CY96" s="226"/>
      <c r="CZ96" s="226"/>
      <c r="DA96" s="226"/>
      <c r="DB96" s="226"/>
      <c r="DC96" s="226"/>
      <c r="DD96" s="226"/>
      <c r="DE96" s="226"/>
      <c r="DF96" s="226"/>
      <c r="DG96" s="226"/>
      <c r="DH96" s="226"/>
      <c r="DI96" s="226"/>
      <c r="DJ96" s="226"/>
      <c r="DK96" s="226"/>
      <c r="DL96" s="226"/>
      <c r="DM96" s="226"/>
      <c r="DN96" s="226"/>
      <c r="DO96" s="226"/>
      <c r="DP96" s="226"/>
      <c r="DQ96" s="226"/>
      <c r="DR96" s="226"/>
      <c r="DS96" s="226"/>
      <c r="DT96" s="226"/>
      <c r="DU96" s="226"/>
      <c r="DV96" s="226"/>
      <c r="DW96" s="226"/>
      <c r="DX96" s="226"/>
      <c r="DY96" s="226"/>
      <c r="DZ96" s="226"/>
      <c r="EA96" s="226"/>
      <c r="EB96" s="226"/>
      <c r="EC96" s="226"/>
      <c r="ED96" s="226"/>
      <c r="EE96" s="226"/>
      <c r="EF96" s="226"/>
      <c r="EG96" s="226"/>
      <c r="EH96" s="226"/>
      <c r="EI96" s="226"/>
      <c r="EJ96" s="226"/>
      <c r="EK96" s="226"/>
      <c r="EL96" s="226"/>
      <c r="EM96" s="226"/>
      <c r="EN96" s="226"/>
      <c r="EO96" s="226"/>
      <c r="EP96" s="226"/>
      <c r="EQ96" s="226"/>
      <c r="ER96" s="226"/>
      <c r="ES96" s="226"/>
      <c r="ET96" s="226"/>
      <c r="EU96" s="226"/>
      <c r="EV96" s="226"/>
      <c r="EW96" s="226"/>
      <c r="EX96" s="226"/>
      <c r="EY96" s="226"/>
      <c r="EZ96" s="226"/>
      <c r="FA96" s="226"/>
      <c r="FB96" s="226"/>
      <c r="FC96" s="226"/>
      <c r="FD96" s="226"/>
      <c r="FE96" s="226"/>
      <c r="FF96" s="226"/>
      <c r="FG96" s="226"/>
      <c r="FH96" s="226"/>
      <c r="FI96" s="226"/>
      <c r="FJ96" s="226"/>
      <c r="FK96" s="226"/>
      <c r="FL96" s="226"/>
      <c r="FM96" s="226"/>
      <c r="FN96" s="226"/>
      <c r="FO96" s="226"/>
      <c r="FP96" s="226"/>
      <c r="FQ96" s="226"/>
      <c r="FR96" s="226"/>
      <c r="FS96" s="226"/>
      <c r="FT96" s="226"/>
      <c r="FU96" s="226"/>
      <c r="FV96" s="226"/>
      <c r="FW96" s="226"/>
      <c r="FX96" s="226"/>
      <c r="FY96" s="226"/>
      <c r="FZ96" s="226"/>
      <c r="GA96" s="226"/>
      <c r="GB96" s="226"/>
      <c r="GC96" s="226"/>
      <c r="GD96" s="226"/>
      <c r="GE96" s="226"/>
      <c r="GF96" s="226"/>
      <c r="GG96" s="226"/>
      <c r="GH96" s="226"/>
      <c r="GI96" s="226"/>
      <c r="GJ96" s="226"/>
      <c r="GK96" s="226"/>
    </row>
    <row r="97" spans="1:193" s="227" customFormat="1" ht="49.5" customHeight="1">
      <c r="A97" s="268" t="s">
        <v>480</v>
      </c>
      <c r="B97" s="268" t="s">
        <v>363</v>
      </c>
      <c r="C97" s="457" t="s">
        <v>481</v>
      </c>
      <c r="D97" s="458"/>
      <c r="E97" s="232"/>
      <c r="F97" s="233" t="s">
        <v>397</v>
      </c>
      <c r="G97" s="267"/>
      <c r="H97" s="226"/>
      <c r="I97" s="226"/>
      <c r="J97" s="226"/>
      <c r="K97" s="226"/>
      <c r="L97" s="226"/>
      <c r="M97" s="226"/>
      <c r="N97" s="226"/>
      <c r="O97" s="226"/>
      <c r="P97" s="226"/>
      <c r="Q97" s="226"/>
      <c r="R97" s="226"/>
      <c r="S97" s="226"/>
      <c r="T97" s="226"/>
      <c r="U97" s="226"/>
      <c r="V97" s="226"/>
      <c r="W97" s="226"/>
      <c r="X97" s="226"/>
      <c r="Y97" s="226"/>
      <c r="Z97" s="226"/>
      <c r="AA97" s="226"/>
      <c r="AB97" s="226"/>
      <c r="AC97" s="226"/>
      <c r="AD97" s="226"/>
      <c r="AE97" s="226"/>
      <c r="AF97" s="226"/>
      <c r="AG97" s="226"/>
      <c r="AH97" s="226"/>
      <c r="AI97" s="226"/>
      <c r="AJ97" s="226"/>
      <c r="AK97" s="226"/>
      <c r="AL97" s="226"/>
      <c r="AM97" s="226"/>
      <c r="AN97" s="226"/>
      <c r="AO97" s="226"/>
      <c r="AP97" s="226"/>
      <c r="AQ97" s="226"/>
      <c r="AR97" s="226"/>
      <c r="AS97" s="226"/>
      <c r="AT97" s="226"/>
      <c r="AU97" s="226"/>
      <c r="AV97" s="226"/>
      <c r="AW97" s="226"/>
      <c r="AX97" s="226"/>
      <c r="AY97" s="226"/>
      <c r="AZ97" s="226"/>
      <c r="BA97" s="226"/>
      <c r="BB97" s="226"/>
      <c r="BC97" s="226"/>
      <c r="BD97" s="226"/>
      <c r="BE97" s="226"/>
      <c r="BF97" s="226"/>
      <c r="BG97" s="226"/>
      <c r="BH97" s="226"/>
      <c r="BI97" s="226"/>
      <c r="BJ97" s="226"/>
      <c r="BK97" s="226"/>
      <c r="BL97" s="226"/>
      <c r="BM97" s="226"/>
      <c r="BN97" s="226"/>
      <c r="BO97" s="226"/>
      <c r="BP97" s="226"/>
      <c r="BQ97" s="226"/>
      <c r="BR97" s="226"/>
      <c r="BS97" s="226"/>
      <c r="BT97" s="226"/>
      <c r="BU97" s="226"/>
      <c r="BV97" s="226"/>
      <c r="BW97" s="226"/>
      <c r="BX97" s="226"/>
      <c r="BY97" s="226"/>
      <c r="BZ97" s="226"/>
      <c r="CA97" s="226"/>
      <c r="CB97" s="226"/>
      <c r="CC97" s="226"/>
      <c r="CD97" s="226"/>
      <c r="CE97" s="226"/>
      <c r="CF97" s="226"/>
      <c r="CG97" s="226"/>
      <c r="CH97" s="226"/>
      <c r="CI97" s="226"/>
      <c r="CJ97" s="226"/>
      <c r="CK97" s="226"/>
      <c r="CL97" s="226"/>
      <c r="CM97" s="226"/>
      <c r="CN97" s="226"/>
      <c r="CO97" s="226"/>
      <c r="CP97" s="226"/>
      <c r="CQ97" s="226"/>
      <c r="CR97" s="226"/>
      <c r="CS97" s="226"/>
      <c r="CT97" s="226"/>
      <c r="CU97" s="226"/>
      <c r="CV97" s="226"/>
      <c r="CW97" s="226"/>
      <c r="CX97" s="226"/>
      <c r="CY97" s="226"/>
      <c r="CZ97" s="226"/>
      <c r="DA97" s="226"/>
      <c r="DB97" s="226"/>
      <c r="DC97" s="226"/>
      <c r="DD97" s="226"/>
      <c r="DE97" s="226"/>
      <c r="DF97" s="226"/>
      <c r="DG97" s="226"/>
      <c r="DH97" s="226"/>
      <c r="DI97" s="226"/>
      <c r="DJ97" s="226"/>
      <c r="DK97" s="226"/>
      <c r="DL97" s="226"/>
      <c r="DM97" s="226"/>
      <c r="DN97" s="226"/>
      <c r="DO97" s="226"/>
      <c r="DP97" s="226"/>
      <c r="DQ97" s="226"/>
      <c r="DR97" s="226"/>
      <c r="DS97" s="226"/>
      <c r="DT97" s="226"/>
      <c r="DU97" s="226"/>
      <c r="DV97" s="226"/>
      <c r="DW97" s="226"/>
      <c r="DX97" s="226"/>
      <c r="DY97" s="226"/>
      <c r="DZ97" s="226"/>
      <c r="EA97" s="226"/>
      <c r="EB97" s="226"/>
      <c r="EC97" s="226"/>
      <c r="ED97" s="226"/>
      <c r="EE97" s="226"/>
      <c r="EF97" s="226"/>
      <c r="EG97" s="226"/>
      <c r="EH97" s="226"/>
      <c r="EI97" s="226"/>
      <c r="EJ97" s="226"/>
      <c r="EK97" s="226"/>
      <c r="EL97" s="226"/>
      <c r="EM97" s="226"/>
      <c r="EN97" s="226"/>
      <c r="EO97" s="226"/>
      <c r="EP97" s="226"/>
      <c r="EQ97" s="226"/>
      <c r="ER97" s="226"/>
      <c r="ES97" s="226"/>
      <c r="ET97" s="226"/>
      <c r="EU97" s="226"/>
      <c r="EV97" s="226"/>
      <c r="EW97" s="226"/>
      <c r="EX97" s="226"/>
      <c r="EY97" s="226"/>
      <c r="EZ97" s="226"/>
      <c r="FA97" s="226"/>
      <c r="FB97" s="226"/>
      <c r="FC97" s="226"/>
      <c r="FD97" s="226"/>
      <c r="FE97" s="226"/>
      <c r="FF97" s="226"/>
      <c r="FG97" s="226"/>
      <c r="FH97" s="226"/>
      <c r="FI97" s="226"/>
      <c r="FJ97" s="226"/>
      <c r="FK97" s="226"/>
      <c r="FL97" s="226"/>
      <c r="FM97" s="226"/>
      <c r="FN97" s="226"/>
      <c r="FO97" s="226"/>
      <c r="FP97" s="226"/>
      <c r="FQ97" s="226"/>
      <c r="FR97" s="226"/>
      <c r="FS97" s="226"/>
      <c r="FT97" s="226"/>
      <c r="FU97" s="226"/>
      <c r="FV97" s="226"/>
      <c r="FW97" s="226"/>
      <c r="FX97" s="226"/>
      <c r="FY97" s="226"/>
      <c r="FZ97" s="226"/>
      <c r="GA97" s="226"/>
      <c r="GB97" s="226"/>
      <c r="GC97" s="226"/>
      <c r="GD97" s="226"/>
      <c r="GE97" s="226"/>
      <c r="GF97" s="226"/>
      <c r="GG97" s="226"/>
      <c r="GH97" s="226"/>
      <c r="GI97" s="226"/>
      <c r="GJ97" s="226"/>
      <c r="GK97" s="226"/>
    </row>
    <row r="98" spans="1:193" s="242" customFormat="1" ht="36" customHeight="1">
      <c r="A98" s="268"/>
      <c r="B98" s="268"/>
      <c r="C98" s="459" t="s">
        <v>482</v>
      </c>
      <c r="D98" s="460"/>
      <c r="E98" s="223"/>
      <c r="F98" s="224" t="s">
        <v>397</v>
      </c>
      <c r="G98" s="259"/>
      <c r="H98" s="226"/>
      <c r="I98" s="226"/>
      <c r="J98" s="226"/>
      <c r="K98" s="226"/>
      <c r="L98" s="226"/>
      <c r="M98" s="226"/>
      <c r="N98" s="226"/>
      <c r="O98" s="226"/>
      <c r="P98" s="226"/>
      <c r="Q98" s="226"/>
      <c r="R98" s="226"/>
      <c r="S98" s="226"/>
      <c r="T98" s="226"/>
      <c r="U98" s="226"/>
      <c r="V98" s="226"/>
      <c r="W98" s="226"/>
      <c r="X98" s="226"/>
      <c r="Y98" s="226"/>
      <c r="Z98" s="226"/>
      <c r="AA98" s="226"/>
      <c r="AB98" s="226"/>
      <c r="AC98" s="226"/>
      <c r="AD98" s="226"/>
      <c r="AE98" s="226"/>
      <c r="AF98" s="226"/>
      <c r="AG98" s="226"/>
      <c r="AH98" s="226"/>
      <c r="AI98" s="226"/>
      <c r="AJ98" s="226"/>
      <c r="AK98" s="226"/>
      <c r="AL98" s="226"/>
      <c r="AM98" s="226"/>
      <c r="AN98" s="226"/>
      <c r="AO98" s="226"/>
      <c r="AP98" s="226"/>
      <c r="AQ98" s="226"/>
      <c r="AR98" s="226"/>
      <c r="AS98" s="226"/>
      <c r="AT98" s="226"/>
      <c r="AU98" s="226"/>
      <c r="AV98" s="226"/>
      <c r="AW98" s="226"/>
      <c r="AX98" s="226"/>
      <c r="AY98" s="226"/>
      <c r="AZ98" s="226"/>
      <c r="BA98" s="226"/>
      <c r="BB98" s="226"/>
      <c r="BC98" s="226"/>
      <c r="BD98" s="226"/>
      <c r="BE98" s="226"/>
      <c r="BF98" s="226"/>
      <c r="BG98" s="226"/>
      <c r="BH98" s="226"/>
      <c r="BI98" s="226"/>
      <c r="BJ98" s="226"/>
      <c r="BK98" s="226"/>
      <c r="BL98" s="226"/>
      <c r="BM98" s="226"/>
      <c r="BN98" s="226"/>
      <c r="BO98" s="226"/>
      <c r="BP98" s="226"/>
      <c r="BQ98" s="226"/>
      <c r="BR98" s="226"/>
      <c r="BS98" s="226"/>
      <c r="BT98" s="226"/>
      <c r="BU98" s="226"/>
      <c r="BV98" s="226"/>
      <c r="BW98" s="226"/>
      <c r="BX98" s="226"/>
      <c r="BY98" s="226"/>
      <c r="BZ98" s="226"/>
      <c r="CA98" s="226"/>
      <c r="CB98" s="226"/>
      <c r="CC98" s="226"/>
      <c r="CD98" s="226"/>
      <c r="CE98" s="226"/>
      <c r="CF98" s="226"/>
      <c r="CG98" s="226"/>
      <c r="CH98" s="226"/>
      <c r="CI98" s="226"/>
      <c r="CJ98" s="226"/>
      <c r="CK98" s="226"/>
      <c r="CL98" s="226"/>
      <c r="CM98" s="226"/>
      <c r="CN98" s="226"/>
      <c r="CO98" s="226"/>
      <c r="CP98" s="226"/>
      <c r="CQ98" s="226"/>
      <c r="CR98" s="226"/>
      <c r="CS98" s="226"/>
      <c r="CT98" s="226"/>
      <c r="CU98" s="226"/>
      <c r="CV98" s="226"/>
      <c r="CW98" s="226"/>
      <c r="CX98" s="226"/>
      <c r="CY98" s="226"/>
      <c r="CZ98" s="226"/>
      <c r="DA98" s="226"/>
      <c r="DB98" s="226"/>
      <c r="DC98" s="226"/>
      <c r="DD98" s="226"/>
      <c r="DE98" s="226"/>
      <c r="DF98" s="226"/>
      <c r="DG98" s="226"/>
      <c r="DH98" s="226"/>
      <c r="DI98" s="226"/>
      <c r="DJ98" s="226"/>
      <c r="DK98" s="226"/>
      <c r="DL98" s="226"/>
      <c r="DM98" s="226"/>
      <c r="DN98" s="226"/>
      <c r="DO98" s="226"/>
      <c r="DP98" s="226"/>
      <c r="DQ98" s="226"/>
      <c r="DR98" s="226"/>
      <c r="DS98" s="226"/>
      <c r="DT98" s="226"/>
      <c r="DU98" s="226"/>
      <c r="DV98" s="226"/>
      <c r="DW98" s="226"/>
      <c r="DX98" s="226"/>
      <c r="DY98" s="226"/>
      <c r="DZ98" s="226"/>
      <c r="EA98" s="226"/>
      <c r="EB98" s="226"/>
      <c r="EC98" s="226"/>
      <c r="ED98" s="226"/>
      <c r="EE98" s="226"/>
      <c r="EF98" s="226"/>
      <c r="EG98" s="226"/>
      <c r="EH98" s="226"/>
      <c r="EI98" s="226"/>
      <c r="EJ98" s="226"/>
      <c r="EK98" s="226"/>
      <c r="EL98" s="226"/>
      <c r="EM98" s="226"/>
      <c r="EN98" s="226"/>
      <c r="EO98" s="226"/>
      <c r="EP98" s="226"/>
      <c r="EQ98" s="226"/>
      <c r="ER98" s="226"/>
      <c r="ES98" s="226"/>
      <c r="ET98" s="226"/>
      <c r="EU98" s="226"/>
      <c r="EV98" s="226"/>
      <c r="EW98" s="226"/>
      <c r="EX98" s="226"/>
      <c r="EY98" s="226"/>
      <c r="EZ98" s="226"/>
      <c r="FA98" s="226"/>
      <c r="FB98" s="226"/>
      <c r="FC98" s="226"/>
      <c r="FD98" s="226"/>
      <c r="FE98" s="226"/>
      <c r="FF98" s="226"/>
      <c r="FG98" s="226"/>
      <c r="FH98" s="226"/>
      <c r="FI98" s="226"/>
      <c r="FJ98" s="226"/>
      <c r="FK98" s="226"/>
      <c r="FL98" s="226"/>
      <c r="FM98" s="226"/>
      <c r="FN98" s="226"/>
      <c r="FO98" s="226"/>
      <c r="FP98" s="226"/>
      <c r="FQ98" s="226"/>
      <c r="FR98" s="226"/>
      <c r="FS98" s="226"/>
      <c r="FT98" s="226"/>
      <c r="FU98" s="226"/>
      <c r="FV98" s="226"/>
      <c r="FW98" s="226"/>
      <c r="FX98" s="226"/>
      <c r="FY98" s="226"/>
      <c r="FZ98" s="226"/>
      <c r="GA98" s="226"/>
      <c r="GB98" s="226"/>
      <c r="GC98" s="226"/>
      <c r="GD98" s="226"/>
      <c r="GE98" s="226"/>
      <c r="GF98" s="226"/>
      <c r="GG98" s="226"/>
      <c r="GH98" s="226"/>
      <c r="GI98" s="226"/>
      <c r="GJ98" s="226"/>
      <c r="GK98" s="226"/>
    </row>
    <row r="99" spans="1:193" s="227" customFormat="1" ht="21.75" customHeight="1">
      <c r="A99" s="268"/>
      <c r="B99" s="268"/>
      <c r="C99" s="461" t="s">
        <v>483</v>
      </c>
      <c r="D99" s="462"/>
      <c r="E99" s="236"/>
      <c r="F99" s="237" t="s">
        <v>397</v>
      </c>
      <c r="G99" s="266"/>
      <c r="H99" s="226"/>
      <c r="I99" s="226"/>
      <c r="J99" s="226"/>
      <c r="K99" s="226"/>
      <c r="L99" s="226"/>
      <c r="M99" s="226"/>
      <c r="N99" s="226"/>
      <c r="O99" s="226"/>
      <c r="P99" s="226"/>
      <c r="Q99" s="226"/>
      <c r="R99" s="226"/>
      <c r="S99" s="226"/>
      <c r="T99" s="226"/>
      <c r="U99" s="226"/>
      <c r="V99" s="226"/>
      <c r="W99" s="226"/>
      <c r="X99" s="226"/>
      <c r="Y99" s="226"/>
      <c r="Z99" s="226"/>
      <c r="AA99" s="226"/>
      <c r="AB99" s="226"/>
      <c r="AC99" s="226"/>
      <c r="AD99" s="226"/>
      <c r="AE99" s="226"/>
      <c r="AF99" s="226"/>
      <c r="AG99" s="226"/>
      <c r="AH99" s="226"/>
      <c r="AI99" s="226"/>
      <c r="AJ99" s="226"/>
      <c r="AK99" s="226"/>
      <c r="AL99" s="226"/>
      <c r="AM99" s="226"/>
      <c r="AN99" s="226"/>
      <c r="AO99" s="226"/>
      <c r="AP99" s="226"/>
      <c r="AQ99" s="226"/>
      <c r="AR99" s="226"/>
      <c r="AS99" s="226"/>
      <c r="AT99" s="226"/>
      <c r="AU99" s="226"/>
      <c r="AV99" s="226"/>
      <c r="AW99" s="226"/>
      <c r="AX99" s="226"/>
      <c r="AY99" s="226"/>
      <c r="AZ99" s="226"/>
      <c r="BA99" s="226"/>
      <c r="BB99" s="226"/>
      <c r="BC99" s="226"/>
      <c r="BD99" s="226"/>
      <c r="BE99" s="226"/>
      <c r="BF99" s="226"/>
      <c r="BG99" s="226"/>
      <c r="BH99" s="226"/>
      <c r="BI99" s="226"/>
      <c r="BJ99" s="226"/>
      <c r="BK99" s="226"/>
      <c r="BL99" s="226"/>
      <c r="BM99" s="226"/>
      <c r="BN99" s="226"/>
      <c r="BO99" s="226"/>
      <c r="BP99" s="226"/>
      <c r="BQ99" s="226"/>
      <c r="BR99" s="226"/>
      <c r="BS99" s="226"/>
      <c r="BT99" s="226"/>
      <c r="BU99" s="226"/>
      <c r="BV99" s="226"/>
      <c r="BW99" s="226"/>
      <c r="BX99" s="226"/>
      <c r="BY99" s="226"/>
      <c r="BZ99" s="226"/>
      <c r="CA99" s="226"/>
      <c r="CB99" s="226"/>
      <c r="CC99" s="226"/>
      <c r="CD99" s="226"/>
      <c r="CE99" s="226"/>
      <c r="CF99" s="226"/>
      <c r="CG99" s="226"/>
      <c r="CH99" s="226"/>
      <c r="CI99" s="226"/>
      <c r="CJ99" s="226"/>
      <c r="CK99" s="226"/>
      <c r="CL99" s="226"/>
      <c r="CM99" s="226"/>
      <c r="CN99" s="226"/>
      <c r="CO99" s="226"/>
      <c r="CP99" s="226"/>
      <c r="CQ99" s="226"/>
      <c r="CR99" s="226"/>
      <c r="CS99" s="226"/>
      <c r="CT99" s="226"/>
      <c r="CU99" s="226"/>
      <c r="CV99" s="226"/>
      <c r="CW99" s="226"/>
      <c r="CX99" s="226"/>
      <c r="CY99" s="226"/>
      <c r="CZ99" s="226"/>
      <c r="DA99" s="226"/>
      <c r="DB99" s="226"/>
      <c r="DC99" s="226"/>
      <c r="DD99" s="226"/>
      <c r="DE99" s="226"/>
      <c r="DF99" s="226"/>
      <c r="DG99" s="226"/>
      <c r="DH99" s="226"/>
      <c r="DI99" s="226"/>
      <c r="DJ99" s="226"/>
      <c r="DK99" s="226"/>
      <c r="DL99" s="226"/>
      <c r="DM99" s="226"/>
      <c r="DN99" s="226"/>
      <c r="DO99" s="226"/>
      <c r="DP99" s="226"/>
      <c r="DQ99" s="226"/>
      <c r="DR99" s="226"/>
      <c r="DS99" s="226"/>
      <c r="DT99" s="226"/>
      <c r="DU99" s="226"/>
      <c r="DV99" s="226"/>
      <c r="DW99" s="226"/>
      <c r="DX99" s="226"/>
      <c r="DY99" s="226"/>
      <c r="DZ99" s="226"/>
      <c r="EA99" s="226"/>
      <c r="EB99" s="226"/>
      <c r="EC99" s="226"/>
      <c r="ED99" s="226"/>
      <c r="EE99" s="226"/>
      <c r="EF99" s="226"/>
      <c r="EG99" s="226"/>
      <c r="EH99" s="226"/>
      <c r="EI99" s="226"/>
      <c r="EJ99" s="226"/>
      <c r="EK99" s="226"/>
      <c r="EL99" s="226"/>
      <c r="EM99" s="226"/>
      <c r="EN99" s="226"/>
      <c r="EO99" s="226"/>
      <c r="EP99" s="226"/>
      <c r="EQ99" s="226"/>
      <c r="ER99" s="226"/>
      <c r="ES99" s="226"/>
      <c r="ET99" s="226"/>
      <c r="EU99" s="226"/>
      <c r="EV99" s="226"/>
      <c r="EW99" s="226"/>
      <c r="EX99" s="226"/>
      <c r="EY99" s="226"/>
      <c r="EZ99" s="226"/>
      <c r="FA99" s="226"/>
      <c r="FB99" s="226"/>
      <c r="FC99" s="226"/>
      <c r="FD99" s="226"/>
      <c r="FE99" s="226"/>
      <c r="FF99" s="226"/>
      <c r="FG99" s="226"/>
      <c r="FH99" s="226"/>
      <c r="FI99" s="226"/>
      <c r="FJ99" s="226"/>
      <c r="FK99" s="226"/>
      <c r="FL99" s="226"/>
      <c r="FM99" s="226"/>
      <c r="FN99" s="226"/>
      <c r="FO99" s="226"/>
      <c r="FP99" s="226"/>
      <c r="FQ99" s="226"/>
      <c r="FR99" s="226"/>
      <c r="FS99" s="226"/>
      <c r="FT99" s="226"/>
      <c r="FU99" s="226"/>
      <c r="FV99" s="226"/>
      <c r="FW99" s="226"/>
      <c r="FX99" s="226"/>
      <c r="FY99" s="226"/>
      <c r="FZ99" s="226"/>
      <c r="GA99" s="226"/>
      <c r="GB99" s="226"/>
      <c r="GC99" s="226"/>
      <c r="GD99" s="226"/>
      <c r="GE99" s="226"/>
      <c r="GF99" s="226"/>
      <c r="GG99" s="226"/>
      <c r="GH99" s="226"/>
      <c r="GI99" s="226"/>
      <c r="GJ99" s="226"/>
      <c r="GK99" s="226"/>
    </row>
    <row r="100" spans="1:193" s="227" customFormat="1" ht="49.5" customHeight="1">
      <c r="A100" s="478" t="s">
        <v>484</v>
      </c>
      <c r="B100" s="265" t="s">
        <v>363</v>
      </c>
      <c r="C100" s="457" t="s">
        <v>485</v>
      </c>
      <c r="D100" s="458"/>
      <c r="E100" s="232"/>
      <c r="F100" s="233" t="s">
        <v>344</v>
      </c>
      <c r="G100" s="234" t="s">
        <v>435</v>
      </c>
      <c r="H100" s="226"/>
      <c r="I100" s="226"/>
      <c r="J100" s="226"/>
      <c r="K100" s="226"/>
      <c r="L100" s="226"/>
      <c r="M100" s="226"/>
      <c r="N100" s="226"/>
      <c r="O100" s="226"/>
      <c r="P100" s="226"/>
      <c r="Q100" s="226"/>
      <c r="R100" s="226"/>
      <c r="S100" s="226"/>
      <c r="T100" s="226"/>
      <c r="U100" s="226"/>
      <c r="V100" s="226"/>
      <c r="W100" s="226"/>
      <c r="X100" s="226"/>
      <c r="Y100" s="226"/>
      <c r="Z100" s="226"/>
      <c r="AA100" s="226"/>
      <c r="AB100" s="226"/>
      <c r="AC100" s="226"/>
      <c r="AD100" s="226"/>
      <c r="AE100" s="226"/>
      <c r="AF100" s="226"/>
      <c r="AG100" s="226"/>
      <c r="AH100" s="226"/>
      <c r="AI100" s="226"/>
      <c r="AJ100" s="226"/>
      <c r="AK100" s="226"/>
      <c r="AL100" s="226"/>
      <c r="AM100" s="226"/>
      <c r="AN100" s="226"/>
      <c r="AO100" s="226"/>
      <c r="AP100" s="226"/>
      <c r="AQ100" s="226"/>
      <c r="AR100" s="226"/>
      <c r="AS100" s="226"/>
      <c r="AT100" s="226"/>
      <c r="AU100" s="226"/>
      <c r="AV100" s="226"/>
      <c r="AW100" s="226"/>
      <c r="AX100" s="226"/>
      <c r="AY100" s="226"/>
      <c r="AZ100" s="226"/>
      <c r="BA100" s="226"/>
      <c r="BB100" s="226"/>
      <c r="BC100" s="226"/>
      <c r="BD100" s="226"/>
      <c r="BE100" s="226"/>
      <c r="BF100" s="226"/>
      <c r="BG100" s="226"/>
      <c r="BH100" s="226"/>
      <c r="BI100" s="226"/>
      <c r="BJ100" s="226"/>
      <c r="BK100" s="226"/>
      <c r="BL100" s="226"/>
      <c r="BM100" s="226"/>
      <c r="BN100" s="226"/>
      <c r="BO100" s="226"/>
      <c r="BP100" s="226"/>
      <c r="BQ100" s="226"/>
      <c r="BR100" s="226"/>
      <c r="BS100" s="226"/>
      <c r="BT100" s="226"/>
      <c r="BU100" s="226"/>
      <c r="BV100" s="226"/>
      <c r="BW100" s="226"/>
      <c r="BX100" s="226"/>
      <c r="BY100" s="226"/>
      <c r="BZ100" s="226"/>
      <c r="CA100" s="226"/>
      <c r="CB100" s="226"/>
      <c r="CC100" s="226"/>
      <c r="CD100" s="226"/>
      <c r="CE100" s="226"/>
      <c r="CF100" s="226"/>
      <c r="CG100" s="226"/>
      <c r="CH100" s="226"/>
      <c r="CI100" s="226"/>
      <c r="CJ100" s="226"/>
      <c r="CK100" s="226"/>
      <c r="CL100" s="226"/>
      <c r="CM100" s="226"/>
      <c r="CN100" s="226"/>
      <c r="CO100" s="226"/>
      <c r="CP100" s="226"/>
      <c r="CQ100" s="226"/>
      <c r="CR100" s="226"/>
      <c r="CS100" s="226"/>
      <c r="CT100" s="226"/>
      <c r="CU100" s="226"/>
      <c r="CV100" s="226"/>
      <c r="CW100" s="226"/>
      <c r="CX100" s="226"/>
      <c r="CY100" s="226"/>
      <c r="CZ100" s="226"/>
      <c r="DA100" s="226"/>
      <c r="DB100" s="226"/>
      <c r="DC100" s="226"/>
      <c r="DD100" s="226"/>
      <c r="DE100" s="226"/>
      <c r="DF100" s="226"/>
      <c r="DG100" s="226"/>
      <c r="DH100" s="226"/>
      <c r="DI100" s="226"/>
      <c r="DJ100" s="226"/>
      <c r="DK100" s="226"/>
      <c r="DL100" s="226"/>
      <c r="DM100" s="226"/>
      <c r="DN100" s="226"/>
      <c r="DO100" s="226"/>
      <c r="DP100" s="226"/>
      <c r="DQ100" s="226"/>
      <c r="DR100" s="226"/>
      <c r="DS100" s="226"/>
      <c r="DT100" s="226"/>
      <c r="DU100" s="226"/>
      <c r="DV100" s="226"/>
      <c r="DW100" s="226"/>
      <c r="DX100" s="226"/>
      <c r="DY100" s="226"/>
      <c r="DZ100" s="226"/>
      <c r="EA100" s="226"/>
      <c r="EB100" s="226"/>
      <c r="EC100" s="226"/>
      <c r="ED100" s="226"/>
      <c r="EE100" s="226"/>
      <c r="EF100" s="226"/>
      <c r="EG100" s="226"/>
      <c r="EH100" s="226"/>
      <c r="EI100" s="226"/>
      <c r="EJ100" s="226"/>
      <c r="EK100" s="226"/>
      <c r="EL100" s="226"/>
      <c r="EM100" s="226"/>
      <c r="EN100" s="226"/>
      <c r="EO100" s="226"/>
      <c r="EP100" s="226"/>
      <c r="EQ100" s="226"/>
      <c r="ER100" s="226"/>
      <c r="ES100" s="226"/>
      <c r="ET100" s="226"/>
      <c r="EU100" s="226"/>
      <c r="EV100" s="226"/>
      <c r="EW100" s="226"/>
      <c r="EX100" s="226"/>
      <c r="EY100" s="226"/>
      <c r="EZ100" s="226"/>
      <c r="FA100" s="226"/>
      <c r="FB100" s="226"/>
      <c r="FC100" s="226"/>
      <c r="FD100" s="226"/>
      <c r="FE100" s="226"/>
      <c r="FF100" s="226"/>
      <c r="FG100" s="226"/>
      <c r="FH100" s="226"/>
      <c r="FI100" s="226"/>
      <c r="FJ100" s="226"/>
      <c r="FK100" s="226"/>
      <c r="FL100" s="226"/>
      <c r="FM100" s="226"/>
      <c r="FN100" s="226"/>
      <c r="FO100" s="226"/>
      <c r="FP100" s="226"/>
      <c r="FQ100" s="226"/>
      <c r="FR100" s="226"/>
      <c r="FS100" s="226"/>
      <c r="FT100" s="226"/>
      <c r="FU100" s="226"/>
      <c r="FV100" s="226"/>
      <c r="FW100" s="226"/>
      <c r="FX100" s="226"/>
      <c r="FY100" s="226"/>
      <c r="FZ100" s="226"/>
      <c r="GA100" s="226"/>
      <c r="GB100" s="226"/>
      <c r="GC100" s="226"/>
      <c r="GD100" s="226"/>
      <c r="GE100" s="226"/>
      <c r="GF100" s="226"/>
      <c r="GG100" s="226"/>
      <c r="GH100" s="226"/>
      <c r="GI100" s="226"/>
      <c r="GJ100" s="226"/>
      <c r="GK100" s="226"/>
    </row>
    <row r="101" spans="1:193" s="227" customFormat="1" ht="90" customHeight="1">
      <c r="A101" s="479"/>
      <c r="B101" s="261"/>
      <c r="C101" s="459" t="s">
        <v>486</v>
      </c>
      <c r="D101" s="460"/>
      <c r="E101" s="223"/>
      <c r="F101" s="224" t="s">
        <v>487</v>
      </c>
      <c r="G101" s="225" t="s">
        <v>488</v>
      </c>
      <c r="H101" s="226"/>
      <c r="I101" s="226"/>
      <c r="J101" s="226"/>
      <c r="K101" s="226"/>
      <c r="L101" s="226"/>
      <c r="M101" s="226"/>
      <c r="N101" s="226"/>
      <c r="O101" s="226"/>
      <c r="P101" s="226"/>
      <c r="Q101" s="226"/>
      <c r="R101" s="226"/>
      <c r="S101" s="226"/>
      <c r="T101" s="226"/>
      <c r="U101" s="226"/>
      <c r="V101" s="226"/>
      <c r="W101" s="226"/>
      <c r="X101" s="226"/>
      <c r="Y101" s="226"/>
      <c r="Z101" s="226"/>
      <c r="AA101" s="226"/>
      <c r="AB101" s="226"/>
      <c r="AC101" s="226"/>
      <c r="AD101" s="226"/>
      <c r="AE101" s="226"/>
      <c r="AF101" s="226"/>
      <c r="AG101" s="226"/>
      <c r="AH101" s="226"/>
      <c r="AI101" s="226"/>
      <c r="AJ101" s="226"/>
      <c r="AK101" s="226"/>
      <c r="AL101" s="226"/>
      <c r="AM101" s="226"/>
      <c r="AN101" s="226"/>
      <c r="AO101" s="226"/>
      <c r="AP101" s="226"/>
      <c r="AQ101" s="226"/>
      <c r="AR101" s="226"/>
      <c r="AS101" s="226"/>
      <c r="AT101" s="226"/>
      <c r="AU101" s="226"/>
      <c r="AV101" s="226"/>
      <c r="AW101" s="226"/>
      <c r="AX101" s="226"/>
      <c r="AY101" s="226"/>
      <c r="AZ101" s="226"/>
      <c r="BA101" s="226"/>
      <c r="BB101" s="226"/>
      <c r="BC101" s="226"/>
      <c r="BD101" s="226"/>
      <c r="BE101" s="226"/>
      <c r="BF101" s="226"/>
      <c r="BG101" s="226"/>
      <c r="BH101" s="226"/>
      <c r="BI101" s="226"/>
      <c r="BJ101" s="226"/>
      <c r="BK101" s="226"/>
      <c r="BL101" s="226"/>
      <c r="BM101" s="226"/>
      <c r="BN101" s="226"/>
      <c r="BO101" s="226"/>
      <c r="BP101" s="226"/>
      <c r="BQ101" s="226"/>
      <c r="BR101" s="226"/>
      <c r="BS101" s="226"/>
      <c r="BT101" s="226"/>
      <c r="BU101" s="226"/>
      <c r="BV101" s="226"/>
      <c r="BW101" s="226"/>
      <c r="BX101" s="226"/>
      <c r="BY101" s="226"/>
      <c r="BZ101" s="226"/>
      <c r="CA101" s="226"/>
      <c r="CB101" s="226"/>
      <c r="CC101" s="226"/>
      <c r="CD101" s="226"/>
      <c r="CE101" s="226"/>
      <c r="CF101" s="226"/>
      <c r="CG101" s="226"/>
      <c r="CH101" s="226"/>
      <c r="CI101" s="226"/>
      <c r="CJ101" s="226"/>
      <c r="CK101" s="226"/>
      <c r="CL101" s="226"/>
      <c r="CM101" s="226"/>
      <c r="CN101" s="226"/>
      <c r="CO101" s="226"/>
      <c r="CP101" s="226"/>
      <c r="CQ101" s="226"/>
      <c r="CR101" s="226"/>
      <c r="CS101" s="226"/>
      <c r="CT101" s="226"/>
      <c r="CU101" s="226"/>
      <c r="CV101" s="226"/>
      <c r="CW101" s="226"/>
      <c r="CX101" s="226"/>
      <c r="CY101" s="226"/>
      <c r="CZ101" s="226"/>
      <c r="DA101" s="226"/>
      <c r="DB101" s="226"/>
      <c r="DC101" s="226"/>
      <c r="DD101" s="226"/>
      <c r="DE101" s="226"/>
      <c r="DF101" s="226"/>
      <c r="DG101" s="226"/>
      <c r="DH101" s="226"/>
      <c r="DI101" s="226"/>
      <c r="DJ101" s="226"/>
      <c r="DK101" s="226"/>
      <c r="DL101" s="226"/>
      <c r="DM101" s="226"/>
      <c r="DN101" s="226"/>
      <c r="DO101" s="226"/>
      <c r="DP101" s="226"/>
      <c r="DQ101" s="226"/>
      <c r="DR101" s="226"/>
      <c r="DS101" s="226"/>
      <c r="DT101" s="226"/>
      <c r="DU101" s="226"/>
      <c r="DV101" s="226"/>
      <c r="DW101" s="226"/>
      <c r="DX101" s="226"/>
      <c r="DY101" s="226"/>
      <c r="DZ101" s="226"/>
      <c r="EA101" s="226"/>
      <c r="EB101" s="226"/>
      <c r="EC101" s="226"/>
      <c r="ED101" s="226"/>
      <c r="EE101" s="226"/>
      <c r="EF101" s="226"/>
      <c r="EG101" s="226"/>
      <c r="EH101" s="226"/>
      <c r="EI101" s="226"/>
      <c r="EJ101" s="226"/>
      <c r="EK101" s="226"/>
      <c r="EL101" s="226"/>
      <c r="EM101" s="226"/>
      <c r="EN101" s="226"/>
      <c r="EO101" s="226"/>
      <c r="EP101" s="226"/>
      <c r="EQ101" s="226"/>
      <c r="ER101" s="226"/>
      <c r="ES101" s="226"/>
      <c r="ET101" s="226"/>
      <c r="EU101" s="226"/>
      <c r="EV101" s="226"/>
      <c r="EW101" s="226"/>
      <c r="EX101" s="226"/>
      <c r="EY101" s="226"/>
      <c r="EZ101" s="226"/>
      <c r="FA101" s="226"/>
      <c r="FB101" s="226"/>
      <c r="FC101" s="226"/>
      <c r="FD101" s="226"/>
      <c r="FE101" s="226"/>
      <c r="FF101" s="226"/>
      <c r="FG101" s="226"/>
      <c r="FH101" s="226"/>
      <c r="FI101" s="226"/>
      <c r="FJ101" s="226"/>
      <c r="FK101" s="226"/>
      <c r="FL101" s="226"/>
      <c r="FM101" s="226"/>
      <c r="FN101" s="226"/>
      <c r="FO101" s="226"/>
      <c r="FP101" s="226"/>
      <c r="FQ101" s="226"/>
      <c r="FR101" s="226"/>
      <c r="FS101" s="226"/>
      <c r="FT101" s="226"/>
      <c r="FU101" s="226"/>
      <c r="FV101" s="226"/>
      <c r="FW101" s="226"/>
      <c r="FX101" s="226"/>
      <c r="FY101" s="226"/>
      <c r="FZ101" s="226"/>
      <c r="GA101" s="226"/>
      <c r="GB101" s="226"/>
      <c r="GC101" s="226"/>
      <c r="GD101" s="226"/>
      <c r="GE101" s="226"/>
      <c r="GF101" s="226"/>
      <c r="GG101" s="226"/>
      <c r="GH101" s="226"/>
      <c r="GI101" s="226"/>
      <c r="GJ101" s="226"/>
      <c r="GK101" s="226"/>
    </row>
    <row r="102" spans="1:193" s="227" customFormat="1" ht="108" customHeight="1">
      <c r="A102" s="480"/>
      <c r="B102" s="262"/>
      <c r="C102" s="461" t="s">
        <v>489</v>
      </c>
      <c r="D102" s="462"/>
      <c r="E102" s="236"/>
      <c r="F102" s="237" t="s">
        <v>490</v>
      </c>
      <c r="G102" s="234" t="s">
        <v>435</v>
      </c>
      <c r="H102" s="226"/>
      <c r="I102" s="226"/>
      <c r="J102" s="226"/>
      <c r="K102" s="226"/>
      <c r="L102" s="226"/>
      <c r="M102" s="226"/>
      <c r="N102" s="226"/>
      <c r="O102" s="226"/>
      <c r="P102" s="226"/>
      <c r="Q102" s="226"/>
      <c r="R102" s="226"/>
      <c r="S102" s="226"/>
      <c r="T102" s="226"/>
      <c r="U102" s="226"/>
      <c r="V102" s="226"/>
      <c r="W102" s="226"/>
      <c r="X102" s="226"/>
      <c r="Y102" s="226"/>
      <c r="Z102" s="226"/>
      <c r="AA102" s="226"/>
      <c r="AB102" s="226"/>
      <c r="AC102" s="226"/>
      <c r="AD102" s="226"/>
      <c r="AE102" s="226"/>
      <c r="AF102" s="226"/>
      <c r="AG102" s="226"/>
      <c r="AH102" s="226"/>
      <c r="AI102" s="226"/>
      <c r="AJ102" s="226"/>
      <c r="AK102" s="226"/>
      <c r="AL102" s="226"/>
      <c r="AM102" s="226"/>
      <c r="AN102" s="226"/>
      <c r="AO102" s="226"/>
      <c r="AP102" s="226"/>
      <c r="AQ102" s="226"/>
      <c r="AR102" s="226"/>
      <c r="AS102" s="226"/>
      <c r="AT102" s="226"/>
      <c r="AU102" s="226"/>
      <c r="AV102" s="226"/>
      <c r="AW102" s="226"/>
      <c r="AX102" s="226"/>
      <c r="AY102" s="226"/>
      <c r="AZ102" s="226"/>
      <c r="BA102" s="226"/>
      <c r="BB102" s="226"/>
      <c r="BC102" s="226"/>
      <c r="BD102" s="226"/>
      <c r="BE102" s="226"/>
      <c r="BF102" s="226"/>
      <c r="BG102" s="226"/>
      <c r="BH102" s="226"/>
      <c r="BI102" s="226"/>
      <c r="BJ102" s="226"/>
      <c r="BK102" s="226"/>
      <c r="BL102" s="226"/>
      <c r="BM102" s="226"/>
      <c r="BN102" s="226"/>
      <c r="BO102" s="226"/>
      <c r="BP102" s="226"/>
      <c r="BQ102" s="226"/>
      <c r="BR102" s="226"/>
      <c r="BS102" s="226"/>
      <c r="BT102" s="226"/>
      <c r="BU102" s="226"/>
      <c r="BV102" s="226"/>
      <c r="BW102" s="226"/>
      <c r="BX102" s="226"/>
      <c r="BY102" s="226"/>
      <c r="BZ102" s="226"/>
      <c r="CA102" s="226"/>
      <c r="CB102" s="226"/>
      <c r="CC102" s="226"/>
      <c r="CD102" s="226"/>
      <c r="CE102" s="226"/>
      <c r="CF102" s="226"/>
      <c r="CG102" s="226"/>
      <c r="CH102" s="226"/>
      <c r="CI102" s="226"/>
      <c r="CJ102" s="226"/>
      <c r="CK102" s="226"/>
      <c r="CL102" s="226"/>
      <c r="CM102" s="226"/>
      <c r="CN102" s="226"/>
      <c r="CO102" s="226"/>
      <c r="CP102" s="226"/>
      <c r="CQ102" s="226"/>
      <c r="CR102" s="226"/>
      <c r="CS102" s="226"/>
      <c r="CT102" s="226"/>
      <c r="CU102" s="226"/>
      <c r="CV102" s="226"/>
      <c r="CW102" s="226"/>
      <c r="CX102" s="226"/>
      <c r="CY102" s="226"/>
      <c r="CZ102" s="226"/>
      <c r="DA102" s="226"/>
      <c r="DB102" s="226"/>
      <c r="DC102" s="226"/>
      <c r="DD102" s="226"/>
      <c r="DE102" s="226"/>
      <c r="DF102" s="226"/>
      <c r="DG102" s="226"/>
      <c r="DH102" s="226"/>
      <c r="DI102" s="226"/>
      <c r="DJ102" s="226"/>
      <c r="DK102" s="226"/>
      <c r="DL102" s="226"/>
      <c r="DM102" s="226"/>
      <c r="DN102" s="226"/>
      <c r="DO102" s="226"/>
      <c r="DP102" s="226"/>
      <c r="DQ102" s="226"/>
      <c r="DR102" s="226"/>
      <c r="DS102" s="226"/>
      <c r="DT102" s="226"/>
      <c r="DU102" s="226"/>
      <c r="DV102" s="226"/>
      <c r="DW102" s="226"/>
      <c r="DX102" s="226"/>
      <c r="DY102" s="226"/>
      <c r="DZ102" s="226"/>
      <c r="EA102" s="226"/>
      <c r="EB102" s="226"/>
      <c r="EC102" s="226"/>
      <c r="ED102" s="226"/>
      <c r="EE102" s="226"/>
      <c r="EF102" s="226"/>
      <c r="EG102" s="226"/>
      <c r="EH102" s="226"/>
      <c r="EI102" s="226"/>
      <c r="EJ102" s="226"/>
      <c r="EK102" s="226"/>
      <c r="EL102" s="226"/>
      <c r="EM102" s="226"/>
      <c r="EN102" s="226"/>
      <c r="EO102" s="226"/>
      <c r="EP102" s="226"/>
      <c r="EQ102" s="226"/>
      <c r="ER102" s="226"/>
      <c r="ES102" s="226"/>
      <c r="ET102" s="226"/>
      <c r="EU102" s="226"/>
      <c r="EV102" s="226"/>
      <c r="EW102" s="226"/>
      <c r="EX102" s="226"/>
      <c r="EY102" s="226"/>
      <c r="EZ102" s="226"/>
      <c r="FA102" s="226"/>
      <c r="FB102" s="226"/>
      <c r="FC102" s="226"/>
      <c r="FD102" s="226"/>
      <c r="FE102" s="226"/>
      <c r="FF102" s="226"/>
      <c r="FG102" s="226"/>
      <c r="FH102" s="226"/>
      <c r="FI102" s="226"/>
      <c r="FJ102" s="226"/>
      <c r="FK102" s="226"/>
      <c r="FL102" s="226"/>
      <c r="FM102" s="226"/>
      <c r="FN102" s="226"/>
      <c r="FO102" s="226"/>
      <c r="FP102" s="226"/>
      <c r="FQ102" s="226"/>
      <c r="FR102" s="226"/>
      <c r="FS102" s="226"/>
      <c r="FT102" s="226"/>
      <c r="FU102" s="226"/>
      <c r="FV102" s="226"/>
      <c r="FW102" s="226"/>
      <c r="FX102" s="226"/>
      <c r="FY102" s="226"/>
      <c r="FZ102" s="226"/>
      <c r="GA102" s="226"/>
      <c r="GB102" s="226"/>
      <c r="GC102" s="226"/>
      <c r="GD102" s="226"/>
      <c r="GE102" s="226"/>
      <c r="GF102" s="226"/>
      <c r="GG102" s="226"/>
      <c r="GH102" s="226"/>
      <c r="GI102" s="226"/>
      <c r="GJ102" s="226"/>
      <c r="GK102" s="226"/>
    </row>
    <row r="103" spans="1:193" s="227" customFormat="1" ht="49.5" customHeight="1">
      <c r="A103" s="478" t="s">
        <v>491</v>
      </c>
      <c r="B103" s="265" t="s">
        <v>492</v>
      </c>
      <c r="C103" s="457" t="s">
        <v>493</v>
      </c>
      <c r="D103" s="458"/>
      <c r="E103" s="232"/>
      <c r="F103" s="233" t="s">
        <v>344</v>
      </c>
      <c r="G103" s="267" t="s">
        <v>494</v>
      </c>
      <c r="H103" s="226"/>
      <c r="I103" s="226"/>
      <c r="J103" s="226"/>
      <c r="K103" s="226"/>
      <c r="L103" s="226"/>
      <c r="M103" s="226"/>
      <c r="N103" s="226"/>
      <c r="O103" s="226"/>
      <c r="P103" s="226"/>
      <c r="Q103" s="226"/>
      <c r="R103" s="226"/>
      <c r="S103" s="226"/>
      <c r="T103" s="226"/>
      <c r="U103" s="226"/>
      <c r="V103" s="226"/>
      <c r="W103" s="226"/>
      <c r="X103" s="226"/>
      <c r="Y103" s="226"/>
      <c r="Z103" s="226"/>
      <c r="AA103" s="226"/>
      <c r="AB103" s="226"/>
      <c r="AC103" s="226"/>
      <c r="AD103" s="226"/>
      <c r="AE103" s="226"/>
      <c r="AF103" s="226"/>
      <c r="AG103" s="226"/>
      <c r="AH103" s="226"/>
      <c r="AI103" s="226"/>
      <c r="AJ103" s="226"/>
      <c r="AK103" s="226"/>
      <c r="AL103" s="226"/>
      <c r="AM103" s="226"/>
      <c r="AN103" s="226"/>
      <c r="AO103" s="226"/>
      <c r="AP103" s="226"/>
      <c r="AQ103" s="226"/>
      <c r="AR103" s="226"/>
      <c r="AS103" s="226"/>
      <c r="AT103" s="226"/>
      <c r="AU103" s="226"/>
      <c r="AV103" s="226"/>
      <c r="AW103" s="226"/>
      <c r="AX103" s="226"/>
      <c r="AY103" s="226"/>
      <c r="AZ103" s="226"/>
      <c r="BA103" s="226"/>
      <c r="BB103" s="226"/>
      <c r="BC103" s="226"/>
      <c r="BD103" s="226"/>
      <c r="BE103" s="226"/>
      <c r="BF103" s="226"/>
      <c r="BG103" s="226"/>
      <c r="BH103" s="226"/>
      <c r="BI103" s="226"/>
      <c r="BJ103" s="226"/>
      <c r="BK103" s="226"/>
      <c r="BL103" s="226"/>
      <c r="BM103" s="226"/>
      <c r="BN103" s="226"/>
      <c r="BO103" s="226"/>
      <c r="BP103" s="226"/>
      <c r="BQ103" s="226"/>
      <c r="BR103" s="226"/>
      <c r="BS103" s="226"/>
      <c r="BT103" s="226"/>
      <c r="BU103" s="226"/>
      <c r="BV103" s="226"/>
      <c r="BW103" s="226"/>
      <c r="BX103" s="226"/>
      <c r="BY103" s="226"/>
      <c r="BZ103" s="226"/>
      <c r="CA103" s="226"/>
      <c r="CB103" s="226"/>
      <c r="CC103" s="226"/>
      <c r="CD103" s="226"/>
      <c r="CE103" s="226"/>
      <c r="CF103" s="226"/>
      <c r="CG103" s="226"/>
      <c r="CH103" s="226"/>
      <c r="CI103" s="226"/>
      <c r="CJ103" s="226"/>
      <c r="CK103" s="226"/>
      <c r="CL103" s="226"/>
      <c r="CM103" s="226"/>
      <c r="CN103" s="226"/>
      <c r="CO103" s="226"/>
      <c r="CP103" s="226"/>
      <c r="CQ103" s="226"/>
      <c r="CR103" s="226"/>
      <c r="CS103" s="226"/>
      <c r="CT103" s="226"/>
      <c r="CU103" s="226"/>
      <c r="CV103" s="226"/>
      <c r="CW103" s="226"/>
      <c r="CX103" s="226"/>
      <c r="CY103" s="226"/>
      <c r="CZ103" s="226"/>
      <c r="DA103" s="226"/>
      <c r="DB103" s="226"/>
      <c r="DC103" s="226"/>
      <c r="DD103" s="226"/>
      <c r="DE103" s="226"/>
      <c r="DF103" s="226"/>
      <c r="DG103" s="226"/>
      <c r="DH103" s="226"/>
      <c r="DI103" s="226"/>
      <c r="DJ103" s="226"/>
      <c r="DK103" s="226"/>
      <c r="DL103" s="226"/>
      <c r="DM103" s="226"/>
      <c r="DN103" s="226"/>
      <c r="DO103" s="226"/>
      <c r="DP103" s="226"/>
      <c r="DQ103" s="226"/>
      <c r="DR103" s="226"/>
      <c r="DS103" s="226"/>
      <c r="DT103" s="226"/>
      <c r="DU103" s="226"/>
      <c r="DV103" s="226"/>
      <c r="DW103" s="226"/>
      <c r="DX103" s="226"/>
      <c r="DY103" s="226"/>
      <c r="DZ103" s="226"/>
      <c r="EA103" s="226"/>
      <c r="EB103" s="226"/>
      <c r="EC103" s="226"/>
      <c r="ED103" s="226"/>
      <c r="EE103" s="226"/>
      <c r="EF103" s="226"/>
      <c r="EG103" s="226"/>
      <c r="EH103" s="226"/>
      <c r="EI103" s="226"/>
      <c r="EJ103" s="226"/>
      <c r="EK103" s="226"/>
      <c r="EL103" s="226"/>
      <c r="EM103" s="226"/>
      <c r="EN103" s="226"/>
      <c r="EO103" s="226"/>
      <c r="EP103" s="226"/>
      <c r="EQ103" s="226"/>
      <c r="ER103" s="226"/>
      <c r="ES103" s="226"/>
      <c r="ET103" s="226"/>
      <c r="EU103" s="226"/>
      <c r="EV103" s="226"/>
      <c r="EW103" s="226"/>
      <c r="EX103" s="226"/>
      <c r="EY103" s="226"/>
      <c r="EZ103" s="226"/>
      <c r="FA103" s="226"/>
      <c r="FB103" s="226"/>
      <c r="FC103" s="226"/>
      <c r="FD103" s="226"/>
      <c r="FE103" s="226"/>
      <c r="FF103" s="226"/>
      <c r="FG103" s="226"/>
      <c r="FH103" s="226"/>
      <c r="FI103" s="226"/>
      <c r="FJ103" s="226"/>
      <c r="FK103" s="226"/>
      <c r="FL103" s="226"/>
      <c r="FM103" s="226"/>
      <c r="FN103" s="226"/>
      <c r="FO103" s="226"/>
      <c r="FP103" s="226"/>
      <c r="FQ103" s="226"/>
      <c r="FR103" s="226"/>
      <c r="FS103" s="226"/>
      <c r="FT103" s="226"/>
      <c r="FU103" s="226"/>
      <c r="FV103" s="226"/>
      <c r="FW103" s="226"/>
      <c r="FX103" s="226"/>
      <c r="FY103" s="226"/>
      <c r="FZ103" s="226"/>
      <c r="GA103" s="226"/>
      <c r="GB103" s="226"/>
      <c r="GC103" s="226"/>
      <c r="GD103" s="226"/>
      <c r="GE103" s="226"/>
      <c r="GF103" s="226"/>
      <c r="GG103" s="226"/>
      <c r="GH103" s="226"/>
      <c r="GI103" s="226"/>
      <c r="GJ103" s="226"/>
      <c r="GK103" s="226"/>
    </row>
    <row r="104" spans="1:193" s="227" customFormat="1" ht="36" customHeight="1">
      <c r="A104" s="480"/>
      <c r="B104" s="262"/>
      <c r="C104" s="461" t="s">
        <v>495</v>
      </c>
      <c r="D104" s="462"/>
      <c r="E104" s="236"/>
      <c r="F104" s="237" t="s">
        <v>344</v>
      </c>
      <c r="G104" s="238" t="s">
        <v>496</v>
      </c>
      <c r="H104" s="226"/>
      <c r="I104" s="226"/>
      <c r="J104" s="226"/>
      <c r="K104" s="226"/>
      <c r="L104" s="226"/>
      <c r="M104" s="226"/>
      <c r="N104" s="226"/>
      <c r="O104" s="226"/>
      <c r="P104" s="226"/>
      <c r="Q104" s="226"/>
      <c r="R104" s="226"/>
      <c r="S104" s="226"/>
      <c r="T104" s="226"/>
      <c r="U104" s="226"/>
      <c r="V104" s="226"/>
      <c r="W104" s="226"/>
      <c r="X104" s="226"/>
      <c r="Y104" s="226"/>
      <c r="Z104" s="226"/>
      <c r="AA104" s="226"/>
      <c r="AB104" s="226"/>
      <c r="AC104" s="226"/>
      <c r="AD104" s="226"/>
      <c r="AE104" s="226"/>
      <c r="AF104" s="226"/>
      <c r="AG104" s="226"/>
      <c r="AH104" s="226"/>
      <c r="AI104" s="226"/>
      <c r="AJ104" s="226"/>
      <c r="AK104" s="226"/>
      <c r="AL104" s="226"/>
      <c r="AM104" s="226"/>
      <c r="AN104" s="226"/>
      <c r="AO104" s="226"/>
      <c r="AP104" s="226"/>
      <c r="AQ104" s="226"/>
      <c r="AR104" s="226"/>
      <c r="AS104" s="226"/>
      <c r="AT104" s="226"/>
      <c r="AU104" s="226"/>
      <c r="AV104" s="226"/>
      <c r="AW104" s="226"/>
      <c r="AX104" s="226"/>
      <c r="AY104" s="226"/>
      <c r="AZ104" s="226"/>
      <c r="BA104" s="226"/>
      <c r="BB104" s="226"/>
      <c r="BC104" s="226"/>
      <c r="BD104" s="226"/>
      <c r="BE104" s="226"/>
      <c r="BF104" s="226"/>
      <c r="BG104" s="226"/>
      <c r="BH104" s="226"/>
      <c r="BI104" s="226"/>
      <c r="BJ104" s="226"/>
      <c r="BK104" s="226"/>
      <c r="BL104" s="226"/>
      <c r="BM104" s="226"/>
      <c r="BN104" s="226"/>
      <c r="BO104" s="226"/>
      <c r="BP104" s="226"/>
      <c r="BQ104" s="226"/>
      <c r="BR104" s="226"/>
      <c r="BS104" s="226"/>
      <c r="BT104" s="226"/>
      <c r="BU104" s="226"/>
      <c r="BV104" s="226"/>
      <c r="BW104" s="226"/>
      <c r="BX104" s="226"/>
      <c r="BY104" s="226"/>
      <c r="BZ104" s="226"/>
      <c r="CA104" s="226"/>
      <c r="CB104" s="226"/>
      <c r="CC104" s="226"/>
      <c r="CD104" s="226"/>
      <c r="CE104" s="226"/>
      <c r="CF104" s="226"/>
      <c r="CG104" s="226"/>
      <c r="CH104" s="226"/>
      <c r="CI104" s="226"/>
      <c r="CJ104" s="226"/>
      <c r="CK104" s="226"/>
      <c r="CL104" s="226"/>
      <c r="CM104" s="226"/>
      <c r="CN104" s="226"/>
      <c r="CO104" s="226"/>
      <c r="CP104" s="226"/>
      <c r="CQ104" s="226"/>
      <c r="CR104" s="226"/>
      <c r="CS104" s="226"/>
      <c r="CT104" s="226"/>
      <c r="CU104" s="226"/>
      <c r="CV104" s="226"/>
      <c r="CW104" s="226"/>
      <c r="CX104" s="226"/>
      <c r="CY104" s="226"/>
      <c r="CZ104" s="226"/>
      <c r="DA104" s="226"/>
      <c r="DB104" s="226"/>
      <c r="DC104" s="226"/>
      <c r="DD104" s="226"/>
      <c r="DE104" s="226"/>
      <c r="DF104" s="226"/>
      <c r="DG104" s="226"/>
      <c r="DH104" s="226"/>
      <c r="DI104" s="226"/>
      <c r="DJ104" s="226"/>
      <c r="DK104" s="226"/>
      <c r="DL104" s="226"/>
      <c r="DM104" s="226"/>
      <c r="DN104" s="226"/>
      <c r="DO104" s="226"/>
      <c r="DP104" s="226"/>
      <c r="DQ104" s="226"/>
      <c r="DR104" s="226"/>
      <c r="DS104" s="226"/>
      <c r="DT104" s="226"/>
      <c r="DU104" s="226"/>
      <c r="DV104" s="226"/>
      <c r="DW104" s="226"/>
      <c r="DX104" s="226"/>
      <c r="DY104" s="226"/>
      <c r="DZ104" s="226"/>
      <c r="EA104" s="226"/>
      <c r="EB104" s="226"/>
      <c r="EC104" s="226"/>
      <c r="ED104" s="226"/>
      <c r="EE104" s="226"/>
      <c r="EF104" s="226"/>
      <c r="EG104" s="226"/>
      <c r="EH104" s="226"/>
      <c r="EI104" s="226"/>
      <c r="EJ104" s="226"/>
      <c r="EK104" s="226"/>
      <c r="EL104" s="226"/>
      <c r="EM104" s="226"/>
      <c r="EN104" s="226"/>
      <c r="EO104" s="226"/>
      <c r="EP104" s="226"/>
      <c r="EQ104" s="226"/>
      <c r="ER104" s="226"/>
      <c r="ES104" s="226"/>
      <c r="ET104" s="226"/>
      <c r="EU104" s="226"/>
      <c r="EV104" s="226"/>
      <c r="EW104" s="226"/>
      <c r="EX104" s="226"/>
      <c r="EY104" s="226"/>
      <c r="EZ104" s="226"/>
      <c r="FA104" s="226"/>
      <c r="FB104" s="226"/>
      <c r="FC104" s="226"/>
      <c r="FD104" s="226"/>
      <c r="FE104" s="226"/>
      <c r="FF104" s="226"/>
      <c r="FG104" s="226"/>
      <c r="FH104" s="226"/>
      <c r="FI104" s="226"/>
      <c r="FJ104" s="226"/>
      <c r="FK104" s="226"/>
      <c r="FL104" s="226"/>
      <c r="FM104" s="226"/>
      <c r="FN104" s="226"/>
      <c r="FO104" s="226"/>
      <c r="FP104" s="226"/>
      <c r="FQ104" s="226"/>
      <c r="FR104" s="226"/>
      <c r="FS104" s="226"/>
      <c r="FT104" s="226"/>
      <c r="FU104" s="226"/>
      <c r="FV104" s="226"/>
      <c r="FW104" s="226"/>
      <c r="FX104" s="226"/>
      <c r="FY104" s="226"/>
      <c r="FZ104" s="226"/>
      <c r="GA104" s="226"/>
      <c r="GB104" s="226"/>
      <c r="GC104" s="226"/>
      <c r="GD104" s="226"/>
      <c r="GE104" s="226"/>
      <c r="GF104" s="226"/>
      <c r="GG104" s="226"/>
      <c r="GH104" s="226"/>
      <c r="GI104" s="226"/>
      <c r="GJ104" s="226"/>
      <c r="GK104" s="226"/>
    </row>
    <row r="105" spans="1:193" s="227" customFormat="1" ht="36" customHeight="1">
      <c r="A105" s="269" t="s">
        <v>497</v>
      </c>
      <c r="B105" s="269" t="s">
        <v>363</v>
      </c>
      <c r="C105" s="457" t="s">
        <v>498</v>
      </c>
      <c r="D105" s="458"/>
      <c r="E105" s="232"/>
      <c r="F105" s="233" t="s">
        <v>499</v>
      </c>
      <c r="G105" s="234" t="s">
        <v>500</v>
      </c>
      <c r="H105" s="226"/>
      <c r="I105" s="226"/>
      <c r="J105" s="226"/>
      <c r="K105" s="226"/>
      <c r="L105" s="226"/>
      <c r="M105" s="226"/>
      <c r="N105" s="226"/>
      <c r="O105" s="226"/>
      <c r="P105" s="226"/>
      <c r="Q105" s="226"/>
      <c r="R105" s="226"/>
      <c r="S105" s="226"/>
      <c r="T105" s="226"/>
      <c r="U105" s="226"/>
      <c r="V105" s="226"/>
      <c r="W105" s="226"/>
      <c r="X105" s="226"/>
      <c r="Y105" s="226"/>
      <c r="Z105" s="226"/>
      <c r="AA105" s="226"/>
      <c r="AB105" s="226"/>
      <c r="AC105" s="226"/>
      <c r="AD105" s="226"/>
      <c r="AE105" s="226"/>
      <c r="AF105" s="226"/>
      <c r="AG105" s="226"/>
      <c r="AH105" s="226"/>
      <c r="AI105" s="226"/>
      <c r="AJ105" s="226"/>
      <c r="AK105" s="226"/>
      <c r="AL105" s="226"/>
      <c r="AM105" s="226"/>
      <c r="AN105" s="226"/>
      <c r="AO105" s="226"/>
      <c r="AP105" s="226"/>
      <c r="AQ105" s="226"/>
      <c r="AR105" s="226"/>
      <c r="AS105" s="226"/>
      <c r="AT105" s="226"/>
      <c r="AU105" s="226"/>
      <c r="AV105" s="226"/>
      <c r="AW105" s="226"/>
      <c r="AX105" s="226"/>
      <c r="AY105" s="226"/>
      <c r="AZ105" s="226"/>
      <c r="BA105" s="226"/>
      <c r="BB105" s="226"/>
      <c r="BC105" s="226"/>
      <c r="BD105" s="226"/>
      <c r="BE105" s="226"/>
      <c r="BF105" s="226"/>
      <c r="BG105" s="226"/>
      <c r="BH105" s="226"/>
      <c r="BI105" s="226"/>
      <c r="BJ105" s="226"/>
      <c r="BK105" s="226"/>
      <c r="BL105" s="226"/>
      <c r="BM105" s="226"/>
      <c r="BN105" s="226"/>
      <c r="BO105" s="226"/>
      <c r="BP105" s="226"/>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c r="EB105" s="226"/>
      <c r="EC105" s="226"/>
      <c r="ED105" s="226"/>
      <c r="EE105" s="226"/>
      <c r="EF105" s="226"/>
      <c r="EG105" s="226"/>
      <c r="EH105" s="226"/>
      <c r="EI105" s="226"/>
      <c r="EJ105" s="226"/>
      <c r="EK105" s="226"/>
      <c r="EL105" s="226"/>
      <c r="EM105" s="226"/>
      <c r="EN105" s="226"/>
      <c r="EO105" s="226"/>
      <c r="EP105" s="226"/>
      <c r="EQ105" s="226"/>
      <c r="ER105" s="226"/>
      <c r="ES105" s="226"/>
      <c r="ET105" s="226"/>
      <c r="EU105" s="226"/>
      <c r="EV105" s="226"/>
      <c r="EW105" s="226"/>
      <c r="EX105" s="226"/>
      <c r="EY105" s="226"/>
      <c r="EZ105" s="226"/>
      <c r="FA105" s="226"/>
      <c r="FB105" s="226"/>
      <c r="FC105" s="226"/>
      <c r="FD105" s="226"/>
      <c r="FE105" s="226"/>
      <c r="FF105" s="226"/>
      <c r="FG105" s="226"/>
      <c r="FH105" s="226"/>
      <c r="FI105" s="226"/>
      <c r="FJ105" s="226"/>
      <c r="FK105" s="226"/>
      <c r="FL105" s="226"/>
      <c r="FM105" s="226"/>
      <c r="FN105" s="226"/>
      <c r="FO105" s="226"/>
      <c r="FP105" s="226"/>
      <c r="FQ105" s="226"/>
      <c r="FR105" s="226"/>
      <c r="FS105" s="226"/>
      <c r="FT105" s="226"/>
      <c r="FU105" s="226"/>
      <c r="FV105" s="226"/>
      <c r="FW105" s="226"/>
      <c r="FX105" s="226"/>
      <c r="FY105" s="226"/>
      <c r="FZ105" s="226"/>
      <c r="GA105" s="226"/>
      <c r="GB105" s="226"/>
      <c r="GC105" s="226"/>
      <c r="GD105" s="226"/>
      <c r="GE105" s="226"/>
      <c r="GF105" s="226"/>
      <c r="GG105" s="226"/>
      <c r="GH105" s="226"/>
      <c r="GI105" s="226"/>
      <c r="GJ105" s="226"/>
      <c r="GK105" s="226"/>
    </row>
    <row r="106" spans="1:193" s="227" customFormat="1" ht="60.75" customHeight="1">
      <c r="A106" s="269"/>
      <c r="B106" s="269"/>
      <c r="C106" s="459" t="s">
        <v>501</v>
      </c>
      <c r="D106" s="460"/>
      <c r="E106" s="223"/>
      <c r="F106" s="224" t="s">
        <v>502</v>
      </c>
      <c r="G106" s="225" t="s">
        <v>503</v>
      </c>
      <c r="H106" s="226"/>
      <c r="I106" s="226"/>
      <c r="J106" s="226"/>
      <c r="K106" s="226"/>
      <c r="L106" s="226"/>
      <c r="M106" s="226"/>
      <c r="N106" s="226"/>
      <c r="O106" s="226"/>
      <c r="P106" s="226"/>
      <c r="Q106" s="226"/>
      <c r="R106" s="226"/>
      <c r="S106" s="226"/>
      <c r="T106" s="226"/>
      <c r="U106" s="226"/>
      <c r="V106" s="226"/>
      <c r="W106" s="226"/>
      <c r="X106" s="226"/>
      <c r="Y106" s="226"/>
      <c r="Z106" s="226"/>
      <c r="AA106" s="226"/>
      <c r="AB106" s="226"/>
      <c r="AC106" s="226"/>
      <c r="AD106" s="226"/>
      <c r="AE106" s="226"/>
      <c r="AF106" s="226"/>
      <c r="AG106" s="226"/>
      <c r="AH106" s="226"/>
      <c r="AI106" s="226"/>
      <c r="AJ106" s="226"/>
      <c r="AK106" s="226"/>
      <c r="AL106" s="226"/>
      <c r="AM106" s="226"/>
      <c r="AN106" s="226"/>
      <c r="AO106" s="226"/>
      <c r="AP106" s="226"/>
      <c r="AQ106" s="226"/>
      <c r="AR106" s="226"/>
      <c r="AS106" s="226"/>
      <c r="AT106" s="226"/>
      <c r="AU106" s="226"/>
      <c r="AV106" s="226"/>
      <c r="AW106" s="226"/>
      <c r="AX106" s="226"/>
      <c r="AY106" s="226"/>
      <c r="AZ106" s="226"/>
      <c r="BA106" s="226"/>
      <c r="BB106" s="226"/>
      <c r="BC106" s="226"/>
      <c r="BD106" s="226"/>
      <c r="BE106" s="226"/>
      <c r="BF106" s="226"/>
      <c r="BG106" s="226"/>
      <c r="BH106" s="226"/>
      <c r="BI106" s="226"/>
      <c r="BJ106" s="226"/>
      <c r="BK106" s="226"/>
      <c r="BL106" s="226"/>
      <c r="BM106" s="226"/>
      <c r="BN106" s="226"/>
      <c r="BO106" s="226"/>
      <c r="BP106" s="226"/>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c r="EB106" s="226"/>
      <c r="EC106" s="226"/>
      <c r="ED106" s="226"/>
      <c r="EE106" s="226"/>
      <c r="EF106" s="226"/>
      <c r="EG106" s="226"/>
      <c r="EH106" s="226"/>
      <c r="EI106" s="226"/>
      <c r="EJ106" s="226"/>
      <c r="EK106" s="226"/>
      <c r="EL106" s="226"/>
      <c r="EM106" s="226"/>
      <c r="EN106" s="226"/>
      <c r="EO106" s="226"/>
      <c r="EP106" s="226"/>
      <c r="EQ106" s="226"/>
      <c r="ER106" s="226"/>
      <c r="ES106" s="226"/>
      <c r="ET106" s="226"/>
      <c r="EU106" s="226"/>
      <c r="EV106" s="226"/>
      <c r="EW106" s="226"/>
      <c r="EX106" s="226"/>
      <c r="EY106" s="226"/>
      <c r="EZ106" s="226"/>
      <c r="FA106" s="226"/>
      <c r="FB106" s="226"/>
      <c r="FC106" s="226"/>
      <c r="FD106" s="226"/>
      <c r="FE106" s="226"/>
      <c r="FF106" s="226"/>
      <c r="FG106" s="226"/>
      <c r="FH106" s="226"/>
      <c r="FI106" s="226"/>
      <c r="FJ106" s="226"/>
      <c r="FK106" s="226"/>
      <c r="FL106" s="226"/>
      <c r="FM106" s="226"/>
      <c r="FN106" s="226"/>
      <c r="FO106" s="226"/>
      <c r="FP106" s="226"/>
      <c r="FQ106" s="226"/>
      <c r="FR106" s="226"/>
      <c r="FS106" s="226"/>
      <c r="FT106" s="226"/>
      <c r="FU106" s="226"/>
      <c r="FV106" s="226"/>
      <c r="FW106" s="226"/>
      <c r="FX106" s="226"/>
      <c r="FY106" s="226"/>
      <c r="FZ106" s="226"/>
      <c r="GA106" s="226"/>
      <c r="GB106" s="226"/>
      <c r="GC106" s="226"/>
      <c r="GD106" s="226"/>
      <c r="GE106" s="226"/>
      <c r="GF106" s="226"/>
      <c r="GG106" s="226"/>
      <c r="GH106" s="226"/>
      <c r="GI106" s="226"/>
      <c r="GJ106" s="226"/>
      <c r="GK106" s="226"/>
    </row>
    <row r="107" spans="1:193" s="227" customFormat="1" ht="21.75" customHeight="1">
      <c r="A107" s="269"/>
      <c r="B107" s="269"/>
      <c r="C107" s="459" t="s">
        <v>504</v>
      </c>
      <c r="D107" s="460"/>
      <c r="E107" s="223"/>
      <c r="F107" s="224" t="s">
        <v>397</v>
      </c>
      <c r="G107" s="259" t="s">
        <v>349</v>
      </c>
      <c r="H107" s="226"/>
      <c r="I107" s="226"/>
      <c r="J107" s="226"/>
      <c r="K107" s="226"/>
      <c r="L107" s="226"/>
      <c r="M107" s="226"/>
      <c r="N107" s="226"/>
      <c r="O107" s="226"/>
      <c r="P107" s="226"/>
      <c r="Q107" s="226"/>
      <c r="R107" s="226"/>
      <c r="S107" s="226"/>
      <c r="T107" s="226"/>
      <c r="U107" s="226"/>
      <c r="V107" s="226"/>
      <c r="W107" s="226"/>
      <c r="X107" s="226"/>
      <c r="Y107" s="226"/>
      <c r="Z107" s="226"/>
      <c r="AA107" s="226"/>
      <c r="AB107" s="226"/>
      <c r="AC107" s="226"/>
      <c r="AD107" s="226"/>
      <c r="AE107" s="226"/>
      <c r="AF107" s="226"/>
      <c r="AG107" s="226"/>
      <c r="AH107" s="226"/>
      <c r="AI107" s="226"/>
      <c r="AJ107" s="226"/>
      <c r="AK107" s="226"/>
      <c r="AL107" s="226"/>
      <c r="AM107" s="226"/>
      <c r="AN107" s="226"/>
      <c r="AO107" s="226"/>
      <c r="AP107" s="226"/>
      <c r="AQ107" s="226"/>
      <c r="AR107" s="226"/>
      <c r="AS107" s="226"/>
      <c r="AT107" s="226"/>
      <c r="AU107" s="226"/>
      <c r="AV107" s="226"/>
      <c r="AW107" s="226"/>
      <c r="AX107" s="226"/>
      <c r="AY107" s="226"/>
      <c r="AZ107" s="226"/>
      <c r="BA107" s="226"/>
      <c r="BB107" s="226"/>
      <c r="BC107" s="226"/>
      <c r="BD107" s="226"/>
      <c r="BE107" s="226"/>
      <c r="BF107" s="226"/>
      <c r="BG107" s="226"/>
      <c r="BH107" s="226"/>
      <c r="BI107" s="226"/>
      <c r="BJ107" s="226"/>
      <c r="BK107" s="226"/>
      <c r="BL107" s="226"/>
      <c r="BM107" s="226"/>
      <c r="BN107" s="226"/>
      <c r="BO107" s="226"/>
      <c r="BP107" s="226"/>
      <c r="BQ107" s="226"/>
      <c r="BR107" s="226"/>
      <c r="BS107" s="226"/>
      <c r="BT107" s="226"/>
      <c r="BU107" s="226"/>
      <c r="BV107" s="226"/>
      <c r="BW107" s="226"/>
      <c r="BX107" s="226"/>
      <c r="BY107" s="226"/>
      <c r="BZ107" s="226"/>
      <c r="CA107" s="226"/>
      <c r="CB107" s="226"/>
      <c r="CC107" s="226"/>
      <c r="CD107" s="226"/>
      <c r="CE107" s="226"/>
      <c r="CF107" s="226"/>
      <c r="CG107" s="226"/>
      <c r="CH107" s="226"/>
      <c r="CI107" s="226"/>
      <c r="CJ107" s="226"/>
      <c r="CK107" s="226"/>
      <c r="CL107" s="226"/>
      <c r="CM107" s="226"/>
      <c r="CN107" s="226"/>
      <c r="CO107" s="226"/>
      <c r="CP107" s="226"/>
      <c r="CQ107" s="226"/>
      <c r="CR107" s="226"/>
      <c r="CS107" s="226"/>
      <c r="CT107" s="226"/>
      <c r="CU107" s="226"/>
      <c r="CV107" s="226"/>
      <c r="CW107" s="226"/>
      <c r="CX107" s="226"/>
      <c r="CY107" s="226"/>
      <c r="CZ107" s="226"/>
      <c r="DA107" s="226"/>
      <c r="DB107" s="226"/>
      <c r="DC107" s="226"/>
      <c r="DD107" s="226"/>
      <c r="DE107" s="226"/>
      <c r="DF107" s="226"/>
      <c r="DG107" s="226"/>
      <c r="DH107" s="226"/>
      <c r="DI107" s="226"/>
      <c r="DJ107" s="226"/>
      <c r="DK107" s="226"/>
      <c r="DL107" s="226"/>
      <c r="DM107" s="226"/>
      <c r="DN107" s="226"/>
      <c r="DO107" s="226"/>
      <c r="DP107" s="226"/>
      <c r="DQ107" s="226"/>
      <c r="DR107" s="226"/>
      <c r="DS107" s="226"/>
      <c r="DT107" s="226"/>
      <c r="DU107" s="226"/>
      <c r="DV107" s="226"/>
      <c r="DW107" s="226"/>
      <c r="DX107" s="226"/>
      <c r="DY107" s="226"/>
      <c r="DZ107" s="226"/>
      <c r="EA107" s="226"/>
      <c r="EB107" s="226"/>
      <c r="EC107" s="226"/>
      <c r="ED107" s="226"/>
      <c r="EE107" s="226"/>
      <c r="EF107" s="226"/>
      <c r="EG107" s="226"/>
      <c r="EH107" s="226"/>
      <c r="EI107" s="226"/>
      <c r="EJ107" s="226"/>
      <c r="EK107" s="226"/>
      <c r="EL107" s="226"/>
      <c r="EM107" s="226"/>
      <c r="EN107" s="226"/>
      <c r="EO107" s="226"/>
      <c r="EP107" s="226"/>
      <c r="EQ107" s="226"/>
      <c r="ER107" s="226"/>
      <c r="ES107" s="226"/>
      <c r="ET107" s="226"/>
      <c r="EU107" s="226"/>
      <c r="EV107" s="226"/>
      <c r="EW107" s="226"/>
      <c r="EX107" s="226"/>
      <c r="EY107" s="226"/>
      <c r="EZ107" s="226"/>
      <c r="FA107" s="226"/>
      <c r="FB107" s="226"/>
      <c r="FC107" s="226"/>
      <c r="FD107" s="226"/>
      <c r="FE107" s="226"/>
      <c r="FF107" s="226"/>
      <c r="FG107" s="226"/>
      <c r="FH107" s="226"/>
      <c r="FI107" s="226"/>
      <c r="FJ107" s="226"/>
      <c r="FK107" s="226"/>
      <c r="FL107" s="226"/>
      <c r="FM107" s="226"/>
      <c r="FN107" s="226"/>
      <c r="FO107" s="226"/>
      <c r="FP107" s="226"/>
      <c r="FQ107" s="226"/>
      <c r="FR107" s="226"/>
      <c r="FS107" s="226"/>
      <c r="FT107" s="226"/>
      <c r="FU107" s="226"/>
      <c r="FV107" s="226"/>
      <c r="FW107" s="226"/>
      <c r="FX107" s="226"/>
      <c r="FY107" s="226"/>
      <c r="FZ107" s="226"/>
      <c r="GA107" s="226"/>
      <c r="GB107" s="226"/>
      <c r="GC107" s="226"/>
      <c r="GD107" s="226"/>
      <c r="GE107" s="226"/>
      <c r="GF107" s="226"/>
      <c r="GG107" s="226"/>
      <c r="GH107" s="226"/>
      <c r="GI107" s="226"/>
      <c r="GJ107" s="226"/>
      <c r="GK107" s="226"/>
    </row>
    <row r="108" spans="1:193" s="227" customFormat="1" ht="49.5" customHeight="1">
      <c r="A108" s="269"/>
      <c r="B108" s="269"/>
      <c r="C108" s="496" t="s">
        <v>505</v>
      </c>
      <c r="D108" s="497"/>
      <c r="E108" s="270"/>
      <c r="F108" s="271" t="s">
        <v>502</v>
      </c>
      <c r="G108" s="272" t="s">
        <v>506</v>
      </c>
      <c r="H108" s="226"/>
      <c r="I108" s="226"/>
      <c r="J108" s="226"/>
      <c r="K108" s="226"/>
      <c r="L108" s="226"/>
      <c r="M108" s="226"/>
      <c r="N108" s="226"/>
      <c r="O108" s="226"/>
      <c r="P108" s="226"/>
      <c r="Q108" s="226"/>
      <c r="R108" s="226"/>
      <c r="S108" s="226"/>
      <c r="T108" s="226"/>
      <c r="U108" s="226"/>
      <c r="V108" s="226"/>
      <c r="W108" s="226"/>
      <c r="X108" s="226"/>
      <c r="Y108" s="226"/>
      <c r="Z108" s="226"/>
      <c r="AA108" s="226"/>
      <c r="AB108" s="226"/>
      <c r="AC108" s="226"/>
      <c r="AD108" s="226"/>
      <c r="AE108" s="226"/>
      <c r="AF108" s="226"/>
      <c r="AG108" s="226"/>
      <c r="AH108" s="226"/>
      <c r="AI108" s="226"/>
      <c r="AJ108" s="226"/>
      <c r="AK108" s="226"/>
      <c r="AL108" s="226"/>
      <c r="AM108" s="226"/>
      <c r="AN108" s="226"/>
      <c r="AO108" s="226"/>
      <c r="AP108" s="226"/>
      <c r="AQ108" s="226"/>
      <c r="AR108" s="226"/>
      <c r="AS108" s="226"/>
      <c r="AT108" s="226"/>
      <c r="AU108" s="226"/>
      <c r="AV108" s="226"/>
      <c r="AW108" s="226"/>
      <c r="AX108" s="226"/>
      <c r="AY108" s="226"/>
      <c r="AZ108" s="226"/>
      <c r="BA108" s="226"/>
      <c r="BB108" s="226"/>
      <c r="BC108" s="226"/>
      <c r="BD108" s="226"/>
      <c r="BE108" s="226"/>
      <c r="BF108" s="226"/>
      <c r="BG108" s="226"/>
      <c r="BH108" s="226"/>
      <c r="BI108" s="226"/>
      <c r="BJ108" s="226"/>
      <c r="BK108" s="226"/>
      <c r="BL108" s="226"/>
      <c r="BM108" s="226"/>
      <c r="BN108" s="226"/>
      <c r="BO108" s="226"/>
      <c r="BP108" s="226"/>
      <c r="BQ108" s="226"/>
      <c r="BR108" s="226"/>
      <c r="BS108" s="226"/>
      <c r="BT108" s="226"/>
      <c r="BU108" s="226"/>
      <c r="BV108" s="226"/>
      <c r="BW108" s="226"/>
      <c r="BX108" s="226"/>
      <c r="BY108" s="226"/>
      <c r="BZ108" s="226"/>
      <c r="CA108" s="226"/>
      <c r="CB108" s="226"/>
      <c r="CC108" s="226"/>
      <c r="CD108" s="226"/>
      <c r="CE108" s="226"/>
      <c r="CF108" s="226"/>
      <c r="CG108" s="226"/>
      <c r="CH108" s="226"/>
      <c r="CI108" s="226"/>
      <c r="CJ108" s="226"/>
      <c r="CK108" s="226"/>
      <c r="CL108" s="226"/>
      <c r="CM108" s="226"/>
      <c r="CN108" s="226"/>
      <c r="CO108" s="226"/>
      <c r="CP108" s="226"/>
      <c r="CQ108" s="226"/>
      <c r="CR108" s="226"/>
      <c r="CS108" s="226"/>
      <c r="CT108" s="226"/>
      <c r="CU108" s="226"/>
      <c r="CV108" s="226"/>
      <c r="CW108" s="226"/>
      <c r="CX108" s="226"/>
      <c r="CY108" s="226"/>
      <c r="CZ108" s="226"/>
      <c r="DA108" s="226"/>
      <c r="DB108" s="226"/>
      <c r="DC108" s="226"/>
      <c r="DD108" s="226"/>
      <c r="DE108" s="226"/>
      <c r="DF108" s="226"/>
      <c r="DG108" s="226"/>
      <c r="DH108" s="226"/>
      <c r="DI108" s="226"/>
      <c r="DJ108" s="226"/>
      <c r="DK108" s="226"/>
      <c r="DL108" s="226"/>
      <c r="DM108" s="226"/>
      <c r="DN108" s="226"/>
      <c r="DO108" s="226"/>
      <c r="DP108" s="226"/>
      <c r="DQ108" s="226"/>
      <c r="DR108" s="226"/>
      <c r="DS108" s="226"/>
      <c r="DT108" s="226"/>
      <c r="DU108" s="226"/>
      <c r="DV108" s="226"/>
      <c r="DW108" s="226"/>
      <c r="DX108" s="226"/>
      <c r="DY108" s="226"/>
      <c r="DZ108" s="226"/>
      <c r="EA108" s="226"/>
      <c r="EB108" s="226"/>
      <c r="EC108" s="226"/>
      <c r="ED108" s="226"/>
      <c r="EE108" s="226"/>
      <c r="EF108" s="226"/>
      <c r="EG108" s="226"/>
      <c r="EH108" s="226"/>
      <c r="EI108" s="226"/>
      <c r="EJ108" s="226"/>
      <c r="EK108" s="226"/>
      <c r="EL108" s="226"/>
      <c r="EM108" s="226"/>
      <c r="EN108" s="226"/>
      <c r="EO108" s="226"/>
      <c r="EP108" s="226"/>
      <c r="EQ108" s="226"/>
      <c r="ER108" s="226"/>
      <c r="ES108" s="226"/>
      <c r="ET108" s="226"/>
      <c r="EU108" s="226"/>
      <c r="EV108" s="226"/>
      <c r="EW108" s="226"/>
      <c r="EX108" s="226"/>
      <c r="EY108" s="226"/>
      <c r="EZ108" s="226"/>
      <c r="FA108" s="226"/>
      <c r="FB108" s="226"/>
      <c r="FC108" s="226"/>
      <c r="FD108" s="226"/>
      <c r="FE108" s="226"/>
      <c r="FF108" s="226"/>
      <c r="FG108" s="226"/>
      <c r="FH108" s="226"/>
      <c r="FI108" s="226"/>
      <c r="FJ108" s="226"/>
      <c r="FK108" s="226"/>
      <c r="FL108" s="226"/>
      <c r="FM108" s="226"/>
      <c r="FN108" s="226"/>
      <c r="FO108" s="226"/>
      <c r="FP108" s="226"/>
      <c r="FQ108" s="226"/>
      <c r="FR108" s="226"/>
      <c r="FS108" s="226"/>
      <c r="FT108" s="226"/>
      <c r="FU108" s="226"/>
      <c r="FV108" s="226"/>
      <c r="FW108" s="226"/>
      <c r="FX108" s="226"/>
      <c r="FY108" s="226"/>
      <c r="FZ108" s="226"/>
      <c r="GA108" s="226"/>
      <c r="GB108" s="226"/>
      <c r="GC108" s="226"/>
      <c r="GD108" s="226"/>
      <c r="GE108" s="226"/>
      <c r="GF108" s="226"/>
      <c r="GG108" s="226"/>
      <c r="GH108" s="226"/>
      <c r="GI108" s="226"/>
      <c r="GJ108" s="226"/>
      <c r="GK108" s="226"/>
    </row>
    <row r="109" spans="1:193" s="227" customFormat="1" ht="36" customHeight="1">
      <c r="A109" s="492" t="s">
        <v>507</v>
      </c>
      <c r="B109" s="222" t="s">
        <v>363</v>
      </c>
      <c r="C109" s="457" t="s">
        <v>508</v>
      </c>
      <c r="D109" s="458"/>
      <c r="E109" s="232"/>
      <c r="F109" s="233" t="s">
        <v>490</v>
      </c>
      <c r="G109" s="234" t="s">
        <v>500</v>
      </c>
      <c r="H109" s="226"/>
      <c r="I109" s="226"/>
      <c r="J109" s="226"/>
      <c r="K109" s="226"/>
      <c r="L109" s="226"/>
      <c r="M109" s="226"/>
      <c r="N109" s="226"/>
      <c r="O109" s="226"/>
      <c r="P109" s="226"/>
      <c r="Q109" s="226"/>
      <c r="R109" s="226"/>
      <c r="S109" s="226"/>
      <c r="T109" s="226"/>
      <c r="U109" s="226"/>
      <c r="V109" s="226"/>
      <c r="W109" s="226"/>
      <c r="X109" s="226"/>
      <c r="Y109" s="226"/>
      <c r="Z109" s="226"/>
      <c r="AA109" s="226"/>
      <c r="AB109" s="226"/>
      <c r="AC109" s="226"/>
      <c r="AD109" s="226"/>
      <c r="AE109" s="226"/>
      <c r="AF109" s="226"/>
      <c r="AG109" s="226"/>
      <c r="AH109" s="226"/>
      <c r="AI109" s="226"/>
      <c r="AJ109" s="226"/>
      <c r="AK109" s="226"/>
      <c r="AL109" s="226"/>
      <c r="AM109" s="226"/>
      <c r="AN109" s="226"/>
      <c r="AO109" s="226"/>
      <c r="AP109" s="226"/>
      <c r="AQ109" s="226"/>
      <c r="AR109" s="226"/>
      <c r="AS109" s="226"/>
      <c r="AT109" s="226"/>
      <c r="AU109" s="226"/>
      <c r="AV109" s="226"/>
      <c r="AW109" s="226"/>
      <c r="AX109" s="226"/>
      <c r="AY109" s="226"/>
      <c r="AZ109" s="226"/>
      <c r="BA109" s="226"/>
      <c r="BB109" s="226"/>
      <c r="BC109" s="226"/>
      <c r="BD109" s="226"/>
      <c r="BE109" s="226"/>
      <c r="BF109" s="226"/>
      <c r="BG109" s="226"/>
      <c r="BH109" s="226"/>
      <c r="BI109" s="226"/>
      <c r="BJ109" s="226"/>
      <c r="BK109" s="226"/>
      <c r="BL109" s="226"/>
      <c r="BM109" s="226"/>
      <c r="BN109" s="226"/>
      <c r="BO109" s="226"/>
      <c r="BP109" s="226"/>
      <c r="BQ109" s="226"/>
      <c r="BR109" s="226"/>
      <c r="BS109" s="226"/>
      <c r="BT109" s="226"/>
      <c r="BU109" s="226"/>
      <c r="BV109" s="226"/>
      <c r="BW109" s="226"/>
      <c r="BX109" s="226"/>
      <c r="BY109" s="226"/>
      <c r="BZ109" s="226"/>
      <c r="CA109" s="226"/>
      <c r="CB109" s="226"/>
      <c r="CC109" s="226"/>
      <c r="CD109" s="226"/>
      <c r="CE109" s="226"/>
      <c r="CF109" s="226"/>
      <c r="CG109" s="226"/>
      <c r="CH109" s="226"/>
      <c r="CI109" s="226"/>
      <c r="CJ109" s="226"/>
      <c r="CK109" s="226"/>
      <c r="CL109" s="226"/>
      <c r="CM109" s="226"/>
      <c r="CN109" s="226"/>
      <c r="CO109" s="226"/>
      <c r="CP109" s="226"/>
      <c r="CQ109" s="226"/>
      <c r="CR109" s="226"/>
      <c r="CS109" s="226"/>
      <c r="CT109" s="226"/>
      <c r="CU109" s="226"/>
      <c r="CV109" s="226"/>
      <c r="CW109" s="226"/>
      <c r="CX109" s="226"/>
      <c r="CY109" s="226"/>
      <c r="CZ109" s="226"/>
      <c r="DA109" s="226"/>
      <c r="DB109" s="226"/>
      <c r="DC109" s="226"/>
      <c r="DD109" s="226"/>
      <c r="DE109" s="226"/>
      <c r="DF109" s="226"/>
      <c r="DG109" s="226"/>
      <c r="DH109" s="226"/>
      <c r="DI109" s="226"/>
      <c r="DJ109" s="226"/>
      <c r="DK109" s="226"/>
      <c r="DL109" s="226"/>
      <c r="DM109" s="226"/>
      <c r="DN109" s="226"/>
      <c r="DO109" s="226"/>
      <c r="DP109" s="226"/>
      <c r="DQ109" s="226"/>
      <c r="DR109" s="226"/>
      <c r="DS109" s="226"/>
      <c r="DT109" s="226"/>
      <c r="DU109" s="226"/>
      <c r="DV109" s="226"/>
      <c r="DW109" s="226"/>
      <c r="DX109" s="226"/>
      <c r="DY109" s="226"/>
      <c r="DZ109" s="226"/>
      <c r="EA109" s="226"/>
      <c r="EB109" s="226"/>
      <c r="EC109" s="226"/>
      <c r="ED109" s="226"/>
      <c r="EE109" s="226"/>
      <c r="EF109" s="226"/>
      <c r="EG109" s="226"/>
      <c r="EH109" s="226"/>
      <c r="EI109" s="226"/>
      <c r="EJ109" s="226"/>
      <c r="EK109" s="226"/>
      <c r="EL109" s="226"/>
      <c r="EM109" s="226"/>
      <c r="EN109" s="226"/>
      <c r="EO109" s="226"/>
      <c r="EP109" s="226"/>
      <c r="EQ109" s="226"/>
      <c r="ER109" s="226"/>
      <c r="ES109" s="226"/>
      <c r="ET109" s="226"/>
      <c r="EU109" s="226"/>
      <c r="EV109" s="226"/>
      <c r="EW109" s="226"/>
      <c r="EX109" s="226"/>
      <c r="EY109" s="226"/>
      <c r="EZ109" s="226"/>
      <c r="FA109" s="226"/>
      <c r="FB109" s="226"/>
      <c r="FC109" s="226"/>
      <c r="FD109" s="226"/>
      <c r="FE109" s="226"/>
      <c r="FF109" s="226"/>
      <c r="FG109" s="226"/>
      <c r="FH109" s="226"/>
      <c r="FI109" s="226"/>
      <c r="FJ109" s="226"/>
      <c r="FK109" s="226"/>
      <c r="FL109" s="226"/>
      <c r="FM109" s="226"/>
      <c r="FN109" s="226"/>
      <c r="FO109" s="226"/>
      <c r="FP109" s="226"/>
      <c r="FQ109" s="226"/>
      <c r="FR109" s="226"/>
      <c r="FS109" s="226"/>
      <c r="FT109" s="226"/>
      <c r="FU109" s="226"/>
      <c r="FV109" s="226"/>
      <c r="FW109" s="226"/>
      <c r="FX109" s="226"/>
      <c r="FY109" s="226"/>
      <c r="FZ109" s="226"/>
      <c r="GA109" s="226"/>
      <c r="GB109" s="226"/>
      <c r="GC109" s="226"/>
      <c r="GD109" s="226"/>
      <c r="GE109" s="226"/>
      <c r="GF109" s="226"/>
      <c r="GG109" s="226"/>
      <c r="GH109" s="226"/>
      <c r="GI109" s="226"/>
      <c r="GJ109" s="226"/>
      <c r="GK109" s="226"/>
    </row>
    <row r="110" spans="1:193" s="227" customFormat="1" ht="48" customHeight="1">
      <c r="A110" s="493"/>
      <c r="B110" s="235"/>
      <c r="C110" s="498" t="s">
        <v>509</v>
      </c>
      <c r="D110" s="499"/>
      <c r="E110" s="223"/>
      <c r="F110" s="224" t="s">
        <v>510</v>
      </c>
      <c r="G110" s="225" t="s">
        <v>511</v>
      </c>
      <c r="H110" s="226"/>
      <c r="I110" s="226"/>
      <c r="J110" s="226"/>
      <c r="K110" s="226"/>
      <c r="L110" s="226"/>
      <c r="M110" s="226"/>
      <c r="N110" s="226"/>
      <c r="O110" s="226"/>
      <c r="P110" s="226"/>
      <c r="Q110" s="226"/>
      <c r="R110" s="226"/>
      <c r="S110" s="226"/>
      <c r="T110" s="226"/>
      <c r="U110" s="226"/>
      <c r="V110" s="226"/>
      <c r="W110" s="226"/>
      <c r="X110" s="226"/>
      <c r="Y110" s="226"/>
      <c r="Z110" s="226"/>
      <c r="AA110" s="226"/>
      <c r="AB110" s="226"/>
      <c r="AC110" s="226"/>
      <c r="AD110" s="226"/>
      <c r="AE110" s="226"/>
      <c r="AF110" s="226"/>
      <c r="AG110" s="226"/>
      <c r="AH110" s="226"/>
      <c r="AI110" s="226"/>
      <c r="AJ110" s="226"/>
      <c r="AK110" s="226"/>
      <c r="AL110" s="226"/>
      <c r="AM110" s="226"/>
      <c r="AN110" s="226"/>
      <c r="AO110" s="226"/>
      <c r="AP110" s="226"/>
      <c r="AQ110" s="226"/>
      <c r="AR110" s="226"/>
      <c r="AS110" s="226"/>
      <c r="AT110" s="226"/>
      <c r="AU110" s="226"/>
      <c r="AV110" s="226"/>
      <c r="AW110" s="226"/>
      <c r="AX110" s="226"/>
      <c r="AY110" s="226"/>
      <c r="AZ110" s="226"/>
      <c r="BA110" s="226"/>
      <c r="BB110" s="226"/>
      <c r="BC110" s="226"/>
      <c r="BD110" s="226"/>
      <c r="BE110" s="226"/>
      <c r="BF110" s="226"/>
      <c r="BG110" s="226"/>
      <c r="BH110" s="226"/>
      <c r="BI110" s="226"/>
      <c r="BJ110" s="226"/>
      <c r="BK110" s="226"/>
      <c r="BL110" s="226"/>
      <c r="BM110" s="226"/>
      <c r="BN110" s="226"/>
      <c r="BO110" s="226"/>
      <c r="BP110" s="226"/>
      <c r="BQ110" s="226"/>
      <c r="BR110" s="226"/>
      <c r="BS110" s="226"/>
      <c r="BT110" s="226"/>
      <c r="BU110" s="226"/>
      <c r="BV110" s="226"/>
      <c r="BW110" s="226"/>
      <c r="BX110" s="226"/>
      <c r="BY110" s="226"/>
      <c r="BZ110" s="226"/>
      <c r="CA110" s="226"/>
      <c r="CB110" s="226"/>
      <c r="CC110" s="226"/>
      <c r="CD110" s="226"/>
      <c r="CE110" s="226"/>
      <c r="CF110" s="226"/>
      <c r="CG110" s="226"/>
      <c r="CH110" s="226"/>
      <c r="CI110" s="226"/>
      <c r="CJ110" s="226"/>
      <c r="CK110" s="226"/>
      <c r="CL110" s="226"/>
      <c r="CM110" s="226"/>
      <c r="CN110" s="226"/>
      <c r="CO110" s="226"/>
      <c r="CP110" s="226"/>
      <c r="CQ110" s="226"/>
      <c r="CR110" s="226"/>
      <c r="CS110" s="226"/>
      <c r="CT110" s="226"/>
      <c r="CU110" s="226"/>
      <c r="CV110" s="226"/>
      <c r="CW110" s="226"/>
      <c r="CX110" s="226"/>
      <c r="CY110" s="226"/>
      <c r="CZ110" s="226"/>
      <c r="DA110" s="226"/>
      <c r="DB110" s="226"/>
      <c r="DC110" s="226"/>
      <c r="DD110" s="226"/>
      <c r="DE110" s="226"/>
      <c r="DF110" s="226"/>
      <c r="DG110" s="226"/>
      <c r="DH110" s="226"/>
      <c r="DI110" s="226"/>
      <c r="DJ110" s="226"/>
      <c r="DK110" s="226"/>
      <c r="DL110" s="226"/>
      <c r="DM110" s="226"/>
      <c r="DN110" s="226"/>
      <c r="DO110" s="226"/>
      <c r="DP110" s="226"/>
      <c r="DQ110" s="226"/>
      <c r="DR110" s="226"/>
      <c r="DS110" s="226"/>
      <c r="DT110" s="226"/>
      <c r="DU110" s="226"/>
      <c r="DV110" s="226"/>
      <c r="DW110" s="226"/>
      <c r="DX110" s="226"/>
      <c r="DY110" s="226"/>
      <c r="DZ110" s="226"/>
      <c r="EA110" s="226"/>
      <c r="EB110" s="226"/>
      <c r="EC110" s="226"/>
      <c r="ED110" s="226"/>
      <c r="EE110" s="226"/>
      <c r="EF110" s="226"/>
      <c r="EG110" s="226"/>
      <c r="EH110" s="226"/>
      <c r="EI110" s="226"/>
      <c r="EJ110" s="226"/>
      <c r="EK110" s="226"/>
      <c r="EL110" s="226"/>
      <c r="EM110" s="226"/>
      <c r="EN110" s="226"/>
      <c r="EO110" s="226"/>
      <c r="EP110" s="226"/>
      <c r="EQ110" s="226"/>
      <c r="ER110" s="226"/>
      <c r="ES110" s="226"/>
      <c r="ET110" s="226"/>
      <c r="EU110" s="226"/>
      <c r="EV110" s="226"/>
      <c r="EW110" s="226"/>
      <c r="EX110" s="226"/>
      <c r="EY110" s="226"/>
      <c r="EZ110" s="226"/>
      <c r="FA110" s="226"/>
      <c r="FB110" s="226"/>
      <c r="FC110" s="226"/>
      <c r="FD110" s="226"/>
      <c r="FE110" s="226"/>
      <c r="FF110" s="226"/>
      <c r="FG110" s="226"/>
      <c r="FH110" s="226"/>
      <c r="FI110" s="226"/>
      <c r="FJ110" s="226"/>
      <c r="FK110" s="226"/>
      <c r="FL110" s="226"/>
      <c r="FM110" s="226"/>
      <c r="FN110" s="226"/>
      <c r="FO110" s="226"/>
      <c r="FP110" s="226"/>
      <c r="FQ110" s="226"/>
      <c r="FR110" s="226"/>
      <c r="FS110" s="226"/>
      <c r="FT110" s="226"/>
      <c r="FU110" s="226"/>
      <c r="FV110" s="226"/>
      <c r="FW110" s="226"/>
      <c r="FX110" s="226"/>
      <c r="FY110" s="226"/>
      <c r="FZ110" s="226"/>
      <c r="GA110" s="226"/>
      <c r="GB110" s="226"/>
      <c r="GC110" s="226"/>
      <c r="GD110" s="226"/>
      <c r="GE110" s="226"/>
      <c r="GF110" s="226"/>
      <c r="GG110" s="226"/>
      <c r="GH110" s="226"/>
      <c r="GI110" s="226"/>
      <c r="GJ110" s="226"/>
      <c r="GK110" s="226"/>
    </row>
    <row r="111" spans="1:193" s="227" customFormat="1" ht="21.75" customHeight="1">
      <c r="A111" s="493"/>
      <c r="B111" s="235"/>
      <c r="C111" s="459" t="s">
        <v>512</v>
      </c>
      <c r="D111" s="460"/>
      <c r="E111" s="223"/>
      <c r="F111" s="224" t="s">
        <v>513</v>
      </c>
      <c r="G111" s="225" t="s">
        <v>514</v>
      </c>
      <c r="H111" s="226"/>
      <c r="I111" s="226"/>
      <c r="J111" s="226"/>
      <c r="K111" s="226"/>
      <c r="L111" s="226"/>
      <c r="M111" s="226"/>
      <c r="N111" s="226"/>
      <c r="O111" s="226"/>
      <c r="P111" s="226"/>
      <c r="Q111" s="226"/>
      <c r="R111" s="226"/>
      <c r="S111" s="226"/>
      <c r="T111" s="226"/>
      <c r="U111" s="226"/>
      <c r="V111" s="226"/>
      <c r="W111" s="226"/>
      <c r="X111" s="226"/>
      <c r="Y111" s="226"/>
      <c r="Z111" s="226"/>
      <c r="AA111" s="226"/>
      <c r="AB111" s="226"/>
      <c r="AC111" s="226"/>
      <c r="AD111" s="226"/>
      <c r="AE111" s="226"/>
      <c r="AF111" s="226"/>
      <c r="AG111" s="226"/>
      <c r="AH111" s="226"/>
      <c r="AI111" s="226"/>
      <c r="AJ111" s="226"/>
      <c r="AK111" s="226"/>
      <c r="AL111" s="226"/>
      <c r="AM111" s="226"/>
      <c r="AN111" s="226"/>
      <c r="AO111" s="226"/>
      <c r="AP111" s="226"/>
      <c r="AQ111" s="226"/>
      <c r="AR111" s="226"/>
      <c r="AS111" s="226"/>
      <c r="AT111" s="226"/>
      <c r="AU111" s="226"/>
      <c r="AV111" s="226"/>
      <c r="AW111" s="226"/>
      <c r="AX111" s="226"/>
      <c r="AY111" s="226"/>
      <c r="AZ111" s="226"/>
      <c r="BA111" s="226"/>
      <c r="BB111" s="226"/>
      <c r="BC111" s="226"/>
      <c r="BD111" s="226"/>
      <c r="BE111" s="226"/>
      <c r="BF111" s="226"/>
      <c r="BG111" s="226"/>
      <c r="BH111" s="226"/>
      <c r="BI111" s="226"/>
      <c r="BJ111" s="226"/>
      <c r="BK111" s="226"/>
      <c r="BL111" s="226"/>
      <c r="BM111" s="226"/>
      <c r="BN111" s="226"/>
      <c r="BO111" s="226"/>
      <c r="BP111" s="226"/>
      <c r="BQ111" s="226"/>
      <c r="BR111" s="226"/>
      <c r="BS111" s="226"/>
      <c r="BT111" s="226"/>
      <c r="BU111" s="226"/>
      <c r="BV111" s="226"/>
      <c r="BW111" s="226"/>
      <c r="BX111" s="226"/>
      <c r="BY111" s="226"/>
      <c r="BZ111" s="226"/>
      <c r="CA111" s="226"/>
      <c r="CB111" s="226"/>
      <c r="CC111" s="226"/>
      <c r="CD111" s="226"/>
      <c r="CE111" s="226"/>
      <c r="CF111" s="226"/>
      <c r="CG111" s="226"/>
      <c r="CH111" s="226"/>
      <c r="CI111" s="226"/>
      <c r="CJ111" s="226"/>
      <c r="CK111" s="226"/>
      <c r="CL111" s="226"/>
      <c r="CM111" s="226"/>
      <c r="CN111" s="226"/>
      <c r="CO111" s="226"/>
      <c r="CP111" s="226"/>
      <c r="CQ111" s="226"/>
      <c r="CR111" s="226"/>
      <c r="CS111" s="226"/>
      <c r="CT111" s="226"/>
      <c r="CU111" s="226"/>
      <c r="CV111" s="226"/>
      <c r="CW111" s="226"/>
      <c r="CX111" s="226"/>
      <c r="CY111" s="226"/>
      <c r="CZ111" s="226"/>
      <c r="DA111" s="226"/>
      <c r="DB111" s="226"/>
      <c r="DC111" s="226"/>
      <c r="DD111" s="226"/>
      <c r="DE111" s="226"/>
      <c r="DF111" s="226"/>
      <c r="DG111" s="226"/>
      <c r="DH111" s="226"/>
      <c r="DI111" s="226"/>
      <c r="DJ111" s="226"/>
      <c r="DK111" s="226"/>
      <c r="DL111" s="226"/>
      <c r="DM111" s="226"/>
      <c r="DN111" s="226"/>
      <c r="DO111" s="226"/>
      <c r="DP111" s="226"/>
      <c r="DQ111" s="226"/>
      <c r="DR111" s="226"/>
      <c r="DS111" s="226"/>
      <c r="DT111" s="226"/>
      <c r="DU111" s="226"/>
      <c r="DV111" s="226"/>
      <c r="DW111" s="226"/>
      <c r="DX111" s="226"/>
      <c r="DY111" s="226"/>
      <c r="DZ111" s="226"/>
      <c r="EA111" s="226"/>
      <c r="EB111" s="226"/>
      <c r="EC111" s="226"/>
      <c r="ED111" s="226"/>
      <c r="EE111" s="226"/>
      <c r="EF111" s="226"/>
      <c r="EG111" s="226"/>
      <c r="EH111" s="226"/>
      <c r="EI111" s="226"/>
      <c r="EJ111" s="226"/>
      <c r="EK111" s="226"/>
      <c r="EL111" s="226"/>
      <c r="EM111" s="226"/>
      <c r="EN111" s="226"/>
      <c r="EO111" s="226"/>
      <c r="EP111" s="226"/>
      <c r="EQ111" s="226"/>
      <c r="ER111" s="226"/>
      <c r="ES111" s="226"/>
      <c r="ET111" s="226"/>
      <c r="EU111" s="226"/>
      <c r="EV111" s="226"/>
      <c r="EW111" s="226"/>
      <c r="EX111" s="226"/>
      <c r="EY111" s="226"/>
      <c r="EZ111" s="226"/>
      <c r="FA111" s="226"/>
      <c r="FB111" s="226"/>
      <c r="FC111" s="226"/>
      <c r="FD111" s="226"/>
      <c r="FE111" s="226"/>
      <c r="FF111" s="226"/>
      <c r="FG111" s="226"/>
      <c r="FH111" s="226"/>
      <c r="FI111" s="226"/>
      <c r="FJ111" s="226"/>
      <c r="FK111" s="226"/>
      <c r="FL111" s="226"/>
      <c r="FM111" s="226"/>
      <c r="FN111" s="226"/>
      <c r="FO111" s="226"/>
      <c r="FP111" s="226"/>
      <c r="FQ111" s="226"/>
      <c r="FR111" s="226"/>
      <c r="FS111" s="226"/>
      <c r="FT111" s="226"/>
      <c r="FU111" s="226"/>
      <c r="FV111" s="226"/>
      <c r="FW111" s="226"/>
      <c r="FX111" s="226"/>
      <c r="FY111" s="226"/>
      <c r="FZ111" s="226"/>
      <c r="GA111" s="226"/>
      <c r="GB111" s="226"/>
      <c r="GC111" s="226"/>
      <c r="GD111" s="226"/>
      <c r="GE111" s="226"/>
      <c r="GF111" s="226"/>
      <c r="GG111" s="226"/>
      <c r="GH111" s="226"/>
      <c r="GI111" s="226"/>
      <c r="GJ111" s="226"/>
      <c r="GK111" s="226"/>
    </row>
    <row r="112" spans="1:193" s="227" customFormat="1" ht="36" customHeight="1">
      <c r="A112" s="493"/>
      <c r="B112" s="235"/>
      <c r="C112" s="459" t="s">
        <v>515</v>
      </c>
      <c r="D112" s="460"/>
      <c r="E112" s="223"/>
      <c r="F112" s="224" t="s">
        <v>510</v>
      </c>
      <c r="G112" s="225" t="s">
        <v>516</v>
      </c>
      <c r="H112" s="226"/>
      <c r="I112" s="226"/>
      <c r="J112" s="226"/>
      <c r="K112" s="226"/>
      <c r="L112" s="226"/>
      <c r="M112" s="226"/>
      <c r="N112" s="226"/>
      <c r="O112" s="226"/>
      <c r="P112" s="226"/>
      <c r="Q112" s="226"/>
      <c r="R112" s="226"/>
      <c r="S112" s="226"/>
      <c r="T112" s="226"/>
      <c r="U112" s="226"/>
      <c r="V112" s="226"/>
      <c r="W112" s="226"/>
      <c r="X112" s="226"/>
      <c r="Y112" s="226"/>
      <c r="Z112" s="226"/>
      <c r="AA112" s="226"/>
      <c r="AB112" s="226"/>
      <c r="AC112" s="226"/>
      <c r="AD112" s="226"/>
      <c r="AE112" s="226"/>
      <c r="AF112" s="226"/>
      <c r="AG112" s="226"/>
      <c r="AH112" s="226"/>
      <c r="AI112" s="226"/>
      <c r="AJ112" s="226"/>
      <c r="AK112" s="226"/>
      <c r="AL112" s="226"/>
      <c r="AM112" s="226"/>
      <c r="AN112" s="226"/>
      <c r="AO112" s="226"/>
      <c r="AP112" s="226"/>
      <c r="AQ112" s="226"/>
      <c r="AR112" s="226"/>
      <c r="AS112" s="226"/>
      <c r="AT112" s="226"/>
      <c r="AU112" s="226"/>
      <c r="AV112" s="226"/>
      <c r="AW112" s="226"/>
      <c r="AX112" s="226"/>
      <c r="AY112" s="226"/>
      <c r="AZ112" s="226"/>
      <c r="BA112" s="226"/>
      <c r="BB112" s="226"/>
      <c r="BC112" s="226"/>
      <c r="BD112" s="226"/>
      <c r="BE112" s="226"/>
      <c r="BF112" s="226"/>
      <c r="BG112" s="226"/>
      <c r="BH112" s="226"/>
      <c r="BI112" s="226"/>
      <c r="BJ112" s="226"/>
      <c r="BK112" s="226"/>
      <c r="BL112" s="226"/>
      <c r="BM112" s="226"/>
      <c r="BN112" s="226"/>
      <c r="BO112" s="226"/>
      <c r="BP112" s="226"/>
      <c r="BQ112" s="226"/>
      <c r="BR112" s="226"/>
      <c r="BS112" s="226"/>
      <c r="BT112" s="226"/>
      <c r="BU112" s="226"/>
      <c r="BV112" s="226"/>
      <c r="BW112" s="226"/>
      <c r="BX112" s="226"/>
      <c r="BY112" s="226"/>
      <c r="BZ112" s="226"/>
      <c r="CA112" s="226"/>
      <c r="CB112" s="226"/>
      <c r="CC112" s="226"/>
      <c r="CD112" s="226"/>
      <c r="CE112" s="226"/>
      <c r="CF112" s="226"/>
      <c r="CG112" s="226"/>
      <c r="CH112" s="226"/>
      <c r="CI112" s="226"/>
      <c r="CJ112" s="226"/>
      <c r="CK112" s="226"/>
      <c r="CL112" s="226"/>
      <c r="CM112" s="226"/>
      <c r="CN112" s="226"/>
      <c r="CO112" s="226"/>
      <c r="CP112" s="226"/>
      <c r="CQ112" s="226"/>
      <c r="CR112" s="226"/>
      <c r="CS112" s="226"/>
      <c r="CT112" s="226"/>
      <c r="CU112" s="226"/>
      <c r="CV112" s="226"/>
      <c r="CW112" s="226"/>
      <c r="CX112" s="226"/>
      <c r="CY112" s="226"/>
      <c r="CZ112" s="226"/>
      <c r="DA112" s="226"/>
      <c r="DB112" s="226"/>
      <c r="DC112" s="226"/>
      <c r="DD112" s="226"/>
      <c r="DE112" s="226"/>
      <c r="DF112" s="226"/>
      <c r="DG112" s="226"/>
      <c r="DH112" s="226"/>
      <c r="DI112" s="226"/>
      <c r="DJ112" s="226"/>
      <c r="DK112" s="226"/>
      <c r="DL112" s="226"/>
      <c r="DM112" s="226"/>
      <c r="DN112" s="226"/>
      <c r="DO112" s="226"/>
      <c r="DP112" s="226"/>
      <c r="DQ112" s="226"/>
      <c r="DR112" s="226"/>
      <c r="DS112" s="226"/>
      <c r="DT112" s="226"/>
      <c r="DU112" s="226"/>
      <c r="DV112" s="226"/>
      <c r="DW112" s="226"/>
      <c r="DX112" s="226"/>
      <c r="DY112" s="226"/>
      <c r="DZ112" s="226"/>
      <c r="EA112" s="226"/>
      <c r="EB112" s="226"/>
      <c r="EC112" s="226"/>
      <c r="ED112" s="226"/>
      <c r="EE112" s="226"/>
      <c r="EF112" s="226"/>
      <c r="EG112" s="226"/>
      <c r="EH112" s="226"/>
      <c r="EI112" s="226"/>
      <c r="EJ112" s="226"/>
      <c r="EK112" s="226"/>
      <c r="EL112" s="226"/>
      <c r="EM112" s="226"/>
      <c r="EN112" s="226"/>
      <c r="EO112" s="226"/>
      <c r="EP112" s="226"/>
      <c r="EQ112" s="226"/>
      <c r="ER112" s="226"/>
      <c r="ES112" s="226"/>
      <c r="ET112" s="226"/>
      <c r="EU112" s="226"/>
      <c r="EV112" s="226"/>
      <c r="EW112" s="226"/>
      <c r="EX112" s="226"/>
      <c r="EY112" s="226"/>
      <c r="EZ112" s="226"/>
      <c r="FA112" s="226"/>
      <c r="FB112" s="226"/>
      <c r="FC112" s="226"/>
      <c r="FD112" s="226"/>
      <c r="FE112" s="226"/>
      <c r="FF112" s="226"/>
      <c r="FG112" s="226"/>
      <c r="FH112" s="226"/>
      <c r="FI112" s="226"/>
      <c r="FJ112" s="226"/>
      <c r="FK112" s="226"/>
      <c r="FL112" s="226"/>
      <c r="FM112" s="226"/>
      <c r="FN112" s="226"/>
      <c r="FO112" s="226"/>
      <c r="FP112" s="226"/>
      <c r="FQ112" s="226"/>
      <c r="FR112" s="226"/>
      <c r="FS112" s="226"/>
      <c r="FT112" s="226"/>
      <c r="FU112" s="226"/>
      <c r="FV112" s="226"/>
      <c r="FW112" s="226"/>
      <c r="FX112" s="226"/>
      <c r="FY112" s="226"/>
      <c r="FZ112" s="226"/>
      <c r="GA112" s="226"/>
      <c r="GB112" s="226"/>
      <c r="GC112" s="226"/>
      <c r="GD112" s="226"/>
      <c r="GE112" s="226"/>
      <c r="GF112" s="226"/>
      <c r="GG112" s="226"/>
      <c r="GH112" s="226"/>
      <c r="GI112" s="226"/>
      <c r="GJ112" s="226"/>
      <c r="GK112" s="226"/>
    </row>
    <row r="113" spans="1:193" s="227" customFormat="1" ht="36" customHeight="1">
      <c r="A113" s="493"/>
      <c r="B113" s="235"/>
      <c r="C113" s="459" t="s">
        <v>517</v>
      </c>
      <c r="D113" s="460"/>
      <c r="E113" s="223"/>
      <c r="F113" s="224" t="s">
        <v>518</v>
      </c>
      <c r="G113" s="225" t="s">
        <v>519</v>
      </c>
      <c r="H113" s="226"/>
      <c r="I113" s="226"/>
      <c r="J113" s="226"/>
      <c r="K113" s="226"/>
      <c r="L113" s="226"/>
      <c r="M113" s="226"/>
      <c r="N113" s="226"/>
      <c r="O113" s="226"/>
      <c r="P113" s="226"/>
      <c r="Q113" s="226"/>
      <c r="R113" s="226"/>
      <c r="S113" s="226"/>
      <c r="T113" s="226"/>
      <c r="U113" s="226"/>
      <c r="V113" s="226"/>
      <c r="W113" s="226"/>
      <c r="X113" s="226"/>
      <c r="Y113" s="226"/>
      <c r="Z113" s="226"/>
      <c r="AA113" s="226"/>
      <c r="AB113" s="226"/>
      <c r="AC113" s="226"/>
      <c r="AD113" s="226"/>
      <c r="AE113" s="226"/>
      <c r="AF113" s="226"/>
      <c r="AG113" s="226"/>
      <c r="AH113" s="226"/>
      <c r="AI113" s="226"/>
      <c r="AJ113" s="226"/>
      <c r="AK113" s="226"/>
      <c r="AL113" s="226"/>
      <c r="AM113" s="226"/>
      <c r="AN113" s="226"/>
      <c r="AO113" s="226"/>
      <c r="AP113" s="226"/>
      <c r="AQ113" s="226"/>
      <c r="AR113" s="226"/>
      <c r="AS113" s="226"/>
      <c r="AT113" s="226"/>
      <c r="AU113" s="226"/>
      <c r="AV113" s="226"/>
      <c r="AW113" s="226"/>
      <c r="AX113" s="226"/>
      <c r="AY113" s="226"/>
      <c r="AZ113" s="226"/>
      <c r="BA113" s="226"/>
      <c r="BB113" s="226"/>
      <c r="BC113" s="226"/>
      <c r="BD113" s="226"/>
      <c r="BE113" s="226"/>
      <c r="BF113" s="226"/>
      <c r="BG113" s="226"/>
      <c r="BH113" s="226"/>
      <c r="BI113" s="226"/>
      <c r="BJ113" s="226"/>
      <c r="BK113" s="226"/>
      <c r="BL113" s="226"/>
      <c r="BM113" s="226"/>
      <c r="BN113" s="226"/>
      <c r="BO113" s="226"/>
      <c r="BP113" s="226"/>
      <c r="BQ113" s="226"/>
      <c r="BR113" s="226"/>
      <c r="BS113" s="226"/>
      <c r="BT113" s="226"/>
      <c r="BU113" s="226"/>
      <c r="BV113" s="226"/>
      <c r="BW113" s="226"/>
      <c r="BX113" s="226"/>
      <c r="BY113" s="226"/>
      <c r="BZ113" s="226"/>
      <c r="CA113" s="226"/>
      <c r="CB113" s="226"/>
      <c r="CC113" s="226"/>
      <c r="CD113" s="226"/>
      <c r="CE113" s="226"/>
      <c r="CF113" s="226"/>
      <c r="CG113" s="226"/>
      <c r="CH113" s="226"/>
      <c r="CI113" s="226"/>
      <c r="CJ113" s="226"/>
      <c r="CK113" s="226"/>
      <c r="CL113" s="226"/>
      <c r="CM113" s="226"/>
      <c r="CN113" s="226"/>
      <c r="CO113" s="226"/>
      <c r="CP113" s="226"/>
      <c r="CQ113" s="226"/>
      <c r="CR113" s="226"/>
      <c r="CS113" s="226"/>
      <c r="CT113" s="226"/>
      <c r="CU113" s="226"/>
      <c r="CV113" s="226"/>
      <c r="CW113" s="226"/>
      <c r="CX113" s="226"/>
      <c r="CY113" s="226"/>
      <c r="CZ113" s="226"/>
      <c r="DA113" s="226"/>
      <c r="DB113" s="226"/>
      <c r="DC113" s="226"/>
      <c r="DD113" s="226"/>
      <c r="DE113" s="226"/>
      <c r="DF113" s="226"/>
      <c r="DG113" s="226"/>
      <c r="DH113" s="226"/>
      <c r="DI113" s="226"/>
      <c r="DJ113" s="226"/>
      <c r="DK113" s="226"/>
      <c r="DL113" s="226"/>
      <c r="DM113" s="226"/>
      <c r="DN113" s="226"/>
      <c r="DO113" s="226"/>
      <c r="DP113" s="226"/>
      <c r="DQ113" s="226"/>
      <c r="DR113" s="226"/>
      <c r="DS113" s="226"/>
      <c r="DT113" s="226"/>
      <c r="DU113" s="226"/>
      <c r="DV113" s="226"/>
      <c r="DW113" s="226"/>
      <c r="DX113" s="226"/>
      <c r="DY113" s="226"/>
      <c r="DZ113" s="226"/>
      <c r="EA113" s="226"/>
      <c r="EB113" s="226"/>
      <c r="EC113" s="226"/>
      <c r="ED113" s="226"/>
      <c r="EE113" s="226"/>
      <c r="EF113" s="226"/>
      <c r="EG113" s="226"/>
      <c r="EH113" s="226"/>
      <c r="EI113" s="226"/>
      <c r="EJ113" s="226"/>
      <c r="EK113" s="226"/>
      <c r="EL113" s="226"/>
      <c r="EM113" s="226"/>
      <c r="EN113" s="226"/>
      <c r="EO113" s="226"/>
      <c r="EP113" s="226"/>
      <c r="EQ113" s="226"/>
      <c r="ER113" s="226"/>
      <c r="ES113" s="226"/>
      <c r="ET113" s="226"/>
      <c r="EU113" s="226"/>
      <c r="EV113" s="226"/>
      <c r="EW113" s="226"/>
      <c r="EX113" s="226"/>
      <c r="EY113" s="226"/>
      <c r="EZ113" s="226"/>
      <c r="FA113" s="226"/>
      <c r="FB113" s="226"/>
      <c r="FC113" s="226"/>
      <c r="FD113" s="226"/>
      <c r="FE113" s="226"/>
      <c r="FF113" s="226"/>
      <c r="FG113" s="226"/>
      <c r="FH113" s="226"/>
      <c r="FI113" s="226"/>
      <c r="FJ113" s="226"/>
      <c r="FK113" s="226"/>
      <c r="FL113" s="226"/>
      <c r="FM113" s="226"/>
      <c r="FN113" s="226"/>
      <c r="FO113" s="226"/>
      <c r="FP113" s="226"/>
      <c r="FQ113" s="226"/>
      <c r="FR113" s="226"/>
      <c r="FS113" s="226"/>
      <c r="FT113" s="226"/>
      <c r="FU113" s="226"/>
      <c r="FV113" s="226"/>
      <c r="FW113" s="226"/>
      <c r="FX113" s="226"/>
      <c r="FY113" s="226"/>
      <c r="FZ113" s="226"/>
      <c r="GA113" s="226"/>
      <c r="GB113" s="226"/>
      <c r="GC113" s="226"/>
      <c r="GD113" s="226"/>
      <c r="GE113" s="226"/>
      <c r="GF113" s="226"/>
      <c r="GG113" s="226"/>
      <c r="GH113" s="226"/>
      <c r="GI113" s="226"/>
      <c r="GJ113" s="226"/>
      <c r="GK113" s="226"/>
    </row>
    <row r="114" spans="1:193" s="227" customFormat="1" ht="21.75" customHeight="1">
      <c r="A114" s="493"/>
      <c r="B114" s="235"/>
      <c r="C114" s="459" t="s">
        <v>520</v>
      </c>
      <c r="D114" s="460"/>
      <c r="E114" s="223"/>
      <c r="F114" s="224" t="s">
        <v>510</v>
      </c>
      <c r="G114" s="259" t="s">
        <v>349</v>
      </c>
      <c r="H114" s="226"/>
      <c r="I114" s="226"/>
      <c r="J114" s="226"/>
      <c r="K114" s="226"/>
      <c r="L114" s="226"/>
      <c r="M114" s="226"/>
      <c r="N114" s="226"/>
      <c r="O114" s="226"/>
      <c r="P114" s="226"/>
      <c r="Q114" s="226"/>
      <c r="R114" s="226"/>
      <c r="S114" s="226"/>
      <c r="T114" s="226"/>
      <c r="U114" s="226"/>
      <c r="V114" s="226"/>
      <c r="W114" s="226"/>
      <c r="X114" s="226"/>
      <c r="Y114" s="226"/>
      <c r="Z114" s="226"/>
      <c r="AA114" s="226"/>
      <c r="AB114" s="226"/>
      <c r="AC114" s="226"/>
      <c r="AD114" s="226"/>
      <c r="AE114" s="226"/>
      <c r="AF114" s="226"/>
      <c r="AG114" s="226"/>
      <c r="AH114" s="226"/>
      <c r="AI114" s="226"/>
      <c r="AJ114" s="226"/>
      <c r="AK114" s="226"/>
      <c r="AL114" s="226"/>
      <c r="AM114" s="226"/>
      <c r="AN114" s="226"/>
      <c r="AO114" s="226"/>
      <c r="AP114" s="226"/>
      <c r="AQ114" s="226"/>
      <c r="AR114" s="226"/>
      <c r="AS114" s="226"/>
      <c r="AT114" s="226"/>
      <c r="AU114" s="226"/>
      <c r="AV114" s="226"/>
      <c r="AW114" s="226"/>
      <c r="AX114" s="226"/>
      <c r="AY114" s="226"/>
      <c r="AZ114" s="226"/>
      <c r="BA114" s="226"/>
      <c r="BB114" s="226"/>
      <c r="BC114" s="226"/>
      <c r="BD114" s="226"/>
      <c r="BE114" s="226"/>
      <c r="BF114" s="226"/>
      <c r="BG114" s="226"/>
      <c r="BH114" s="226"/>
      <c r="BI114" s="226"/>
      <c r="BJ114" s="226"/>
      <c r="BK114" s="226"/>
      <c r="BL114" s="226"/>
      <c r="BM114" s="226"/>
      <c r="BN114" s="226"/>
      <c r="BO114" s="226"/>
      <c r="BP114" s="226"/>
      <c r="BQ114" s="226"/>
      <c r="BR114" s="226"/>
      <c r="BS114" s="226"/>
      <c r="BT114" s="226"/>
      <c r="BU114" s="226"/>
      <c r="BV114" s="226"/>
      <c r="BW114" s="226"/>
      <c r="BX114" s="226"/>
      <c r="BY114" s="226"/>
      <c r="BZ114" s="226"/>
      <c r="CA114" s="226"/>
      <c r="CB114" s="226"/>
      <c r="CC114" s="226"/>
      <c r="CD114" s="226"/>
      <c r="CE114" s="226"/>
      <c r="CF114" s="226"/>
      <c r="CG114" s="226"/>
      <c r="CH114" s="226"/>
      <c r="CI114" s="226"/>
      <c r="CJ114" s="226"/>
      <c r="CK114" s="226"/>
      <c r="CL114" s="226"/>
      <c r="CM114" s="226"/>
      <c r="CN114" s="226"/>
      <c r="CO114" s="226"/>
      <c r="CP114" s="226"/>
      <c r="CQ114" s="226"/>
      <c r="CR114" s="226"/>
      <c r="CS114" s="226"/>
      <c r="CT114" s="226"/>
      <c r="CU114" s="226"/>
      <c r="CV114" s="226"/>
      <c r="CW114" s="226"/>
      <c r="CX114" s="226"/>
      <c r="CY114" s="226"/>
      <c r="CZ114" s="226"/>
      <c r="DA114" s="226"/>
      <c r="DB114" s="226"/>
      <c r="DC114" s="226"/>
      <c r="DD114" s="226"/>
      <c r="DE114" s="226"/>
      <c r="DF114" s="226"/>
      <c r="DG114" s="226"/>
      <c r="DH114" s="226"/>
      <c r="DI114" s="226"/>
      <c r="DJ114" s="226"/>
      <c r="DK114" s="226"/>
      <c r="DL114" s="226"/>
      <c r="DM114" s="226"/>
      <c r="DN114" s="226"/>
      <c r="DO114" s="226"/>
      <c r="DP114" s="226"/>
      <c r="DQ114" s="226"/>
      <c r="DR114" s="226"/>
      <c r="DS114" s="226"/>
      <c r="DT114" s="226"/>
      <c r="DU114" s="226"/>
      <c r="DV114" s="226"/>
      <c r="DW114" s="226"/>
      <c r="DX114" s="226"/>
      <c r="DY114" s="226"/>
      <c r="DZ114" s="226"/>
      <c r="EA114" s="226"/>
      <c r="EB114" s="226"/>
      <c r="EC114" s="226"/>
      <c r="ED114" s="226"/>
      <c r="EE114" s="226"/>
      <c r="EF114" s="226"/>
      <c r="EG114" s="226"/>
      <c r="EH114" s="226"/>
      <c r="EI114" s="226"/>
      <c r="EJ114" s="226"/>
      <c r="EK114" s="226"/>
      <c r="EL114" s="226"/>
      <c r="EM114" s="226"/>
      <c r="EN114" s="226"/>
      <c r="EO114" s="226"/>
      <c r="EP114" s="226"/>
      <c r="EQ114" s="226"/>
      <c r="ER114" s="226"/>
      <c r="ES114" s="226"/>
      <c r="ET114" s="226"/>
      <c r="EU114" s="226"/>
      <c r="EV114" s="226"/>
      <c r="EW114" s="226"/>
      <c r="EX114" s="226"/>
      <c r="EY114" s="226"/>
      <c r="EZ114" s="226"/>
      <c r="FA114" s="226"/>
      <c r="FB114" s="226"/>
      <c r="FC114" s="226"/>
      <c r="FD114" s="226"/>
      <c r="FE114" s="226"/>
      <c r="FF114" s="226"/>
      <c r="FG114" s="226"/>
      <c r="FH114" s="226"/>
      <c r="FI114" s="226"/>
      <c r="FJ114" s="226"/>
      <c r="FK114" s="226"/>
      <c r="FL114" s="226"/>
      <c r="FM114" s="226"/>
      <c r="FN114" s="226"/>
      <c r="FO114" s="226"/>
      <c r="FP114" s="226"/>
      <c r="FQ114" s="226"/>
      <c r="FR114" s="226"/>
      <c r="FS114" s="226"/>
      <c r="FT114" s="226"/>
      <c r="FU114" s="226"/>
      <c r="FV114" s="226"/>
      <c r="FW114" s="226"/>
      <c r="FX114" s="226"/>
      <c r="FY114" s="226"/>
      <c r="FZ114" s="226"/>
      <c r="GA114" s="226"/>
      <c r="GB114" s="226"/>
      <c r="GC114" s="226"/>
      <c r="GD114" s="226"/>
      <c r="GE114" s="226"/>
      <c r="GF114" s="226"/>
      <c r="GG114" s="226"/>
      <c r="GH114" s="226"/>
      <c r="GI114" s="226"/>
      <c r="GJ114" s="226"/>
      <c r="GK114" s="226"/>
    </row>
    <row r="115" spans="1:193" s="227" customFormat="1" ht="21.75" customHeight="1">
      <c r="A115" s="495"/>
      <c r="B115" s="228"/>
      <c r="C115" s="461" t="s">
        <v>521</v>
      </c>
      <c r="D115" s="462"/>
      <c r="E115" s="236"/>
      <c r="F115" s="237" t="s">
        <v>522</v>
      </c>
      <c r="G115" s="259" t="s">
        <v>523</v>
      </c>
      <c r="H115" s="226"/>
      <c r="I115" s="226"/>
      <c r="J115" s="226"/>
      <c r="K115" s="226"/>
      <c r="L115" s="226"/>
      <c r="M115" s="226"/>
      <c r="N115" s="226"/>
      <c r="O115" s="226"/>
      <c r="P115" s="226"/>
      <c r="Q115" s="226"/>
      <c r="R115" s="226"/>
      <c r="S115" s="226"/>
      <c r="T115" s="226"/>
      <c r="U115" s="226"/>
      <c r="V115" s="226"/>
      <c r="W115" s="226"/>
      <c r="X115" s="226"/>
      <c r="Y115" s="226"/>
      <c r="Z115" s="226"/>
      <c r="AA115" s="226"/>
      <c r="AB115" s="226"/>
      <c r="AC115" s="226"/>
      <c r="AD115" s="226"/>
      <c r="AE115" s="226"/>
      <c r="AF115" s="226"/>
      <c r="AG115" s="226"/>
      <c r="AH115" s="226"/>
      <c r="AI115" s="226"/>
      <c r="AJ115" s="226"/>
      <c r="AK115" s="226"/>
      <c r="AL115" s="226"/>
      <c r="AM115" s="226"/>
      <c r="AN115" s="226"/>
      <c r="AO115" s="226"/>
      <c r="AP115" s="226"/>
      <c r="AQ115" s="226"/>
      <c r="AR115" s="226"/>
      <c r="AS115" s="226"/>
      <c r="AT115" s="226"/>
      <c r="AU115" s="226"/>
      <c r="AV115" s="226"/>
      <c r="AW115" s="226"/>
      <c r="AX115" s="226"/>
      <c r="AY115" s="226"/>
      <c r="AZ115" s="226"/>
      <c r="BA115" s="226"/>
      <c r="BB115" s="226"/>
      <c r="BC115" s="226"/>
      <c r="BD115" s="226"/>
      <c r="BE115" s="226"/>
      <c r="BF115" s="226"/>
      <c r="BG115" s="226"/>
      <c r="BH115" s="226"/>
      <c r="BI115" s="226"/>
      <c r="BJ115" s="226"/>
      <c r="BK115" s="226"/>
      <c r="BL115" s="226"/>
      <c r="BM115" s="226"/>
      <c r="BN115" s="226"/>
      <c r="BO115" s="226"/>
      <c r="BP115" s="226"/>
      <c r="BQ115" s="226"/>
      <c r="BR115" s="226"/>
      <c r="BS115" s="226"/>
      <c r="BT115" s="226"/>
      <c r="BU115" s="226"/>
      <c r="BV115" s="226"/>
      <c r="BW115" s="226"/>
      <c r="BX115" s="226"/>
      <c r="BY115" s="226"/>
      <c r="BZ115" s="226"/>
      <c r="CA115" s="226"/>
      <c r="CB115" s="226"/>
      <c r="CC115" s="226"/>
      <c r="CD115" s="226"/>
      <c r="CE115" s="226"/>
      <c r="CF115" s="226"/>
      <c r="CG115" s="226"/>
      <c r="CH115" s="226"/>
      <c r="CI115" s="226"/>
      <c r="CJ115" s="226"/>
      <c r="CK115" s="226"/>
      <c r="CL115" s="226"/>
      <c r="CM115" s="226"/>
      <c r="CN115" s="226"/>
      <c r="CO115" s="226"/>
      <c r="CP115" s="226"/>
      <c r="CQ115" s="226"/>
      <c r="CR115" s="226"/>
      <c r="CS115" s="226"/>
      <c r="CT115" s="226"/>
      <c r="CU115" s="226"/>
      <c r="CV115" s="226"/>
      <c r="CW115" s="226"/>
      <c r="CX115" s="226"/>
      <c r="CY115" s="226"/>
      <c r="CZ115" s="226"/>
      <c r="DA115" s="226"/>
      <c r="DB115" s="226"/>
      <c r="DC115" s="226"/>
      <c r="DD115" s="226"/>
      <c r="DE115" s="226"/>
      <c r="DF115" s="226"/>
      <c r="DG115" s="226"/>
      <c r="DH115" s="226"/>
      <c r="DI115" s="226"/>
      <c r="DJ115" s="226"/>
      <c r="DK115" s="226"/>
      <c r="DL115" s="226"/>
      <c r="DM115" s="226"/>
      <c r="DN115" s="226"/>
      <c r="DO115" s="226"/>
      <c r="DP115" s="226"/>
      <c r="DQ115" s="226"/>
      <c r="DR115" s="226"/>
      <c r="DS115" s="226"/>
      <c r="DT115" s="226"/>
      <c r="DU115" s="226"/>
      <c r="DV115" s="226"/>
      <c r="DW115" s="226"/>
      <c r="DX115" s="226"/>
      <c r="DY115" s="226"/>
      <c r="DZ115" s="226"/>
      <c r="EA115" s="226"/>
      <c r="EB115" s="226"/>
      <c r="EC115" s="226"/>
      <c r="ED115" s="226"/>
      <c r="EE115" s="226"/>
      <c r="EF115" s="226"/>
      <c r="EG115" s="226"/>
      <c r="EH115" s="226"/>
      <c r="EI115" s="226"/>
      <c r="EJ115" s="226"/>
      <c r="EK115" s="226"/>
      <c r="EL115" s="226"/>
      <c r="EM115" s="226"/>
      <c r="EN115" s="226"/>
      <c r="EO115" s="226"/>
      <c r="EP115" s="226"/>
      <c r="EQ115" s="226"/>
      <c r="ER115" s="226"/>
      <c r="ES115" s="226"/>
      <c r="ET115" s="226"/>
      <c r="EU115" s="226"/>
      <c r="EV115" s="226"/>
      <c r="EW115" s="226"/>
      <c r="EX115" s="226"/>
      <c r="EY115" s="226"/>
      <c r="EZ115" s="226"/>
      <c r="FA115" s="226"/>
      <c r="FB115" s="226"/>
      <c r="FC115" s="226"/>
      <c r="FD115" s="226"/>
      <c r="FE115" s="226"/>
      <c r="FF115" s="226"/>
      <c r="FG115" s="226"/>
      <c r="FH115" s="226"/>
      <c r="FI115" s="226"/>
      <c r="FJ115" s="226"/>
      <c r="FK115" s="226"/>
      <c r="FL115" s="226"/>
      <c r="FM115" s="226"/>
      <c r="FN115" s="226"/>
      <c r="FO115" s="226"/>
      <c r="FP115" s="226"/>
      <c r="FQ115" s="226"/>
      <c r="FR115" s="226"/>
      <c r="FS115" s="226"/>
      <c r="FT115" s="226"/>
      <c r="FU115" s="226"/>
      <c r="FV115" s="226"/>
      <c r="FW115" s="226"/>
      <c r="FX115" s="226"/>
      <c r="FY115" s="226"/>
      <c r="FZ115" s="226"/>
      <c r="GA115" s="226"/>
      <c r="GB115" s="226"/>
      <c r="GC115" s="226"/>
      <c r="GD115" s="226"/>
      <c r="GE115" s="226"/>
      <c r="GF115" s="226"/>
      <c r="GG115" s="226"/>
      <c r="GH115" s="226"/>
      <c r="GI115" s="226"/>
      <c r="GJ115" s="226"/>
      <c r="GK115" s="226"/>
    </row>
    <row r="116" spans="1:193" s="227" customFormat="1" ht="48.75" customHeight="1">
      <c r="A116" s="492" t="s">
        <v>524</v>
      </c>
      <c r="B116" s="222" t="s">
        <v>525</v>
      </c>
      <c r="C116" s="457" t="s">
        <v>526</v>
      </c>
      <c r="D116" s="458"/>
      <c r="E116" s="273"/>
      <c r="F116" s="274" t="s">
        <v>397</v>
      </c>
      <c r="G116" s="234" t="s">
        <v>527</v>
      </c>
      <c r="H116" s="226"/>
      <c r="I116" s="226"/>
      <c r="J116" s="226"/>
      <c r="K116" s="226"/>
      <c r="L116" s="226"/>
      <c r="M116" s="226"/>
      <c r="N116" s="226"/>
      <c r="O116" s="226"/>
      <c r="P116" s="226"/>
      <c r="Q116" s="226"/>
      <c r="R116" s="226"/>
      <c r="S116" s="226"/>
      <c r="T116" s="226"/>
      <c r="U116" s="226"/>
      <c r="V116" s="226"/>
      <c r="W116" s="226"/>
      <c r="X116" s="226"/>
      <c r="Y116" s="226"/>
      <c r="Z116" s="226"/>
      <c r="AA116" s="226"/>
      <c r="AB116" s="226"/>
      <c r="AC116" s="226"/>
      <c r="AD116" s="226"/>
      <c r="AE116" s="226"/>
      <c r="AF116" s="226"/>
      <c r="AG116" s="226"/>
      <c r="AH116" s="226"/>
      <c r="AI116" s="226"/>
      <c r="AJ116" s="226"/>
      <c r="AK116" s="226"/>
      <c r="AL116" s="226"/>
      <c r="AM116" s="226"/>
      <c r="AN116" s="226"/>
      <c r="AO116" s="226"/>
      <c r="AP116" s="226"/>
      <c r="AQ116" s="226"/>
      <c r="AR116" s="226"/>
      <c r="AS116" s="226"/>
      <c r="AT116" s="226"/>
      <c r="AU116" s="226"/>
      <c r="AV116" s="226"/>
      <c r="AW116" s="226"/>
      <c r="AX116" s="226"/>
      <c r="AY116" s="226"/>
      <c r="AZ116" s="226"/>
      <c r="BA116" s="226"/>
      <c r="BB116" s="226"/>
      <c r="BC116" s="226"/>
      <c r="BD116" s="226"/>
      <c r="BE116" s="226"/>
      <c r="BF116" s="226"/>
      <c r="BG116" s="226"/>
      <c r="BH116" s="226"/>
      <c r="BI116" s="226"/>
      <c r="BJ116" s="226"/>
      <c r="BK116" s="226"/>
      <c r="BL116" s="226"/>
      <c r="BM116" s="226"/>
      <c r="BN116" s="226"/>
      <c r="BO116" s="226"/>
      <c r="BP116" s="226"/>
      <c r="BQ116" s="226"/>
      <c r="BR116" s="226"/>
      <c r="BS116" s="226"/>
      <c r="BT116" s="226"/>
      <c r="BU116" s="226"/>
      <c r="BV116" s="226"/>
      <c r="BW116" s="226"/>
      <c r="BX116" s="226"/>
      <c r="BY116" s="226"/>
      <c r="BZ116" s="226"/>
      <c r="CA116" s="226"/>
      <c r="CB116" s="226"/>
      <c r="CC116" s="226"/>
      <c r="CD116" s="226"/>
      <c r="CE116" s="226"/>
      <c r="CF116" s="226"/>
      <c r="CG116" s="226"/>
      <c r="CH116" s="226"/>
      <c r="CI116" s="226"/>
      <c r="CJ116" s="226"/>
      <c r="CK116" s="226"/>
      <c r="CL116" s="226"/>
      <c r="CM116" s="226"/>
      <c r="CN116" s="226"/>
      <c r="CO116" s="226"/>
      <c r="CP116" s="226"/>
      <c r="CQ116" s="226"/>
      <c r="CR116" s="226"/>
      <c r="CS116" s="226"/>
      <c r="CT116" s="226"/>
      <c r="CU116" s="226"/>
      <c r="CV116" s="226"/>
      <c r="CW116" s="226"/>
      <c r="CX116" s="226"/>
      <c r="CY116" s="226"/>
      <c r="CZ116" s="226"/>
      <c r="DA116" s="226"/>
      <c r="DB116" s="226"/>
      <c r="DC116" s="226"/>
      <c r="DD116" s="226"/>
      <c r="DE116" s="226"/>
      <c r="DF116" s="226"/>
      <c r="DG116" s="226"/>
      <c r="DH116" s="226"/>
      <c r="DI116" s="226"/>
      <c r="DJ116" s="226"/>
      <c r="DK116" s="226"/>
      <c r="DL116" s="226"/>
      <c r="DM116" s="226"/>
      <c r="DN116" s="226"/>
      <c r="DO116" s="226"/>
      <c r="DP116" s="226"/>
      <c r="DQ116" s="226"/>
      <c r="DR116" s="226"/>
      <c r="DS116" s="226"/>
      <c r="DT116" s="226"/>
      <c r="DU116" s="226"/>
      <c r="DV116" s="226"/>
      <c r="DW116" s="226"/>
      <c r="DX116" s="226"/>
      <c r="DY116" s="226"/>
      <c r="DZ116" s="226"/>
      <c r="EA116" s="226"/>
      <c r="EB116" s="226"/>
      <c r="EC116" s="226"/>
      <c r="ED116" s="226"/>
      <c r="EE116" s="226"/>
      <c r="EF116" s="226"/>
      <c r="EG116" s="226"/>
      <c r="EH116" s="226"/>
      <c r="EI116" s="226"/>
      <c r="EJ116" s="226"/>
      <c r="EK116" s="226"/>
      <c r="EL116" s="226"/>
      <c r="EM116" s="226"/>
      <c r="EN116" s="226"/>
      <c r="EO116" s="226"/>
      <c r="EP116" s="226"/>
      <c r="EQ116" s="226"/>
      <c r="ER116" s="226"/>
      <c r="ES116" s="226"/>
      <c r="ET116" s="226"/>
      <c r="EU116" s="226"/>
      <c r="EV116" s="226"/>
      <c r="EW116" s="226"/>
      <c r="EX116" s="226"/>
      <c r="EY116" s="226"/>
      <c r="EZ116" s="226"/>
      <c r="FA116" s="226"/>
      <c r="FB116" s="226"/>
      <c r="FC116" s="226"/>
      <c r="FD116" s="226"/>
      <c r="FE116" s="226"/>
      <c r="FF116" s="226"/>
      <c r="FG116" s="226"/>
      <c r="FH116" s="226"/>
      <c r="FI116" s="226"/>
      <c r="FJ116" s="226"/>
      <c r="FK116" s="226"/>
      <c r="FL116" s="226"/>
      <c r="FM116" s="226"/>
      <c r="FN116" s="226"/>
      <c r="FO116" s="226"/>
      <c r="FP116" s="226"/>
      <c r="FQ116" s="226"/>
      <c r="FR116" s="226"/>
      <c r="FS116" s="226"/>
      <c r="FT116" s="226"/>
      <c r="FU116" s="226"/>
      <c r="FV116" s="226"/>
      <c r="FW116" s="226"/>
      <c r="FX116" s="226"/>
      <c r="FY116" s="226"/>
      <c r="FZ116" s="226"/>
      <c r="GA116" s="226"/>
      <c r="GB116" s="226"/>
      <c r="GC116" s="226"/>
      <c r="GD116" s="226"/>
      <c r="GE116" s="226"/>
      <c r="GF116" s="226"/>
      <c r="GG116" s="226"/>
      <c r="GH116" s="226"/>
      <c r="GI116" s="226"/>
      <c r="GJ116" s="226"/>
      <c r="GK116" s="226"/>
    </row>
    <row r="117" spans="1:193" s="227" customFormat="1" ht="21.75" customHeight="1">
      <c r="A117" s="493"/>
      <c r="B117" s="235"/>
      <c r="C117" s="459" t="s">
        <v>504</v>
      </c>
      <c r="D117" s="460"/>
      <c r="E117" s="275"/>
      <c r="F117" s="276" t="s">
        <v>397</v>
      </c>
      <c r="G117" s="259" t="s">
        <v>528</v>
      </c>
      <c r="H117" s="226"/>
      <c r="I117" s="226"/>
      <c r="J117" s="226"/>
      <c r="K117" s="226"/>
      <c r="L117" s="226"/>
      <c r="M117" s="226"/>
      <c r="N117" s="226"/>
      <c r="O117" s="226"/>
      <c r="P117" s="226"/>
      <c r="Q117" s="226"/>
      <c r="R117" s="226"/>
      <c r="S117" s="226"/>
      <c r="T117" s="226"/>
      <c r="U117" s="226"/>
      <c r="V117" s="226"/>
      <c r="W117" s="226"/>
      <c r="X117" s="226"/>
      <c r="Y117" s="226"/>
      <c r="Z117" s="226"/>
      <c r="AA117" s="226"/>
      <c r="AB117" s="226"/>
      <c r="AC117" s="226"/>
      <c r="AD117" s="226"/>
      <c r="AE117" s="226"/>
      <c r="AF117" s="226"/>
      <c r="AG117" s="226"/>
      <c r="AH117" s="226"/>
      <c r="AI117" s="226"/>
      <c r="AJ117" s="226"/>
      <c r="AK117" s="226"/>
      <c r="AL117" s="226"/>
      <c r="AM117" s="226"/>
      <c r="AN117" s="226"/>
      <c r="AO117" s="226"/>
      <c r="AP117" s="226"/>
      <c r="AQ117" s="226"/>
      <c r="AR117" s="226"/>
      <c r="AS117" s="226"/>
      <c r="AT117" s="226"/>
      <c r="AU117" s="226"/>
      <c r="AV117" s="226"/>
      <c r="AW117" s="226"/>
      <c r="AX117" s="226"/>
      <c r="AY117" s="226"/>
      <c r="AZ117" s="226"/>
      <c r="BA117" s="226"/>
      <c r="BB117" s="226"/>
      <c r="BC117" s="226"/>
      <c r="BD117" s="226"/>
      <c r="BE117" s="226"/>
      <c r="BF117" s="226"/>
      <c r="BG117" s="226"/>
      <c r="BH117" s="226"/>
      <c r="BI117" s="226"/>
      <c r="BJ117" s="226"/>
      <c r="BK117" s="226"/>
      <c r="BL117" s="226"/>
      <c r="BM117" s="226"/>
      <c r="BN117" s="226"/>
      <c r="BO117" s="226"/>
      <c r="BP117" s="226"/>
      <c r="BQ117" s="226"/>
      <c r="BR117" s="226"/>
      <c r="BS117" s="226"/>
      <c r="BT117" s="226"/>
      <c r="BU117" s="226"/>
      <c r="BV117" s="226"/>
      <c r="BW117" s="226"/>
      <c r="BX117" s="226"/>
      <c r="BY117" s="226"/>
      <c r="BZ117" s="226"/>
      <c r="CA117" s="226"/>
      <c r="CB117" s="226"/>
      <c r="CC117" s="226"/>
      <c r="CD117" s="226"/>
      <c r="CE117" s="226"/>
      <c r="CF117" s="226"/>
      <c r="CG117" s="226"/>
      <c r="CH117" s="226"/>
      <c r="CI117" s="226"/>
      <c r="CJ117" s="226"/>
      <c r="CK117" s="226"/>
      <c r="CL117" s="226"/>
      <c r="CM117" s="226"/>
      <c r="CN117" s="226"/>
      <c r="CO117" s="226"/>
      <c r="CP117" s="226"/>
      <c r="CQ117" s="226"/>
      <c r="CR117" s="226"/>
      <c r="CS117" s="226"/>
      <c r="CT117" s="226"/>
      <c r="CU117" s="226"/>
      <c r="CV117" s="226"/>
      <c r="CW117" s="226"/>
      <c r="CX117" s="226"/>
      <c r="CY117" s="226"/>
      <c r="CZ117" s="226"/>
      <c r="DA117" s="226"/>
      <c r="DB117" s="226"/>
      <c r="DC117" s="226"/>
      <c r="DD117" s="226"/>
      <c r="DE117" s="226"/>
      <c r="DF117" s="226"/>
      <c r="DG117" s="226"/>
      <c r="DH117" s="226"/>
      <c r="DI117" s="226"/>
      <c r="DJ117" s="226"/>
      <c r="DK117" s="226"/>
      <c r="DL117" s="226"/>
      <c r="DM117" s="226"/>
      <c r="DN117" s="226"/>
      <c r="DO117" s="226"/>
      <c r="DP117" s="226"/>
      <c r="DQ117" s="226"/>
      <c r="DR117" s="226"/>
      <c r="DS117" s="226"/>
      <c r="DT117" s="226"/>
      <c r="DU117" s="226"/>
      <c r="DV117" s="226"/>
      <c r="DW117" s="226"/>
      <c r="DX117" s="226"/>
      <c r="DY117" s="226"/>
      <c r="DZ117" s="226"/>
      <c r="EA117" s="226"/>
      <c r="EB117" s="226"/>
      <c r="EC117" s="226"/>
      <c r="ED117" s="226"/>
      <c r="EE117" s="226"/>
      <c r="EF117" s="226"/>
      <c r="EG117" s="226"/>
      <c r="EH117" s="226"/>
      <c r="EI117" s="226"/>
      <c r="EJ117" s="226"/>
      <c r="EK117" s="226"/>
      <c r="EL117" s="226"/>
      <c r="EM117" s="226"/>
      <c r="EN117" s="226"/>
      <c r="EO117" s="226"/>
      <c r="EP117" s="226"/>
      <c r="EQ117" s="226"/>
      <c r="ER117" s="226"/>
      <c r="ES117" s="226"/>
      <c r="ET117" s="226"/>
      <c r="EU117" s="226"/>
      <c r="EV117" s="226"/>
      <c r="EW117" s="226"/>
      <c r="EX117" s="226"/>
      <c r="EY117" s="226"/>
      <c r="EZ117" s="226"/>
      <c r="FA117" s="226"/>
      <c r="FB117" s="226"/>
      <c r="FC117" s="226"/>
      <c r="FD117" s="226"/>
      <c r="FE117" s="226"/>
      <c r="FF117" s="226"/>
      <c r="FG117" s="226"/>
      <c r="FH117" s="226"/>
      <c r="FI117" s="226"/>
      <c r="FJ117" s="226"/>
      <c r="FK117" s="226"/>
      <c r="FL117" s="226"/>
      <c r="FM117" s="226"/>
      <c r="FN117" s="226"/>
      <c r="FO117" s="226"/>
      <c r="FP117" s="226"/>
      <c r="FQ117" s="226"/>
      <c r="FR117" s="226"/>
      <c r="FS117" s="226"/>
      <c r="FT117" s="226"/>
      <c r="FU117" s="226"/>
      <c r="FV117" s="226"/>
      <c r="FW117" s="226"/>
      <c r="FX117" s="226"/>
      <c r="FY117" s="226"/>
      <c r="FZ117" s="226"/>
      <c r="GA117" s="226"/>
      <c r="GB117" s="226"/>
      <c r="GC117" s="226"/>
      <c r="GD117" s="226"/>
      <c r="GE117" s="226"/>
      <c r="GF117" s="226"/>
      <c r="GG117" s="226"/>
      <c r="GH117" s="226"/>
      <c r="GI117" s="226"/>
      <c r="GJ117" s="226"/>
      <c r="GK117" s="226"/>
    </row>
    <row r="118" spans="1:193" s="227" customFormat="1" ht="60.75" customHeight="1">
      <c r="A118" s="493"/>
      <c r="B118" s="235"/>
      <c r="C118" s="459" t="s">
        <v>529</v>
      </c>
      <c r="D118" s="460"/>
      <c r="E118" s="275"/>
      <c r="F118" s="276" t="s">
        <v>530</v>
      </c>
      <c r="G118" s="225" t="s">
        <v>531</v>
      </c>
      <c r="H118" s="226"/>
      <c r="I118" s="226"/>
      <c r="J118" s="226"/>
      <c r="K118" s="226"/>
      <c r="L118" s="226"/>
      <c r="M118" s="226"/>
      <c r="N118" s="226"/>
      <c r="O118" s="226"/>
      <c r="P118" s="226"/>
      <c r="Q118" s="226"/>
      <c r="R118" s="226"/>
      <c r="S118" s="226"/>
      <c r="T118" s="226"/>
      <c r="U118" s="226"/>
      <c r="V118" s="226"/>
      <c r="W118" s="226"/>
      <c r="X118" s="226"/>
      <c r="Y118" s="226"/>
      <c r="Z118" s="226"/>
      <c r="AA118" s="226"/>
      <c r="AB118" s="226"/>
      <c r="AC118" s="226"/>
      <c r="AD118" s="226"/>
      <c r="AE118" s="226"/>
      <c r="AF118" s="226"/>
      <c r="AG118" s="226"/>
      <c r="AH118" s="226"/>
      <c r="AI118" s="226"/>
      <c r="AJ118" s="226"/>
      <c r="AK118" s="226"/>
      <c r="AL118" s="226"/>
      <c r="AM118" s="226"/>
      <c r="AN118" s="226"/>
      <c r="AO118" s="226"/>
      <c r="AP118" s="226"/>
      <c r="AQ118" s="226"/>
      <c r="AR118" s="226"/>
      <c r="AS118" s="226"/>
      <c r="AT118" s="226"/>
      <c r="AU118" s="226"/>
      <c r="AV118" s="226"/>
      <c r="AW118" s="226"/>
      <c r="AX118" s="226"/>
      <c r="AY118" s="226"/>
      <c r="AZ118" s="226"/>
      <c r="BA118" s="226"/>
      <c r="BB118" s="226"/>
      <c r="BC118" s="226"/>
      <c r="BD118" s="226"/>
      <c r="BE118" s="226"/>
      <c r="BF118" s="226"/>
      <c r="BG118" s="226"/>
      <c r="BH118" s="226"/>
      <c r="BI118" s="226"/>
      <c r="BJ118" s="226"/>
      <c r="BK118" s="226"/>
      <c r="BL118" s="226"/>
      <c r="BM118" s="226"/>
      <c r="BN118" s="226"/>
      <c r="BO118" s="226"/>
      <c r="BP118" s="226"/>
      <c r="BQ118" s="226"/>
      <c r="BR118" s="226"/>
      <c r="BS118" s="226"/>
      <c r="BT118" s="226"/>
      <c r="BU118" s="226"/>
      <c r="BV118" s="226"/>
      <c r="BW118" s="226"/>
      <c r="BX118" s="226"/>
      <c r="BY118" s="226"/>
      <c r="BZ118" s="226"/>
      <c r="CA118" s="226"/>
      <c r="CB118" s="226"/>
      <c r="CC118" s="226"/>
      <c r="CD118" s="226"/>
      <c r="CE118" s="226"/>
      <c r="CF118" s="226"/>
      <c r="CG118" s="226"/>
      <c r="CH118" s="226"/>
      <c r="CI118" s="226"/>
      <c r="CJ118" s="226"/>
      <c r="CK118" s="226"/>
      <c r="CL118" s="226"/>
      <c r="CM118" s="226"/>
      <c r="CN118" s="226"/>
      <c r="CO118" s="226"/>
      <c r="CP118" s="226"/>
      <c r="CQ118" s="226"/>
      <c r="CR118" s="226"/>
      <c r="CS118" s="226"/>
      <c r="CT118" s="226"/>
      <c r="CU118" s="226"/>
      <c r="CV118" s="226"/>
      <c r="CW118" s="226"/>
      <c r="CX118" s="226"/>
      <c r="CY118" s="226"/>
      <c r="CZ118" s="226"/>
      <c r="DA118" s="226"/>
      <c r="DB118" s="226"/>
      <c r="DC118" s="226"/>
      <c r="DD118" s="226"/>
      <c r="DE118" s="226"/>
      <c r="DF118" s="226"/>
      <c r="DG118" s="226"/>
      <c r="DH118" s="226"/>
      <c r="DI118" s="226"/>
      <c r="DJ118" s="226"/>
      <c r="DK118" s="226"/>
      <c r="DL118" s="226"/>
      <c r="DM118" s="226"/>
      <c r="DN118" s="226"/>
      <c r="DO118" s="226"/>
      <c r="DP118" s="226"/>
      <c r="DQ118" s="226"/>
      <c r="DR118" s="226"/>
      <c r="DS118" s="226"/>
      <c r="DT118" s="226"/>
      <c r="DU118" s="226"/>
      <c r="DV118" s="226"/>
      <c r="DW118" s="226"/>
      <c r="DX118" s="226"/>
      <c r="DY118" s="226"/>
      <c r="DZ118" s="226"/>
      <c r="EA118" s="226"/>
      <c r="EB118" s="226"/>
      <c r="EC118" s="226"/>
      <c r="ED118" s="226"/>
      <c r="EE118" s="226"/>
      <c r="EF118" s="226"/>
      <c r="EG118" s="226"/>
      <c r="EH118" s="226"/>
      <c r="EI118" s="226"/>
      <c r="EJ118" s="226"/>
      <c r="EK118" s="226"/>
      <c r="EL118" s="226"/>
      <c r="EM118" s="226"/>
      <c r="EN118" s="226"/>
      <c r="EO118" s="226"/>
      <c r="EP118" s="226"/>
      <c r="EQ118" s="226"/>
      <c r="ER118" s="226"/>
      <c r="ES118" s="226"/>
      <c r="ET118" s="226"/>
      <c r="EU118" s="226"/>
      <c r="EV118" s="226"/>
      <c r="EW118" s="226"/>
      <c r="EX118" s="226"/>
      <c r="EY118" s="226"/>
      <c r="EZ118" s="226"/>
      <c r="FA118" s="226"/>
      <c r="FB118" s="226"/>
      <c r="FC118" s="226"/>
      <c r="FD118" s="226"/>
      <c r="FE118" s="226"/>
      <c r="FF118" s="226"/>
      <c r="FG118" s="226"/>
      <c r="FH118" s="226"/>
      <c r="FI118" s="226"/>
      <c r="FJ118" s="226"/>
      <c r="FK118" s="226"/>
      <c r="FL118" s="226"/>
      <c r="FM118" s="226"/>
      <c r="FN118" s="226"/>
      <c r="FO118" s="226"/>
      <c r="FP118" s="226"/>
      <c r="FQ118" s="226"/>
      <c r="FR118" s="226"/>
      <c r="FS118" s="226"/>
      <c r="FT118" s="226"/>
      <c r="FU118" s="226"/>
      <c r="FV118" s="226"/>
      <c r="FW118" s="226"/>
      <c r="FX118" s="226"/>
      <c r="FY118" s="226"/>
      <c r="FZ118" s="226"/>
      <c r="GA118" s="226"/>
      <c r="GB118" s="226"/>
      <c r="GC118" s="226"/>
      <c r="GD118" s="226"/>
      <c r="GE118" s="226"/>
      <c r="GF118" s="226"/>
      <c r="GG118" s="226"/>
      <c r="GH118" s="226"/>
      <c r="GI118" s="226"/>
      <c r="GJ118" s="226"/>
      <c r="GK118" s="226"/>
    </row>
    <row r="119" spans="1:193" s="227" customFormat="1" ht="48" customHeight="1">
      <c r="A119" s="495"/>
      <c r="B119" s="228"/>
      <c r="C119" s="496" t="s">
        <v>532</v>
      </c>
      <c r="D119" s="497"/>
      <c r="E119" s="277"/>
      <c r="F119" s="278" t="s">
        <v>530</v>
      </c>
      <c r="G119" s="225" t="s">
        <v>533</v>
      </c>
      <c r="H119" s="226"/>
      <c r="I119" s="226"/>
      <c r="J119" s="226"/>
      <c r="K119" s="226"/>
      <c r="L119" s="226"/>
      <c r="M119" s="226"/>
      <c r="N119" s="226"/>
      <c r="O119" s="226"/>
      <c r="P119" s="226"/>
      <c r="Q119" s="226"/>
      <c r="R119" s="226"/>
      <c r="S119" s="226"/>
      <c r="T119" s="226"/>
      <c r="U119" s="226"/>
      <c r="V119" s="226"/>
      <c r="W119" s="226"/>
      <c r="X119" s="226"/>
      <c r="Y119" s="226"/>
      <c r="Z119" s="226"/>
      <c r="AA119" s="226"/>
      <c r="AB119" s="226"/>
      <c r="AC119" s="226"/>
      <c r="AD119" s="226"/>
      <c r="AE119" s="226"/>
      <c r="AF119" s="226"/>
      <c r="AG119" s="226"/>
      <c r="AH119" s="226"/>
      <c r="AI119" s="226"/>
      <c r="AJ119" s="226"/>
      <c r="AK119" s="226"/>
      <c r="AL119" s="226"/>
      <c r="AM119" s="226"/>
      <c r="AN119" s="226"/>
      <c r="AO119" s="226"/>
      <c r="AP119" s="226"/>
      <c r="AQ119" s="226"/>
      <c r="AR119" s="226"/>
      <c r="AS119" s="226"/>
      <c r="AT119" s="226"/>
      <c r="AU119" s="226"/>
      <c r="AV119" s="226"/>
      <c r="AW119" s="226"/>
      <c r="AX119" s="226"/>
      <c r="AY119" s="226"/>
      <c r="AZ119" s="226"/>
      <c r="BA119" s="226"/>
      <c r="BB119" s="226"/>
      <c r="BC119" s="226"/>
      <c r="BD119" s="226"/>
      <c r="BE119" s="226"/>
      <c r="BF119" s="226"/>
      <c r="BG119" s="226"/>
      <c r="BH119" s="226"/>
      <c r="BI119" s="226"/>
      <c r="BJ119" s="226"/>
      <c r="BK119" s="226"/>
      <c r="BL119" s="226"/>
      <c r="BM119" s="226"/>
      <c r="BN119" s="226"/>
      <c r="BO119" s="226"/>
      <c r="BP119" s="226"/>
      <c r="BQ119" s="226"/>
      <c r="BR119" s="226"/>
      <c r="BS119" s="226"/>
      <c r="BT119" s="226"/>
      <c r="BU119" s="226"/>
      <c r="BV119" s="226"/>
      <c r="BW119" s="226"/>
      <c r="BX119" s="226"/>
      <c r="BY119" s="226"/>
      <c r="BZ119" s="226"/>
      <c r="CA119" s="226"/>
      <c r="CB119" s="226"/>
      <c r="CC119" s="226"/>
      <c r="CD119" s="226"/>
      <c r="CE119" s="226"/>
      <c r="CF119" s="226"/>
      <c r="CG119" s="226"/>
      <c r="CH119" s="226"/>
      <c r="CI119" s="226"/>
      <c r="CJ119" s="226"/>
      <c r="CK119" s="226"/>
      <c r="CL119" s="226"/>
      <c r="CM119" s="226"/>
      <c r="CN119" s="226"/>
      <c r="CO119" s="226"/>
      <c r="CP119" s="226"/>
      <c r="CQ119" s="226"/>
      <c r="CR119" s="226"/>
      <c r="CS119" s="226"/>
      <c r="CT119" s="226"/>
      <c r="CU119" s="226"/>
      <c r="CV119" s="226"/>
      <c r="CW119" s="226"/>
      <c r="CX119" s="226"/>
      <c r="CY119" s="226"/>
      <c r="CZ119" s="226"/>
      <c r="DA119" s="226"/>
      <c r="DB119" s="226"/>
      <c r="DC119" s="226"/>
      <c r="DD119" s="226"/>
      <c r="DE119" s="226"/>
      <c r="DF119" s="226"/>
      <c r="DG119" s="226"/>
      <c r="DH119" s="226"/>
      <c r="DI119" s="226"/>
      <c r="DJ119" s="226"/>
      <c r="DK119" s="226"/>
      <c r="DL119" s="226"/>
      <c r="DM119" s="226"/>
      <c r="DN119" s="226"/>
      <c r="DO119" s="226"/>
      <c r="DP119" s="226"/>
      <c r="DQ119" s="226"/>
      <c r="DR119" s="226"/>
      <c r="DS119" s="226"/>
      <c r="DT119" s="226"/>
      <c r="DU119" s="226"/>
      <c r="DV119" s="226"/>
      <c r="DW119" s="226"/>
      <c r="DX119" s="226"/>
      <c r="DY119" s="226"/>
      <c r="DZ119" s="226"/>
      <c r="EA119" s="226"/>
      <c r="EB119" s="226"/>
      <c r="EC119" s="226"/>
      <c r="ED119" s="226"/>
      <c r="EE119" s="226"/>
      <c r="EF119" s="226"/>
      <c r="EG119" s="226"/>
      <c r="EH119" s="226"/>
      <c r="EI119" s="226"/>
      <c r="EJ119" s="226"/>
      <c r="EK119" s="226"/>
      <c r="EL119" s="226"/>
      <c r="EM119" s="226"/>
      <c r="EN119" s="226"/>
      <c r="EO119" s="226"/>
      <c r="EP119" s="226"/>
      <c r="EQ119" s="226"/>
      <c r="ER119" s="226"/>
      <c r="ES119" s="226"/>
      <c r="ET119" s="226"/>
      <c r="EU119" s="226"/>
      <c r="EV119" s="226"/>
      <c r="EW119" s="226"/>
      <c r="EX119" s="226"/>
      <c r="EY119" s="226"/>
      <c r="EZ119" s="226"/>
      <c r="FA119" s="226"/>
      <c r="FB119" s="226"/>
      <c r="FC119" s="226"/>
      <c r="FD119" s="226"/>
      <c r="FE119" s="226"/>
      <c r="FF119" s="226"/>
      <c r="FG119" s="226"/>
      <c r="FH119" s="226"/>
      <c r="FI119" s="226"/>
      <c r="FJ119" s="226"/>
      <c r="FK119" s="226"/>
      <c r="FL119" s="226"/>
      <c r="FM119" s="226"/>
      <c r="FN119" s="226"/>
      <c r="FO119" s="226"/>
      <c r="FP119" s="226"/>
      <c r="FQ119" s="226"/>
      <c r="FR119" s="226"/>
      <c r="FS119" s="226"/>
      <c r="FT119" s="226"/>
      <c r="FU119" s="226"/>
      <c r="FV119" s="226"/>
      <c r="FW119" s="226"/>
      <c r="FX119" s="226"/>
      <c r="FY119" s="226"/>
      <c r="FZ119" s="226"/>
      <c r="GA119" s="226"/>
      <c r="GB119" s="226"/>
      <c r="GC119" s="226"/>
      <c r="GD119" s="226"/>
      <c r="GE119" s="226"/>
      <c r="GF119" s="226"/>
      <c r="GG119" s="226"/>
      <c r="GH119" s="226"/>
      <c r="GI119" s="226"/>
      <c r="GJ119" s="226"/>
      <c r="GK119" s="226"/>
    </row>
    <row r="120" spans="1:193" s="227" customFormat="1" ht="21.75" customHeight="1">
      <c r="A120" s="493" t="s">
        <v>534</v>
      </c>
      <c r="B120" s="235" t="s">
        <v>525</v>
      </c>
      <c r="C120" s="457" t="s">
        <v>535</v>
      </c>
      <c r="D120" s="458"/>
      <c r="E120" s="273"/>
      <c r="F120" s="274"/>
      <c r="G120" s="234"/>
      <c r="H120" s="226"/>
      <c r="I120" s="226"/>
      <c r="J120" s="226"/>
      <c r="K120" s="226"/>
      <c r="L120" s="226"/>
      <c r="M120" s="226"/>
      <c r="N120" s="226"/>
      <c r="O120" s="226"/>
      <c r="P120" s="226"/>
      <c r="Q120" s="226"/>
      <c r="R120" s="226"/>
      <c r="S120" s="226"/>
      <c r="T120" s="226"/>
      <c r="U120" s="226"/>
      <c r="V120" s="226"/>
      <c r="W120" s="226"/>
      <c r="X120" s="226"/>
      <c r="Y120" s="226"/>
      <c r="Z120" s="226"/>
      <c r="AA120" s="226"/>
      <c r="AB120" s="226"/>
      <c r="AC120" s="226"/>
      <c r="AD120" s="226"/>
      <c r="AE120" s="226"/>
      <c r="AF120" s="226"/>
      <c r="AG120" s="226"/>
      <c r="AH120" s="226"/>
      <c r="AI120" s="226"/>
      <c r="AJ120" s="226"/>
      <c r="AK120" s="226"/>
      <c r="AL120" s="226"/>
      <c r="AM120" s="226"/>
      <c r="AN120" s="226"/>
      <c r="AO120" s="226"/>
      <c r="AP120" s="226"/>
      <c r="AQ120" s="226"/>
      <c r="AR120" s="226"/>
      <c r="AS120" s="226"/>
      <c r="AT120" s="226"/>
      <c r="AU120" s="226"/>
      <c r="AV120" s="226"/>
      <c r="AW120" s="226"/>
      <c r="AX120" s="226"/>
      <c r="AY120" s="226"/>
      <c r="AZ120" s="226"/>
      <c r="BA120" s="226"/>
      <c r="BB120" s="226"/>
      <c r="BC120" s="226"/>
      <c r="BD120" s="226"/>
      <c r="BE120" s="226"/>
      <c r="BF120" s="226"/>
      <c r="BG120" s="226"/>
      <c r="BH120" s="226"/>
      <c r="BI120" s="226"/>
      <c r="BJ120" s="226"/>
      <c r="BK120" s="226"/>
      <c r="BL120" s="226"/>
      <c r="BM120" s="226"/>
      <c r="BN120" s="226"/>
      <c r="BO120" s="226"/>
      <c r="BP120" s="226"/>
      <c r="BQ120" s="226"/>
      <c r="BR120" s="226"/>
      <c r="BS120" s="226"/>
      <c r="BT120" s="226"/>
      <c r="BU120" s="226"/>
      <c r="BV120" s="226"/>
      <c r="BW120" s="226"/>
      <c r="BX120" s="226"/>
      <c r="BY120" s="226"/>
      <c r="BZ120" s="226"/>
      <c r="CA120" s="226"/>
      <c r="CB120" s="226"/>
      <c r="CC120" s="226"/>
      <c r="CD120" s="226"/>
      <c r="CE120" s="226"/>
      <c r="CF120" s="226"/>
      <c r="CG120" s="226"/>
      <c r="CH120" s="226"/>
      <c r="CI120" s="226"/>
      <c r="CJ120" s="226"/>
      <c r="CK120" s="226"/>
      <c r="CL120" s="226"/>
      <c r="CM120" s="226"/>
      <c r="CN120" s="226"/>
      <c r="CO120" s="226"/>
      <c r="CP120" s="226"/>
      <c r="CQ120" s="226"/>
      <c r="CR120" s="226"/>
      <c r="CS120" s="226"/>
      <c r="CT120" s="226"/>
      <c r="CU120" s="226"/>
      <c r="CV120" s="226"/>
      <c r="CW120" s="226"/>
      <c r="CX120" s="226"/>
      <c r="CY120" s="226"/>
      <c r="CZ120" s="226"/>
      <c r="DA120" s="226"/>
      <c r="DB120" s="226"/>
      <c r="DC120" s="226"/>
      <c r="DD120" s="226"/>
      <c r="DE120" s="226"/>
      <c r="DF120" s="226"/>
      <c r="DG120" s="226"/>
      <c r="DH120" s="226"/>
      <c r="DI120" s="226"/>
      <c r="DJ120" s="226"/>
      <c r="DK120" s="226"/>
      <c r="DL120" s="226"/>
      <c r="DM120" s="226"/>
      <c r="DN120" s="226"/>
      <c r="DO120" s="226"/>
      <c r="DP120" s="226"/>
      <c r="DQ120" s="226"/>
      <c r="DR120" s="226"/>
      <c r="DS120" s="226"/>
      <c r="DT120" s="226"/>
      <c r="DU120" s="226"/>
      <c r="DV120" s="226"/>
      <c r="DW120" s="226"/>
      <c r="DX120" s="226"/>
      <c r="DY120" s="226"/>
      <c r="DZ120" s="226"/>
      <c r="EA120" s="226"/>
      <c r="EB120" s="226"/>
      <c r="EC120" s="226"/>
      <c r="ED120" s="226"/>
      <c r="EE120" s="226"/>
      <c r="EF120" s="226"/>
      <c r="EG120" s="226"/>
      <c r="EH120" s="226"/>
      <c r="EI120" s="226"/>
      <c r="EJ120" s="226"/>
      <c r="EK120" s="226"/>
      <c r="EL120" s="226"/>
      <c r="EM120" s="226"/>
      <c r="EN120" s="226"/>
      <c r="EO120" s="226"/>
      <c r="EP120" s="226"/>
      <c r="EQ120" s="226"/>
      <c r="ER120" s="226"/>
      <c r="ES120" s="226"/>
      <c r="ET120" s="226"/>
      <c r="EU120" s="226"/>
      <c r="EV120" s="226"/>
      <c r="EW120" s="226"/>
      <c r="EX120" s="226"/>
      <c r="EY120" s="226"/>
      <c r="EZ120" s="226"/>
      <c r="FA120" s="226"/>
      <c r="FB120" s="226"/>
      <c r="FC120" s="226"/>
      <c r="FD120" s="226"/>
      <c r="FE120" s="226"/>
      <c r="FF120" s="226"/>
      <c r="FG120" s="226"/>
      <c r="FH120" s="226"/>
      <c r="FI120" s="226"/>
      <c r="FJ120" s="226"/>
      <c r="FK120" s="226"/>
      <c r="FL120" s="226"/>
      <c r="FM120" s="226"/>
      <c r="FN120" s="226"/>
      <c r="FO120" s="226"/>
      <c r="FP120" s="226"/>
      <c r="FQ120" s="226"/>
      <c r="FR120" s="226"/>
      <c r="FS120" s="226"/>
      <c r="FT120" s="226"/>
      <c r="FU120" s="226"/>
      <c r="FV120" s="226"/>
      <c r="FW120" s="226"/>
      <c r="FX120" s="226"/>
      <c r="FY120" s="226"/>
      <c r="FZ120" s="226"/>
      <c r="GA120" s="226"/>
      <c r="GB120" s="226"/>
      <c r="GC120" s="226"/>
      <c r="GD120" s="226"/>
      <c r="GE120" s="226"/>
      <c r="GF120" s="226"/>
      <c r="GG120" s="226"/>
      <c r="GH120" s="226"/>
      <c r="GI120" s="226"/>
      <c r="GJ120" s="226"/>
      <c r="GK120" s="226"/>
    </row>
    <row r="121" spans="1:193" s="227" customFormat="1" ht="47.25" customHeight="1">
      <c r="A121" s="493"/>
      <c r="B121" s="235"/>
      <c r="C121" s="459" t="s">
        <v>536</v>
      </c>
      <c r="D121" s="460"/>
      <c r="E121" s="275"/>
      <c r="F121" s="276" t="s">
        <v>397</v>
      </c>
      <c r="G121" s="234" t="s">
        <v>527</v>
      </c>
      <c r="H121" s="226"/>
      <c r="I121" s="226"/>
      <c r="J121" s="226"/>
      <c r="K121" s="226"/>
      <c r="L121" s="226"/>
      <c r="M121" s="226"/>
      <c r="N121" s="226"/>
      <c r="O121" s="226"/>
      <c r="P121" s="226"/>
      <c r="Q121" s="226"/>
      <c r="R121" s="226"/>
      <c r="S121" s="226"/>
      <c r="T121" s="226"/>
      <c r="U121" s="226"/>
      <c r="V121" s="226"/>
      <c r="W121" s="226"/>
      <c r="X121" s="226"/>
      <c r="Y121" s="226"/>
      <c r="Z121" s="226"/>
      <c r="AA121" s="226"/>
      <c r="AB121" s="226"/>
      <c r="AC121" s="226"/>
      <c r="AD121" s="226"/>
      <c r="AE121" s="226"/>
      <c r="AF121" s="226"/>
      <c r="AG121" s="226"/>
      <c r="AH121" s="226"/>
      <c r="AI121" s="226"/>
      <c r="AJ121" s="226"/>
      <c r="AK121" s="226"/>
      <c r="AL121" s="226"/>
      <c r="AM121" s="226"/>
      <c r="AN121" s="226"/>
      <c r="AO121" s="226"/>
      <c r="AP121" s="226"/>
      <c r="AQ121" s="226"/>
      <c r="AR121" s="226"/>
      <c r="AS121" s="226"/>
      <c r="AT121" s="226"/>
      <c r="AU121" s="226"/>
      <c r="AV121" s="226"/>
      <c r="AW121" s="226"/>
      <c r="AX121" s="226"/>
      <c r="AY121" s="226"/>
      <c r="AZ121" s="226"/>
      <c r="BA121" s="226"/>
      <c r="BB121" s="226"/>
      <c r="BC121" s="226"/>
      <c r="BD121" s="226"/>
      <c r="BE121" s="226"/>
      <c r="BF121" s="226"/>
      <c r="BG121" s="226"/>
      <c r="BH121" s="226"/>
      <c r="BI121" s="226"/>
      <c r="BJ121" s="226"/>
      <c r="BK121" s="226"/>
      <c r="BL121" s="226"/>
      <c r="BM121" s="226"/>
      <c r="BN121" s="226"/>
      <c r="BO121" s="226"/>
      <c r="BP121" s="226"/>
      <c r="BQ121" s="226"/>
      <c r="BR121" s="226"/>
      <c r="BS121" s="226"/>
      <c r="BT121" s="226"/>
      <c r="BU121" s="226"/>
      <c r="BV121" s="226"/>
      <c r="BW121" s="226"/>
      <c r="BX121" s="226"/>
      <c r="BY121" s="226"/>
      <c r="BZ121" s="226"/>
      <c r="CA121" s="226"/>
      <c r="CB121" s="226"/>
      <c r="CC121" s="226"/>
      <c r="CD121" s="226"/>
      <c r="CE121" s="226"/>
      <c r="CF121" s="226"/>
      <c r="CG121" s="226"/>
      <c r="CH121" s="226"/>
      <c r="CI121" s="226"/>
      <c r="CJ121" s="226"/>
      <c r="CK121" s="226"/>
      <c r="CL121" s="226"/>
      <c r="CM121" s="226"/>
      <c r="CN121" s="226"/>
      <c r="CO121" s="226"/>
      <c r="CP121" s="226"/>
      <c r="CQ121" s="226"/>
      <c r="CR121" s="226"/>
      <c r="CS121" s="226"/>
      <c r="CT121" s="226"/>
      <c r="CU121" s="226"/>
      <c r="CV121" s="226"/>
      <c r="CW121" s="226"/>
      <c r="CX121" s="226"/>
      <c r="CY121" s="226"/>
      <c r="CZ121" s="226"/>
      <c r="DA121" s="226"/>
      <c r="DB121" s="226"/>
      <c r="DC121" s="226"/>
      <c r="DD121" s="226"/>
      <c r="DE121" s="226"/>
      <c r="DF121" s="226"/>
      <c r="DG121" s="226"/>
      <c r="DH121" s="226"/>
      <c r="DI121" s="226"/>
      <c r="DJ121" s="226"/>
      <c r="DK121" s="226"/>
      <c r="DL121" s="226"/>
      <c r="DM121" s="226"/>
      <c r="DN121" s="226"/>
      <c r="DO121" s="226"/>
      <c r="DP121" s="226"/>
      <c r="DQ121" s="226"/>
      <c r="DR121" s="226"/>
      <c r="DS121" s="226"/>
      <c r="DT121" s="226"/>
      <c r="DU121" s="226"/>
      <c r="DV121" s="226"/>
      <c r="DW121" s="226"/>
      <c r="DX121" s="226"/>
      <c r="DY121" s="226"/>
      <c r="DZ121" s="226"/>
      <c r="EA121" s="226"/>
      <c r="EB121" s="226"/>
      <c r="EC121" s="226"/>
      <c r="ED121" s="226"/>
      <c r="EE121" s="226"/>
      <c r="EF121" s="226"/>
      <c r="EG121" s="226"/>
      <c r="EH121" s="226"/>
      <c r="EI121" s="226"/>
      <c r="EJ121" s="226"/>
      <c r="EK121" s="226"/>
      <c r="EL121" s="226"/>
      <c r="EM121" s="226"/>
      <c r="EN121" s="226"/>
      <c r="EO121" s="226"/>
      <c r="EP121" s="226"/>
      <c r="EQ121" s="226"/>
      <c r="ER121" s="226"/>
      <c r="ES121" s="226"/>
      <c r="ET121" s="226"/>
      <c r="EU121" s="226"/>
      <c r="EV121" s="226"/>
      <c r="EW121" s="226"/>
      <c r="EX121" s="226"/>
      <c r="EY121" s="226"/>
      <c r="EZ121" s="226"/>
      <c r="FA121" s="226"/>
      <c r="FB121" s="226"/>
      <c r="FC121" s="226"/>
      <c r="FD121" s="226"/>
      <c r="FE121" s="226"/>
      <c r="FF121" s="226"/>
      <c r="FG121" s="226"/>
      <c r="FH121" s="226"/>
      <c r="FI121" s="226"/>
      <c r="FJ121" s="226"/>
      <c r="FK121" s="226"/>
      <c r="FL121" s="226"/>
      <c r="FM121" s="226"/>
      <c r="FN121" s="226"/>
      <c r="FO121" s="226"/>
      <c r="FP121" s="226"/>
      <c r="FQ121" s="226"/>
      <c r="FR121" s="226"/>
      <c r="FS121" s="226"/>
      <c r="FT121" s="226"/>
      <c r="FU121" s="226"/>
      <c r="FV121" s="226"/>
      <c r="FW121" s="226"/>
      <c r="FX121" s="226"/>
      <c r="FY121" s="226"/>
      <c r="FZ121" s="226"/>
      <c r="GA121" s="226"/>
      <c r="GB121" s="226"/>
      <c r="GC121" s="226"/>
      <c r="GD121" s="226"/>
      <c r="GE121" s="226"/>
      <c r="GF121" s="226"/>
      <c r="GG121" s="226"/>
      <c r="GH121" s="226"/>
      <c r="GI121" s="226"/>
      <c r="GJ121" s="226"/>
      <c r="GK121" s="226"/>
    </row>
    <row r="122" spans="1:193" s="227" customFormat="1" ht="21.75" customHeight="1">
      <c r="A122" s="493"/>
      <c r="B122" s="235"/>
      <c r="C122" s="459" t="s">
        <v>504</v>
      </c>
      <c r="D122" s="460"/>
      <c r="E122" s="275"/>
      <c r="F122" s="276" t="s">
        <v>397</v>
      </c>
      <c r="G122" s="259" t="s">
        <v>528</v>
      </c>
      <c r="H122" s="226"/>
      <c r="I122" s="226"/>
      <c r="J122" s="226"/>
      <c r="K122" s="226"/>
      <c r="L122" s="226"/>
      <c r="M122" s="226"/>
      <c r="N122" s="226"/>
      <c r="O122" s="226"/>
      <c r="P122" s="226"/>
      <c r="Q122" s="226"/>
      <c r="R122" s="226"/>
      <c r="S122" s="226"/>
      <c r="T122" s="226"/>
      <c r="U122" s="226"/>
      <c r="V122" s="226"/>
      <c r="W122" s="226"/>
      <c r="X122" s="226"/>
      <c r="Y122" s="226"/>
      <c r="Z122" s="226"/>
      <c r="AA122" s="226"/>
      <c r="AB122" s="226"/>
      <c r="AC122" s="226"/>
      <c r="AD122" s="226"/>
      <c r="AE122" s="226"/>
      <c r="AF122" s="226"/>
      <c r="AG122" s="226"/>
      <c r="AH122" s="226"/>
      <c r="AI122" s="226"/>
      <c r="AJ122" s="226"/>
      <c r="AK122" s="226"/>
      <c r="AL122" s="226"/>
      <c r="AM122" s="226"/>
      <c r="AN122" s="226"/>
      <c r="AO122" s="226"/>
      <c r="AP122" s="226"/>
      <c r="AQ122" s="226"/>
      <c r="AR122" s="226"/>
      <c r="AS122" s="226"/>
      <c r="AT122" s="226"/>
      <c r="AU122" s="226"/>
      <c r="AV122" s="226"/>
      <c r="AW122" s="226"/>
      <c r="AX122" s="226"/>
      <c r="AY122" s="226"/>
      <c r="AZ122" s="226"/>
      <c r="BA122" s="226"/>
      <c r="BB122" s="226"/>
      <c r="BC122" s="226"/>
      <c r="BD122" s="226"/>
      <c r="BE122" s="226"/>
      <c r="BF122" s="226"/>
      <c r="BG122" s="226"/>
      <c r="BH122" s="226"/>
      <c r="BI122" s="226"/>
      <c r="BJ122" s="226"/>
      <c r="BK122" s="226"/>
      <c r="BL122" s="226"/>
      <c r="BM122" s="226"/>
      <c r="BN122" s="226"/>
      <c r="BO122" s="226"/>
      <c r="BP122" s="226"/>
      <c r="BQ122" s="226"/>
      <c r="BR122" s="226"/>
      <c r="BS122" s="226"/>
      <c r="BT122" s="226"/>
      <c r="BU122" s="226"/>
      <c r="BV122" s="226"/>
      <c r="BW122" s="226"/>
      <c r="BX122" s="226"/>
      <c r="BY122" s="226"/>
      <c r="BZ122" s="226"/>
      <c r="CA122" s="226"/>
      <c r="CB122" s="226"/>
      <c r="CC122" s="226"/>
      <c r="CD122" s="226"/>
      <c r="CE122" s="226"/>
      <c r="CF122" s="226"/>
      <c r="CG122" s="226"/>
      <c r="CH122" s="226"/>
      <c r="CI122" s="226"/>
      <c r="CJ122" s="226"/>
      <c r="CK122" s="226"/>
      <c r="CL122" s="226"/>
      <c r="CM122" s="226"/>
      <c r="CN122" s="226"/>
      <c r="CO122" s="226"/>
      <c r="CP122" s="226"/>
      <c r="CQ122" s="226"/>
      <c r="CR122" s="226"/>
      <c r="CS122" s="226"/>
      <c r="CT122" s="226"/>
      <c r="CU122" s="226"/>
      <c r="CV122" s="226"/>
      <c r="CW122" s="226"/>
      <c r="CX122" s="226"/>
      <c r="CY122" s="226"/>
      <c r="CZ122" s="226"/>
      <c r="DA122" s="226"/>
      <c r="DB122" s="226"/>
      <c r="DC122" s="226"/>
      <c r="DD122" s="226"/>
      <c r="DE122" s="226"/>
      <c r="DF122" s="226"/>
      <c r="DG122" s="226"/>
      <c r="DH122" s="226"/>
      <c r="DI122" s="226"/>
      <c r="DJ122" s="226"/>
      <c r="DK122" s="226"/>
      <c r="DL122" s="226"/>
      <c r="DM122" s="226"/>
      <c r="DN122" s="226"/>
      <c r="DO122" s="226"/>
      <c r="DP122" s="226"/>
      <c r="DQ122" s="226"/>
      <c r="DR122" s="226"/>
      <c r="DS122" s="226"/>
      <c r="DT122" s="226"/>
      <c r="DU122" s="226"/>
      <c r="DV122" s="226"/>
      <c r="DW122" s="226"/>
      <c r="DX122" s="226"/>
      <c r="DY122" s="226"/>
      <c r="DZ122" s="226"/>
      <c r="EA122" s="226"/>
      <c r="EB122" s="226"/>
      <c r="EC122" s="226"/>
      <c r="ED122" s="226"/>
      <c r="EE122" s="226"/>
      <c r="EF122" s="226"/>
      <c r="EG122" s="226"/>
      <c r="EH122" s="226"/>
      <c r="EI122" s="226"/>
      <c r="EJ122" s="226"/>
      <c r="EK122" s="226"/>
      <c r="EL122" s="226"/>
      <c r="EM122" s="226"/>
      <c r="EN122" s="226"/>
      <c r="EO122" s="226"/>
      <c r="EP122" s="226"/>
      <c r="EQ122" s="226"/>
      <c r="ER122" s="226"/>
      <c r="ES122" s="226"/>
      <c r="ET122" s="226"/>
      <c r="EU122" s="226"/>
      <c r="EV122" s="226"/>
      <c r="EW122" s="226"/>
      <c r="EX122" s="226"/>
      <c r="EY122" s="226"/>
      <c r="EZ122" s="226"/>
      <c r="FA122" s="226"/>
      <c r="FB122" s="226"/>
      <c r="FC122" s="226"/>
      <c r="FD122" s="226"/>
      <c r="FE122" s="226"/>
      <c r="FF122" s="226"/>
      <c r="FG122" s="226"/>
      <c r="FH122" s="226"/>
      <c r="FI122" s="226"/>
      <c r="FJ122" s="226"/>
      <c r="FK122" s="226"/>
      <c r="FL122" s="226"/>
      <c r="FM122" s="226"/>
      <c r="FN122" s="226"/>
      <c r="FO122" s="226"/>
      <c r="FP122" s="226"/>
      <c r="FQ122" s="226"/>
      <c r="FR122" s="226"/>
      <c r="FS122" s="226"/>
      <c r="FT122" s="226"/>
      <c r="FU122" s="226"/>
      <c r="FV122" s="226"/>
      <c r="FW122" s="226"/>
      <c r="FX122" s="226"/>
      <c r="FY122" s="226"/>
      <c r="FZ122" s="226"/>
      <c r="GA122" s="226"/>
      <c r="GB122" s="226"/>
      <c r="GC122" s="226"/>
      <c r="GD122" s="226"/>
      <c r="GE122" s="226"/>
      <c r="GF122" s="226"/>
      <c r="GG122" s="226"/>
      <c r="GH122" s="226"/>
      <c r="GI122" s="226"/>
      <c r="GJ122" s="226"/>
      <c r="GK122" s="226"/>
    </row>
    <row r="123" spans="1:193" s="227" customFormat="1" ht="66" customHeight="1">
      <c r="A123" s="493"/>
      <c r="B123" s="235"/>
      <c r="C123" s="459" t="s">
        <v>529</v>
      </c>
      <c r="D123" s="460"/>
      <c r="E123" s="275"/>
      <c r="F123" s="276" t="s">
        <v>397</v>
      </c>
      <c r="G123" s="225" t="s">
        <v>531</v>
      </c>
      <c r="H123" s="226"/>
      <c r="I123" s="226"/>
      <c r="J123" s="226"/>
      <c r="K123" s="226"/>
      <c r="L123" s="226"/>
      <c r="M123" s="226"/>
      <c r="N123" s="226"/>
      <c r="O123" s="226"/>
      <c r="P123" s="226"/>
      <c r="Q123" s="226"/>
      <c r="R123" s="226"/>
      <c r="S123" s="226"/>
      <c r="T123" s="226"/>
      <c r="U123" s="226"/>
      <c r="V123" s="226"/>
      <c r="W123" s="226"/>
      <c r="X123" s="226"/>
      <c r="Y123" s="226"/>
      <c r="Z123" s="226"/>
      <c r="AA123" s="226"/>
      <c r="AB123" s="226"/>
      <c r="AC123" s="226"/>
      <c r="AD123" s="226"/>
      <c r="AE123" s="226"/>
      <c r="AF123" s="226"/>
      <c r="AG123" s="226"/>
      <c r="AH123" s="226"/>
      <c r="AI123" s="226"/>
      <c r="AJ123" s="226"/>
      <c r="AK123" s="226"/>
      <c r="AL123" s="226"/>
      <c r="AM123" s="226"/>
      <c r="AN123" s="226"/>
      <c r="AO123" s="226"/>
      <c r="AP123" s="226"/>
      <c r="AQ123" s="226"/>
      <c r="AR123" s="226"/>
      <c r="AS123" s="226"/>
      <c r="AT123" s="226"/>
      <c r="AU123" s="226"/>
      <c r="AV123" s="226"/>
      <c r="AW123" s="226"/>
      <c r="AX123" s="226"/>
      <c r="AY123" s="226"/>
      <c r="AZ123" s="226"/>
      <c r="BA123" s="226"/>
      <c r="BB123" s="226"/>
      <c r="BC123" s="226"/>
      <c r="BD123" s="226"/>
      <c r="BE123" s="226"/>
      <c r="BF123" s="226"/>
      <c r="BG123" s="226"/>
      <c r="BH123" s="226"/>
      <c r="BI123" s="226"/>
      <c r="BJ123" s="226"/>
      <c r="BK123" s="226"/>
      <c r="BL123" s="226"/>
      <c r="BM123" s="226"/>
      <c r="BN123" s="226"/>
      <c r="BO123" s="226"/>
      <c r="BP123" s="226"/>
      <c r="BQ123" s="226"/>
      <c r="BR123" s="226"/>
      <c r="BS123" s="226"/>
      <c r="BT123" s="226"/>
      <c r="BU123" s="226"/>
      <c r="BV123" s="226"/>
      <c r="BW123" s="226"/>
      <c r="BX123" s="226"/>
      <c r="BY123" s="226"/>
      <c r="BZ123" s="226"/>
      <c r="CA123" s="226"/>
      <c r="CB123" s="226"/>
      <c r="CC123" s="226"/>
      <c r="CD123" s="226"/>
      <c r="CE123" s="226"/>
      <c r="CF123" s="226"/>
      <c r="CG123" s="226"/>
      <c r="CH123" s="226"/>
      <c r="CI123" s="226"/>
      <c r="CJ123" s="226"/>
      <c r="CK123" s="226"/>
      <c r="CL123" s="226"/>
      <c r="CM123" s="226"/>
      <c r="CN123" s="226"/>
      <c r="CO123" s="226"/>
      <c r="CP123" s="226"/>
      <c r="CQ123" s="226"/>
      <c r="CR123" s="226"/>
      <c r="CS123" s="226"/>
      <c r="CT123" s="226"/>
      <c r="CU123" s="226"/>
      <c r="CV123" s="226"/>
      <c r="CW123" s="226"/>
      <c r="CX123" s="226"/>
      <c r="CY123" s="226"/>
      <c r="CZ123" s="226"/>
      <c r="DA123" s="226"/>
      <c r="DB123" s="226"/>
      <c r="DC123" s="226"/>
      <c r="DD123" s="226"/>
      <c r="DE123" s="226"/>
      <c r="DF123" s="226"/>
      <c r="DG123" s="226"/>
      <c r="DH123" s="226"/>
      <c r="DI123" s="226"/>
      <c r="DJ123" s="226"/>
      <c r="DK123" s="226"/>
      <c r="DL123" s="226"/>
      <c r="DM123" s="226"/>
      <c r="DN123" s="226"/>
      <c r="DO123" s="226"/>
      <c r="DP123" s="226"/>
      <c r="DQ123" s="226"/>
      <c r="DR123" s="226"/>
      <c r="DS123" s="226"/>
      <c r="DT123" s="226"/>
      <c r="DU123" s="226"/>
      <c r="DV123" s="226"/>
      <c r="DW123" s="226"/>
      <c r="DX123" s="226"/>
      <c r="DY123" s="226"/>
      <c r="DZ123" s="226"/>
      <c r="EA123" s="226"/>
      <c r="EB123" s="226"/>
      <c r="EC123" s="226"/>
      <c r="ED123" s="226"/>
      <c r="EE123" s="226"/>
      <c r="EF123" s="226"/>
      <c r="EG123" s="226"/>
      <c r="EH123" s="226"/>
      <c r="EI123" s="226"/>
      <c r="EJ123" s="226"/>
      <c r="EK123" s="226"/>
      <c r="EL123" s="226"/>
      <c r="EM123" s="226"/>
      <c r="EN123" s="226"/>
      <c r="EO123" s="226"/>
      <c r="EP123" s="226"/>
      <c r="EQ123" s="226"/>
      <c r="ER123" s="226"/>
      <c r="ES123" s="226"/>
      <c r="ET123" s="226"/>
      <c r="EU123" s="226"/>
      <c r="EV123" s="226"/>
      <c r="EW123" s="226"/>
      <c r="EX123" s="226"/>
      <c r="EY123" s="226"/>
      <c r="EZ123" s="226"/>
      <c r="FA123" s="226"/>
      <c r="FB123" s="226"/>
      <c r="FC123" s="226"/>
      <c r="FD123" s="226"/>
      <c r="FE123" s="226"/>
      <c r="FF123" s="226"/>
      <c r="FG123" s="226"/>
      <c r="FH123" s="226"/>
      <c r="FI123" s="226"/>
      <c r="FJ123" s="226"/>
      <c r="FK123" s="226"/>
      <c r="FL123" s="226"/>
      <c r="FM123" s="226"/>
      <c r="FN123" s="226"/>
      <c r="FO123" s="226"/>
      <c r="FP123" s="226"/>
      <c r="FQ123" s="226"/>
      <c r="FR123" s="226"/>
      <c r="FS123" s="226"/>
      <c r="FT123" s="226"/>
      <c r="FU123" s="226"/>
      <c r="FV123" s="226"/>
      <c r="FW123" s="226"/>
      <c r="FX123" s="226"/>
      <c r="FY123" s="226"/>
      <c r="FZ123" s="226"/>
      <c r="GA123" s="226"/>
      <c r="GB123" s="226"/>
      <c r="GC123" s="226"/>
      <c r="GD123" s="226"/>
      <c r="GE123" s="226"/>
      <c r="GF123" s="226"/>
      <c r="GG123" s="226"/>
      <c r="GH123" s="226"/>
      <c r="GI123" s="226"/>
      <c r="GJ123" s="226"/>
      <c r="GK123" s="226"/>
    </row>
    <row r="124" spans="1:193" s="227" customFormat="1" ht="49.5" customHeight="1">
      <c r="A124" s="493"/>
      <c r="B124" s="235"/>
      <c r="C124" s="459" t="s">
        <v>532</v>
      </c>
      <c r="D124" s="460"/>
      <c r="E124" s="275"/>
      <c r="F124" s="276" t="s">
        <v>530</v>
      </c>
      <c r="G124" s="225" t="s">
        <v>537</v>
      </c>
      <c r="H124" s="226"/>
      <c r="I124" s="226"/>
      <c r="J124" s="226"/>
      <c r="K124" s="226"/>
      <c r="L124" s="226"/>
      <c r="M124" s="226"/>
      <c r="N124" s="226"/>
      <c r="O124" s="226"/>
      <c r="P124" s="226"/>
      <c r="Q124" s="226"/>
      <c r="R124" s="226"/>
      <c r="S124" s="226"/>
      <c r="T124" s="226"/>
      <c r="U124" s="226"/>
      <c r="V124" s="226"/>
      <c r="W124" s="226"/>
      <c r="X124" s="226"/>
      <c r="Y124" s="226"/>
      <c r="Z124" s="226"/>
      <c r="AA124" s="226"/>
      <c r="AB124" s="226"/>
      <c r="AC124" s="226"/>
      <c r="AD124" s="226"/>
      <c r="AE124" s="226"/>
      <c r="AF124" s="226"/>
      <c r="AG124" s="226"/>
      <c r="AH124" s="226"/>
      <c r="AI124" s="226"/>
      <c r="AJ124" s="226"/>
      <c r="AK124" s="226"/>
      <c r="AL124" s="226"/>
      <c r="AM124" s="226"/>
      <c r="AN124" s="226"/>
      <c r="AO124" s="226"/>
      <c r="AP124" s="226"/>
      <c r="AQ124" s="226"/>
      <c r="AR124" s="226"/>
      <c r="AS124" s="226"/>
      <c r="AT124" s="226"/>
      <c r="AU124" s="226"/>
      <c r="AV124" s="226"/>
      <c r="AW124" s="226"/>
      <c r="AX124" s="226"/>
      <c r="AY124" s="226"/>
      <c r="AZ124" s="226"/>
      <c r="BA124" s="226"/>
      <c r="BB124" s="226"/>
      <c r="BC124" s="226"/>
      <c r="BD124" s="226"/>
      <c r="BE124" s="226"/>
      <c r="BF124" s="226"/>
      <c r="BG124" s="226"/>
      <c r="BH124" s="226"/>
      <c r="BI124" s="226"/>
      <c r="BJ124" s="226"/>
      <c r="BK124" s="226"/>
      <c r="BL124" s="226"/>
      <c r="BM124" s="226"/>
      <c r="BN124" s="226"/>
      <c r="BO124" s="226"/>
      <c r="BP124" s="226"/>
      <c r="BQ124" s="226"/>
      <c r="BR124" s="226"/>
      <c r="BS124" s="226"/>
      <c r="BT124" s="226"/>
      <c r="BU124" s="226"/>
      <c r="BV124" s="226"/>
      <c r="BW124" s="226"/>
      <c r="BX124" s="226"/>
      <c r="BY124" s="226"/>
      <c r="BZ124" s="226"/>
      <c r="CA124" s="226"/>
      <c r="CB124" s="226"/>
      <c r="CC124" s="226"/>
      <c r="CD124" s="226"/>
      <c r="CE124" s="226"/>
      <c r="CF124" s="226"/>
      <c r="CG124" s="226"/>
      <c r="CH124" s="226"/>
      <c r="CI124" s="226"/>
      <c r="CJ124" s="226"/>
      <c r="CK124" s="226"/>
      <c r="CL124" s="226"/>
      <c r="CM124" s="226"/>
      <c r="CN124" s="226"/>
      <c r="CO124" s="226"/>
      <c r="CP124" s="226"/>
      <c r="CQ124" s="226"/>
      <c r="CR124" s="226"/>
      <c r="CS124" s="226"/>
      <c r="CT124" s="226"/>
      <c r="CU124" s="226"/>
      <c r="CV124" s="226"/>
      <c r="CW124" s="226"/>
      <c r="CX124" s="226"/>
      <c r="CY124" s="226"/>
      <c r="CZ124" s="226"/>
      <c r="DA124" s="226"/>
      <c r="DB124" s="226"/>
      <c r="DC124" s="226"/>
      <c r="DD124" s="226"/>
      <c r="DE124" s="226"/>
      <c r="DF124" s="226"/>
      <c r="DG124" s="226"/>
      <c r="DH124" s="226"/>
      <c r="DI124" s="226"/>
      <c r="DJ124" s="226"/>
      <c r="DK124" s="226"/>
      <c r="DL124" s="226"/>
      <c r="DM124" s="226"/>
      <c r="DN124" s="226"/>
      <c r="DO124" s="226"/>
      <c r="DP124" s="226"/>
      <c r="DQ124" s="226"/>
      <c r="DR124" s="226"/>
      <c r="DS124" s="226"/>
      <c r="DT124" s="226"/>
      <c r="DU124" s="226"/>
      <c r="DV124" s="226"/>
      <c r="DW124" s="226"/>
      <c r="DX124" s="226"/>
      <c r="DY124" s="226"/>
      <c r="DZ124" s="226"/>
      <c r="EA124" s="226"/>
      <c r="EB124" s="226"/>
      <c r="EC124" s="226"/>
      <c r="ED124" s="226"/>
      <c r="EE124" s="226"/>
      <c r="EF124" s="226"/>
      <c r="EG124" s="226"/>
      <c r="EH124" s="226"/>
      <c r="EI124" s="226"/>
      <c r="EJ124" s="226"/>
      <c r="EK124" s="226"/>
      <c r="EL124" s="226"/>
      <c r="EM124" s="226"/>
      <c r="EN124" s="226"/>
      <c r="EO124" s="226"/>
      <c r="EP124" s="226"/>
      <c r="EQ124" s="226"/>
      <c r="ER124" s="226"/>
      <c r="ES124" s="226"/>
      <c r="ET124" s="226"/>
      <c r="EU124" s="226"/>
      <c r="EV124" s="226"/>
      <c r="EW124" s="226"/>
      <c r="EX124" s="226"/>
      <c r="EY124" s="226"/>
      <c r="EZ124" s="226"/>
      <c r="FA124" s="226"/>
      <c r="FB124" s="226"/>
      <c r="FC124" s="226"/>
      <c r="FD124" s="226"/>
      <c r="FE124" s="226"/>
      <c r="FF124" s="226"/>
      <c r="FG124" s="226"/>
      <c r="FH124" s="226"/>
      <c r="FI124" s="226"/>
      <c r="FJ124" s="226"/>
      <c r="FK124" s="226"/>
      <c r="FL124" s="226"/>
      <c r="FM124" s="226"/>
      <c r="FN124" s="226"/>
      <c r="FO124" s="226"/>
      <c r="FP124" s="226"/>
      <c r="FQ124" s="226"/>
      <c r="FR124" s="226"/>
      <c r="FS124" s="226"/>
      <c r="FT124" s="226"/>
      <c r="FU124" s="226"/>
      <c r="FV124" s="226"/>
      <c r="FW124" s="226"/>
      <c r="FX124" s="226"/>
      <c r="FY124" s="226"/>
      <c r="FZ124" s="226"/>
      <c r="GA124" s="226"/>
      <c r="GB124" s="226"/>
      <c r="GC124" s="226"/>
      <c r="GD124" s="226"/>
      <c r="GE124" s="226"/>
      <c r="GF124" s="226"/>
      <c r="GG124" s="226"/>
      <c r="GH124" s="226"/>
      <c r="GI124" s="226"/>
      <c r="GJ124" s="226"/>
      <c r="GK124" s="226"/>
    </row>
    <row r="125" spans="1:193" s="227" customFormat="1" ht="49.5" customHeight="1">
      <c r="A125" s="493"/>
      <c r="B125" s="235"/>
      <c r="C125" s="459" t="s">
        <v>538</v>
      </c>
      <c r="D125" s="460"/>
      <c r="E125" s="275"/>
      <c r="F125" s="276" t="s">
        <v>397</v>
      </c>
      <c r="G125" s="225" t="s">
        <v>539</v>
      </c>
      <c r="H125" s="226"/>
      <c r="I125" s="226"/>
      <c r="J125" s="226"/>
      <c r="K125" s="226"/>
      <c r="L125" s="226"/>
      <c r="M125" s="226"/>
      <c r="N125" s="226"/>
      <c r="O125" s="226"/>
      <c r="P125" s="226"/>
      <c r="Q125" s="226"/>
      <c r="R125" s="226"/>
      <c r="S125" s="226"/>
      <c r="T125" s="226"/>
      <c r="U125" s="226"/>
      <c r="V125" s="226"/>
      <c r="W125" s="226"/>
      <c r="X125" s="226"/>
      <c r="Y125" s="226"/>
      <c r="Z125" s="226"/>
      <c r="AA125" s="226"/>
      <c r="AB125" s="226"/>
      <c r="AC125" s="226"/>
      <c r="AD125" s="226"/>
      <c r="AE125" s="226"/>
      <c r="AF125" s="226"/>
      <c r="AG125" s="226"/>
      <c r="AH125" s="226"/>
      <c r="AI125" s="226"/>
      <c r="AJ125" s="226"/>
      <c r="AK125" s="226"/>
      <c r="AL125" s="226"/>
      <c r="AM125" s="226"/>
      <c r="AN125" s="226"/>
      <c r="AO125" s="226"/>
      <c r="AP125" s="226"/>
      <c r="AQ125" s="226"/>
      <c r="AR125" s="226"/>
      <c r="AS125" s="226"/>
      <c r="AT125" s="226"/>
      <c r="AU125" s="226"/>
      <c r="AV125" s="226"/>
      <c r="AW125" s="226"/>
      <c r="AX125" s="226"/>
      <c r="AY125" s="226"/>
      <c r="AZ125" s="226"/>
      <c r="BA125" s="226"/>
      <c r="BB125" s="226"/>
      <c r="BC125" s="226"/>
      <c r="BD125" s="226"/>
      <c r="BE125" s="226"/>
      <c r="BF125" s="226"/>
      <c r="BG125" s="226"/>
      <c r="BH125" s="226"/>
      <c r="BI125" s="226"/>
      <c r="BJ125" s="226"/>
      <c r="BK125" s="226"/>
      <c r="BL125" s="226"/>
      <c r="BM125" s="226"/>
      <c r="BN125" s="226"/>
      <c r="BO125" s="226"/>
      <c r="BP125" s="226"/>
      <c r="BQ125" s="226"/>
      <c r="BR125" s="226"/>
      <c r="BS125" s="226"/>
      <c r="BT125" s="226"/>
      <c r="BU125" s="226"/>
      <c r="BV125" s="226"/>
      <c r="BW125" s="226"/>
      <c r="BX125" s="226"/>
      <c r="BY125" s="226"/>
      <c r="BZ125" s="226"/>
      <c r="CA125" s="226"/>
      <c r="CB125" s="226"/>
      <c r="CC125" s="226"/>
      <c r="CD125" s="226"/>
      <c r="CE125" s="226"/>
      <c r="CF125" s="226"/>
      <c r="CG125" s="226"/>
      <c r="CH125" s="226"/>
      <c r="CI125" s="226"/>
      <c r="CJ125" s="226"/>
      <c r="CK125" s="226"/>
      <c r="CL125" s="226"/>
      <c r="CM125" s="226"/>
      <c r="CN125" s="226"/>
      <c r="CO125" s="226"/>
      <c r="CP125" s="226"/>
      <c r="CQ125" s="226"/>
      <c r="CR125" s="226"/>
      <c r="CS125" s="226"/>
      <c r="CT125" s="226"/>
      <c r="CU125" s="226"/>
      <c r="CV125" s="226"/>
      <c r="CW125" s="226"/>
      <c r="CX125" s="226"/>
      <c r="CY125" s="226"/>
      <c r="CZ125" s="226"/>
      <c r="DA125" s="226"/>
      <c r="DB125" s="226"/>
      <c r="DC125" s="226"/>
      <c r="DD125" s="226"/>
      <c r="DE125" s="226"/>
      <c r="DF125" s="226"/>
      <c r="DG125" s="226"/>
      <c r="DH125" s="226"/>
      <c r="DI125" s="226"/>
      <c r="DJ125" s="226"/>
      <c r="DK125" s="226"/>
      <c r="DL125" s="226"/>
      <c r="DM125" s="226"/>
      <c r="DN125" s="226"/>
      <c r="DO125" s="226"/>
      <c r="DP125" s="226"/>
      <c r="DQ125" s="226"/>
      <c r="DR125" s="226"/>
      <c r="DS125" s="226"/>
      <c r="DT125" s="226"/>
      <c r="DU125" s="226"/>
      <c r="DV125" s="226"/>
      <c r="DW125" s="226"/>
      <c r="DX125" s="226"/>
      <c r="DY125" s="226"/>
      <c r="DZ125" s="226"/>
      <c r="EA125" s="226"/>
      <c r="EB125" s="226"/>
      <c r="EC125" s="226"/>
      <c r="ED125" s="226"/>
      <c r="EE125" s="226"/>
      <c r="EF125" s="226"/>
      <c r="EG125" s="226"/>
      <c r="EH125" s="226"/>
      <c r="EI125" s="226"/>
      <c r="EJ125" s="226"/>
      <c r="EK125" s="226"/>
      <c r="EL125" s="226"/>
      <c r="EM125" s="226"/>
      <c r="EN125" s="226"/>
      <c r="EO125" s="226"/>
      <c r="EP125" s="226"/>
      <c r="EQ125" s="226"/>
      <c r="ER125" s="226"/>
      <c r="ES125" s="226"/>
      <c r="ET125" s="226"/>
      <c r="EU125" s="226"/>
      <c r="EV125" s="226"/>
      <c r="EW125" s="226"/>
      <c r="EX125" s="226"/>
      <c r="EY125" s="226"/>
      <c r="EZ125" s="226"/>
      <c r="FA125" s="226"/>
      <c r="FB125" s="226"/>
      <c r="FC125" s="226"/>
      <c r="FD125" s="226"/>
      <c r="FE125" s="226"/>
      <c r="FF125" s="226"/>
      <c r="FG125" s="226"/>
      <c r="FH125" s="226"/>
      <c r="FI125" s="226"/>
      <c r="FJ125" s="226"/>
      <c r="FK125" s="226"/>
      <c r="FL125" s="226"/>
      <c r="FM125" s="226"/>
      <c r="FN125" s="226"/>
      <c r="FO125" s="226"/>
      <c r="FP125" s="226"/>
      <c r="FQ125" s="226"/>
      <c r="FR125" s="226"/>
      <c r="FS125" s="226"/>
      <c r="FT125" s="226"/>
      <c r="FU125" s="226"/>
      <c r="FV125" s="226"/>
      <c r="FW125" s="226"/>
      <c r="FX125" s="226"/>
      <c r="FY125" s="226"/>
      <c r="FZ125" s="226"/>
      <c r="GA125" s="226"/>
      <c r="GB125" s="226"/>
      <c r="GC125" s="226"/>
      <c r="GD125" s="226"/>
      <c r="GE125" s="226"/>
      <c r="GF125" s="226"/>
      <c r="GG125" s="226"/>
      <c r="GH125" s="226"/>
      <c r="GI125" s="226"/>
      <c r="GJ125" s="226"/>
      <c r="GK125" s="226"/>
    </row>
    <row r="126" spans="1:193" s="227" customFormat="1" ht="21.75" customHeight="1">
      <c r="A126" s="493"/>
      <c r="B126" s="235"/>
      <c r="C126" s="459" t="s">
        <v>504</v>
      </c>
      <c r="D126" s="460"/>
      <c r="E126" s="275"/>
      <c r="F126" s="276" t="s">
        <v>397</v>
      </c>
      <c r="G126" s="259" t="s">
        <v>349</v>
      </c>
      <c r="H126" s="226"/>
      <c r="I126" s="226"/>
      <c r="J126" s="226"/>
      <c r="K126" s="226"/>
      <c r="L126" s="226"/>
      <c r="M126" s="226"/>
      <c r="N126" s="226"/>
      <c r="O126" s="226"/>
      <c r="P126" s="226"/>
      <c r="Q126" s="226"/>
      <c r="R126" s="226"/>
      <c r="S126" s="226"/>
      <c r="T126" s="226"/>
      <c r="U126" s="226"/>
      <c r="V126" s="226"/>
      <c r="W126" s="226"/>
      <c r="X126" s="226"/>
      <c r="Y126" s="226"/>
      <c r="Z126" s="226"/>
      <c r="AA126" s="226"/>
      <c r="AB126" s="226"/>
      <c r="AC126" s="226"/>
      <c r="AD126" s="226"/>
      <c r="AE126" s="226"/>
      <c r="AF126" s="226"/>
      <c r="AG126" s="226"/>
      <c r="AH126" s="226"/>
      <c r="AI126" s="226"/>
      <c r="AJ126" s="226"/>
      <c r="AK126" s="226"/>
      <c r="AL126" s="226"/>
      <c r="AM126" s="226"/>
      <c r="AN126" s="226"/>
      <c r="AO126" s="226"/>
      <c r="AP126" s="226"/>
      <c r="AQ126" s="226"/>
      <c r="AR126" s="226"/>
      <c r="AS126" s="226"/>
      <c r="AT126" s="226"/>
      <c r="AU126" s="226"/>
      <c r="AV126" s="226"/>
      <c r="AW126" s="226"/>
      <c r="AX126" s="226"/>
      <c r="AY126" s="226"/>
      <c r="AZ126" s="226"/>
      <c r="BA126" s="226"/>
      <c r="BB126" s="226"/>
      <c r="BC126" s="226"/>
      <c r="BD126" s="226"/>
      <c r="BE126" s="226"/>
      <c r="BF126" s="226"/>
      <c r="BG126" s="226"/>
      <c r="BH126" s="226"/>
      <c r="BI126" s="226"/>
      <c r="BJ126" s="226"/>
      <c r="BK126" s="226"/>
      <c r="BL126" s="226"/>
      <c r="BM126" s="226"/>
      <c r="BN126" s="226"/>
      <c r="BO126" s="226"/>
      <c r="BP126" s="226"/>
      <c r="BQ126" s="226"/>
      <c r="BR126" s="226"/>
      <c r="BS126" s="226"/>
      <c r="BT126" s="226"/>
      <c r="BU126" s="226"/>
      <c r="BV126" s="226"/>
      <c r="BW126" s="226"/>
      <c r="BX126" s="226"/>
      <c r="BY126" s="226"/>
      <c r="BZ126" s="226"/>
      <c r="CA126" s="226"/>
      <c r="CB126" s="226"/>
      <c r="CC126" s="226"/>
      <c r="CD126" s="226"/>
      <c r="CE126" s="226"/>
      <c r="CF126" s="226"/>
      <c r="CG126" s="226"/>
      <c r="CH126" s="226"/>
      <c r="CI126" s="226"/>
      <c r="CJ126" s="226"/>
      <c r="CK126" s="226"/>
      <c r="CL126" s="226"/>
      <c r="CM126" s="226"/>
      <c r="CN126" s="226"/>
      <c r="CO126" s="226"/>
      <c r="CP126" s="226"/>
      <c r="CQ126" s="226"/>
      <c r="CR126" s="226"/>
      <c r="CS126" s="226"/>
      <c r="CT126" s="226"/>
      <c r="CU126" s="226"/>
      <c r="CV126" s="226"/>
      <c r="CW126" s="226"/>
      <c r="CX126" s="226"/>
      <c r="CY126" s="226"/>
      <c r="CZ126" s="226"/>
      <c r="DA126" s="226"/>
      <c r="DB126" s="226"/>
      <c r="DC126" s="226"/>
      <c r="DD126" s="226"/>
      <c r="DE126" s="226"/>
      <c r="DF126" s="226"/>
      <c r="DG126" s="226"/>
      <c r="DH126" s="226"/>
      <c r="DI126" s="226"/>
      <c r="DJ126" s="226"/>
      <c r="DK126" s="226"/>
      <c r="DL126" s="226"/>
      <c r="DM126" s="226"/>
      <c r="DN126" s="226"/>
      <c r="DO126" s="226"/>
      <c r="DP126" s="226"/>
      <c r="DQ126" s="226"/>
      <c r="DR126" s="226"/>
      <c r="DS126" s="226"/>
      <c r="DT126" s="226"/>
      <c r="DU126" s="226"/>
      <c r="DV126" s="226"/>
      <c r="DW126" s="226"/>
      <c r="DX126" s="226"/>
      <c r="DY126" s="226"/>
      <c r="DZ126" s="226"/>
      <c r="EA126" s="226"/>
      <c r="EB126" s="226"/>
      <c r="EC126" s="226"/>
      <c r="ED126" s="226"/>
      <c r="EE126" s="226"/>
      <c r="EF126" s="226"/>
      <c r="EG126" s="226"/>
      <c r="EH126" s="226"/>
      <c r="EI126" s="226"/>
      <c r="EJ126" s="226"/>
      <c r="EK126" s="226"/>
      <c r="EL126" s="226"/>
      <c r="EM126" s="226"/>
      <c r="EN126" s="226"/>
      <c r="EO126" s="226"/>
      <c r="EP126" s="226"/>
      <c r="EQ126" s="226"/>
      <c r="ER126" s="226"/>
      <c r="ES126" s="226"/>
      <c r="ET126" s="226"/>
      <c r="EU126" s="226"/>
      <c r="EV126" s="226"/>
      <c r="EW126" s="226"/>
      <c r="EX126" s="226"/>
      <c r="EY126" s="226"/>
      <c r="EZ126" s="226"/>
      <c r="FA126" s="226"/>
      <c r="FB126" s="226"/>
      <c r="FC126" s="226"/>
      <c r="FD126" s="226"/>
      <c r="FE126" s="226"/>
      <c r="FF126" s="226"/>
      <c r="FG126" s="226"/>
      <c r="FH126" s="226"/>
      <c r="FI126" s="226"/>
      <c r="FJ126" s="226"/>
      <c r="FK126" s="226"/>
      <c r="FL126" s="226"/>
      <c r="FM126" s="226"/>
      <c r="FN126" s="226"/>
      <c r="FO126" s="226"/>
      <c r="FP126" s="226"/>
      <c r="FQ126" s="226"/>
      <c r="FR126" s="226"/>
      <c r="FS126" s="226"/>
      <c r="FT126" s="226"/>
      <c r="FU126" s="226"/>
      <c r="FV126" s="226"/>
      <c r="FW126" s="226"/>
      <c r="FX126" s="226"/>
      <c r="FY126" s="226"/>
      <c r="FZ126" s="226"/>
      <c r="GA126" s="226"/>
      <c r="GB126" s="226"/>
      <c r="GC126" s="226"/>
      <c r="GD126" s="226"/>
      <c r="GE126" s="226"/>
      <c r="GF126" s="226"/>
      <c r="GG126" s="226"/>
      <c r="GH126" s="226"/>
      <c r="GI126" s="226"/>
      <c r="GJ126" s="226"/>
      <c r="GK126" s="226"/>
    </row>
    <row r="127" spans="1:193" s="227" customFormat="1" ht="66" customHeight="1">
      <c r="A127" s="493"/>
      <c r="B127" s="235"/>
      <c r="C127" s="459" t="s">
        <v>529</v>
      </c>
      <c r="D127" s="460"/>
      <c r="E127" s="275"/>
      <c r="F127" s="276" t="s">
        <v>530</v>
      </c>
      <c r="G127" s="225" t="s">
        <v>533</v>
      </c>
      <c r="H127" s="226"/>
      <c r="I127" s="226"/>
      <c r="J127" s="226"/>
      <c r="K127" s="226"/>
      <c r="L127" s="226"/>
      <c r="M127" s="226"/>
      <c r="N127" s="226"/>
      <c r="O127" s="226"/>
      <c r="P127" s="226"/>
      <c r="Q127" s="226"/>
      <c r="R127" s="226"/>
      <c r="S127" s="226"/>
      <c r="T127" s="226"/>
      <c r="U127" s="226"/>
      <c r="V127" s="226"/>
      <c r="W127" s="226"/>
      <c r="X127" s="226"/>
      <c r="Y127" s="226"/>
      <c r="Z127" s="226"/>
      <c r="AA127" s="226"/>
      <c r="AB127" s="226"/>
      <c r="AC127" s="226"/>
      <c r="AD127" s="226"/>
      <c r="AE127" s="226"/>
      <c r="AF127" s="226"/>
      <c r="AG127" s="226"/>
      <c r="AH127" s="226"/>
      <c r="AI127" s="226"/>
      <c r="AJ127" s="226"/>
      <c r="AK127" s="226"/>
      <c r="AL127" s="226"/>
      <c r="AM127" s="226"/>
      <c r="AN127" s="226"/>
      <c r="AO127" s="226"/>
      <c r="AP127" s="226"/>
      <c r="AQ127" s="226"/>
      <c r="AR127" s="226"/>
      <c r="AS127" s="226"/>
      <c r="AT127" s="226"/>
      <c r="AU127" s="226"/>
      <c r="AV127" s="226"/>
      <c r="AW127" s="226"/>
      <c r="AX127" s="226"/>
      <c r="AY127" s="226"/>
      <c r="AZ127" s="226"/>
      <c r="BA127" s="226"/>
      <c r="BB127" s="226"/>
      <c r="BC127" s="226"/>
      <c r="BD127" s="226"/>
      <c r="BE127" s="226"/>
      <c r="BF127" s="226"/>
      <c r="BG127" s="226"/>
      <c r="BH127" s="226"/>
      <c r="BI127" s="226"/>
      <c r="BJ127" s="226"/>
      <c r="BK127" s="226"/>
      <c r="BL127" s="226"/>
      <c r="BM127" s="226"/>
      <c r="BN127" s="226"/>
      <c r="BO127" s="226"/>
      <c r="BP127" s="226"/>
      <c r="BQ127" s="226"/>
      <c r="BR127" s="226"/>
      <c r="BS127" s="226"/>
      <c r="BT127" s="226"/>
      <c r="BU127" s="226"/>
      <c r="BV127" s="226"/>
      <c r="BW127" s="226"/>
      <c r="BX127" s="226"/>
      <c r="BY127" s="226"/>
      <c r="BZ127" s="226"/>
      <c r="CA127" s="226"/>
      <c r="CB127" s="226"/>
      <c r="CC127" s="226"/>
      <c r="CD127" s="226"/>
      <c r="CE127" s="226"/>
      <c r="CF127" s="226"/>
      <c r="CG127" s="226"/>
      <c r="CH127" s="226"/>
      <c r="CI127" s="226"/>
      <c r="CJ127" s="226"/>
      <c r="CK127" s="226"/>
      <c r="CL127" s="226"/>
      <c r="CM127" s="226"/>
      <c r="CN127" s="226"/>
      <c r="CO127" s="226"/>
      <c r="CP127" s="226"/>
      <c r="CQ127" s="226"/>
      <c r="CR127" s="226"/>
      <c r="CS127" s="226"/>
      <c r="CT127" s="226"/>
      <c r="CU127" s="226"/>
      <c r="CV127" s="226"/>
      <c r="CW127" s="226"/>
      <c r="CX127" s="226"/>
      <c r="CY127" s="226"/>
      <c r="CZ127" s="226"/>
      <c r="DA127" s="226"/>
      <c r="DB127" s="226"/>
      <c r="DC127" s="226"/>
      <c r="DD127" s="226"/>
      <c r="DE127" s="226"/>
      <c r="DF127" s="226"/>
      <c r="DG127" s="226"/>
      <c r="DH127" s="226"/>
      <c r="DI127" s="226"/>
      <c r="DJ127" s="226"/>
      <c r="DK127" s="226"/>
      <c r="DL127" s="226"/>
      <c r="DM127" s="226"/>
      <c r="DN127" s="226"/>
      <c r="DO127" s="226"/>
      <c r="DP127" s="226"/>
      <c r="DQ127" s="226"/>
      <c r="DR127" s="226"/>
      <c r="DS127" s="226"/>
      <c r="DT127" s="226"/>
      <c r="DU127" s="226"/>
      <c r="DV127" s="226"/>
      <c r="DW127" s="226"/>
      <c r="DX127" s="226"/>
      <c r="DY127" s="226"/>
      <c r="DZ127" s="226"/>
      <c r="EA127" s="226"/>
      <c r="EB127" s="226"/>
      <c r="EC127" s="226"/>
      <c r="ED127" s="226"/>
      <c r="EE127" s="226"/>
      <c r="EF127" s="226"/>
      <c r="EG127" s="226"/>
      <c r="EH127" s="226"/>
      <c r="EI127" s="226"/>
      <c r="EJ127" s="226"/>
      <c r="EK127" s="226"/>
      <c r="EL127" s="226"/>
      <c r="EM127" s="226"/>
      <c r="EN127" s="226"/>
      <c r="EO127" s="226"/>
      <c r="EP127" s="226"/>
      <c r="EQ127" s="226"/>
      <c r="ER127" s="226"/>
      <c r="ES127" s="226"/>
      <c r="ET127" s="226"/>
      <c r="EU127" s="226"/>
      <c r="EV127" s="226"/>
      <c r="EW127" s="226"/>
      <c r="EX127" s="226"/>
      <c r="EY127" s="226"/>
      <c r="EZ127" s="226"/>
      <c r="FA127" s="226"/>
      <c r="FB127" s="226"/>
      <c r="FC127" s="226"/>
      <c r="FD127" s="226"/>
      <c r="FE127" s="226"/>
      <c r="FF127" s="226"/>
      <c r="FG127" s="226"/>
      <c r="FH127" s="226"/>
      <c r="FI127" s="226"/>
      <c r="FJ127" s="226"/>
      <c r="FK127" s="226"/>
      <c r="FL127" s="226"/>
      <c r="FM127" s="226"/>
      <c r="FN127" s="226"/>
      <c r="FO127" s="226"/>
      <c r="FP127" s="226"/>
      <c r="FQ127" s="226"/>
      <c r="FR127" s="226"/>
      <c r="FS127" s="226"/>
      <c r="FT127" s="226"/>
      <c r="FU127" s="226"/>
      <c r="FV127" s="226"/>
      <c r="FW127" s="226"/>
      <c r="FX127" s="226"/>
      <c r="FY127" s="226"/>
      <c r="FZ127" s="226"/>
      <c r="GA127" s="226"/>
      <c r="GB127" s="226"/>
      <c r="GC127" s="226"/>
      <c r="GD127" s="226"/>
      <c r="GE127" s="226"/>
      <c r="GF127" s="226"/>
      <c r="GG127" s="226"/>
      <c r="GH127" s="226"/>
      <c r="GI127" s="226"/>
      <c r="GJ127" s="226"/>
      <c r="GK127" s="226"/>
    </row>
    <row r="128" spans="1:193" s="227" customFormat="1" ht="49.5" customHeight="1">
      <c r="A128" s="495"/>
      <c r="B128" s="228"/>
      <c r="C128" s="496" t="s">
        <v>532</v>
      </c>
      <c r="D128" s="497"/>
      <c r="E128" s="277"/>
      <c r="F128" s="279" t="s">
        <v>397</v>
      </c>
      <c r="G128" s="280"/>
      <c r="H128" s="226"/>
      <c r="I128" s="226"/>
      <c r="J128" s="226"/>
      <c r="K128" s="226"/>
      <c r="L128" s="226"/>
      <c r="M128" s="226"/>
      <c r="N128" s="226"/>
      <c r="O128" s="226"/>
      <c r="P128" s="226"/>
      <c r="Q128" s="226"/>
      <c r="R128" s="226"/>
      <c r="S128" s="226"/>
      <c r="T128" s="226"/>
      <c r="U128" s="226"/>
      <c r="V128" s="226"/>
      <c r="W128" s="226"/>
      <c r="X128" s="226"/>
      <c r="Y128" s="226"/>
      <c r="Z128" s="226"/>
      <c r="AA128" s="226"/>
      <c r="AB128" s="226"/>
      <c r="AC128" s="226"/>
      <c r="AD128" s="226"/>
      <c r="AE128" s="226"/>
      <c r="AF128" s="226"/>
      <c r="AG128" s="226"/>
      <c r="AH128" s="226"/>
      <c r="AI128" s="226"/>
      <c r="AJ128" s="226"/>
      <c r="AK128" s="226"/>
      <c r="AL128" s="226"/>
      <c r="AM128" s="226"/>
      <c r="AN128" s="226"/>
      <c r="AO128" s="226"/>
      <c r="AP128" s="226"/>
      <c r="AQ128" s="226"/>
      <c r="AR128" s="226"/>
      <c r="AS128" s="226"/>
      <c r="AT128" s="226"/>
      <c r="AU128" s="226"/>
      <c r="AV128" s="226"/>
      <c r="AW128" s="226"/>
      <c r="AX128" s="226"/>
      <c r="AY128" s="226"/>
      <c r="AZ128" s="226"/>
      <c r="BA128" s="226"/>
      <c r="BB128" s="226"/>
      <c r="BC128" s="226"/>
      <c r="BD128" s="226"/>
      <c r="BE128" s="226"/>
      <c r="BF128" s="226"/>
      <c r="BG128" s="226"/>
      <c r="BH128" s="226"/>
      <c r="BI128" s="226"/>
      <c r="BJ128" s="226"/>
      <c r="BK128" s="226"/>
      <c r="BL128" s="226"/>
      <c r="BM128" s="226"/>
      <c r="BN128" s="226"/>
      <c r="BO128" s="226"/>
      <c r="BP128" s="226"/>
      <c r="BQ128" s="226"/>
      <c r="BR128" s="226"/>
      <c r="BS128" s="226"/>
      <c r="BT128" s="226"/>
      <c r="BU128" s="226"/>
      <c r="BV128" s="226"/>
      <c r="BW128" s="226"/>
      <c r="BX128" s="226"/>
      <c r="BY128" s="226"/>
      <c r="BZ128" s="226"/>
      <c r="CA128" s="226"/>
      <c r="CB128" s="226"/>
      <c r="CC128" s="226"/>
      <c r="CD128" s="226"/>
      <c r="CE128" s="226"/>
      <c r="CF128" s="226"/>
      <c r="CG128" s="226"/>
      <c r="CH128" s="226"/>
      <c r="CI128" s="226"/>
      <c r="CJ128" s="226"/>
      <c r="CK128" s="226"/>
      <c r="CL128" s="226"/>
      <c r="CM128" s="226"/>
      <c r="CN128" s="226"/>
      <c r="CO128" s="226"/>
      <c r="CP128" s="226"/>
      <c r="CQ128" s="226"/>
      <c r="CR128" s="226"/>
      <c r="CS128" s="226"/>
      <c r="CT128" s="226"/>
      <c r="CU128" s="226"/>
      <c r="CV128" s="226"/>
      <c r="CW128" s="226"/>
      <c r="CX128" s="226"/>
      <c r="CY128" s="226"/>
      <c r="CZ128" s="226"/>
      <c r="DA128" s="226"/>
      <c r="DB128" s="226"/>
      <c r="DC128" s="226"/>
      <c r="DD128" s="226"/>
      <c r="DE128" s="226"/>
      <c r="DF128" s="226"/>
      <c r="DG128" s="226"/>
      <c r="DH128" s="226"/>
      <c r="DI128" s="226"/>
      <c r="DJ128" s="226"/>
      <c r="DK128" s="226"/>
      <c r="DL128" s="226"/>
      <c r="DM128" s="226"/>
      <c r="DN128" s="226"/>
      <c r="DO128" s="226"/>
      <c r="DP128" s="226"/>
      <c r="DQ128" s="226"/>
      <c r="DR128" s="226"/>
      <c r="DS128" s="226"/>
      <c r="DT128" s="226"/>
      <c r="DU128" s="226"/>
      <c r="DV128" s="226"/>
      <c r="DW128" s="226"/>
      <c r="DX128" s="226"/>
      <c r="DY128" s="226"/>
      <c r="DZ128" s="226"/>
      <c r="EA128" s="226"/>
      <c r="EB128" s="226"/>
      <c r="EC128" s="226"/>
      <c r="ED128" s="226"/>
      <c r="EE128" s="226"/>
      <c r="EF128" s="226"/>
      <c r="EG128" s="226"/>
      <c r="EH128" s="226"/>
      <c r="EI128" s="226"/>
      <c r="EJ128" s="226"/>
      <c r="EK128" s="226"/>
      <c r="EL128" s="226"/>
      <c r="EM128" s="226"/>
      <c r="EN128" s="226"/>
      <c r="EO128" s="226"/>
      <c r="EP128" s="226"/>
      <c r="EQ128" s="226"/>
      <c r="ER128" s="226"/>
      <c r="ES128" s="226"/>
      <c r="ET128" s="226"/>
      <c r="EU128" s="226"/>
      <c r="EV128" s="226"/>
      <c r="EW128" s="226"/>
      <c r="EX128" s="226"/>
      <c r="EY128" s="226"/>
      <c r="EZ128" s="226"/>
      <c r="FA128" s="226"/>
      <c r="FB128" s="226"/>
      <c r="FC128" s="226"/>
      <c r="FD128" s="226"/>
      <c r="FE128" s="226"/>
      <c r="FF128" s="226"/>
      <c r="FG128" s="226"/>
      <c r="FH128" s="226"/>
      <c r="FI128" s="226"/>
      <c r="FJ128" s="226"/>
      <c r="FK128" s="226"/>
      <c r="FL128" s="226"/>
      <c r="FM128" s="226"/>
      <c r="FN128" s="226"/>
      <c r="FO128" s="226"/>
      <c r="FP128" s="226"/>
      <c r="FQ128" s="226"/>
      <c r="FR128" s="226"/>
      <c r="FS128" s="226"/>
      <c r="FT128" s="226"/>
      <c r="FU128" s="226"/>
      <c r="FV128" s="226"/>
      <c r="FW128" s="226"/>
      <c r="FX128" s="226"/>
      <c r="FY128" s="226"/>
      <c r="FZ128" s="226"/>
      <c r="GA128" s="226"/>
      <c r="GB128" s="226"/>
      <c r="GC128" s="226"/>
      <c r="GD128" s="226"/>
      <c r="GE128" s="226"/>
      <c r="GF128" s="226"/>
      <c r="GG128" s="226"/>
      <c r="GH128" s="226"/>
      <c r="GI128" s="226"/>
      <c r="GJ128" s="226"/>
      <c r="GK128" s="226"/>
    </row>
    <row r="129" spans="1:193" s="227" customFormat="1" ht="31.5" customHeight="1">
      <c r="A129" s="492" t="s">
        <v>540</v>
      </c>
      <c r="B129" s="222" t="s">
        <v>363</v>
      </c>
      <c r="C129" s="457" t="s">
        <v>541</v>
      </c>
      <c r="D129" s="458"/>
      <c r="E129" s="232"/>
      <c r="F129" s="233" t="s">
        <v>490</v>
      </c>
      <c r="G129" s="234" t="s">
        <v>435</v>
      </c>
      <c r="H129" s="226"/>
      <c r="I129" s="226"/>
      <c r="J129" s="226"/>
      <c r="K129" s="226"/>
      <c r="L129" s="226"/>
      <c r="M129" s="226"/>
      <c r="N129" s="226"/>
      <c r="O129" s="226"/>
      <c r="P129" s="226"/>
      <c r="Q129" s="226"/>
      <c r="R129" s="226"/>
      <c r="S129" s="226"/>
      <c r="T129" s="226"/>
      <c r="U129" s="226"/>
      <c r="V129" s="226"/>
      <c r="W129" s="226"/>
      <c r="X129" s="226"/>
      <c r="Y129" s="226"/>
      <c r="Z129" s="226"/>
      <c r="AA129" s="226"/>
      <c r="AB129" s="226"/>
      <c r="AC129" s="226"/>
      <c r="AD129" s="226"/>
      <c r="AE129" s="226"/>
      <c r="AF129" s="226"/>
      <c r="AG129" s="226"/>
      <c r="AH129" s="226"/>
      <c r="AI129" s="226"/>
      <c r="AJ129" s="226"/>
      <c r="AK129" s="226"/>
      <c r="AL129" s="226"/>
      <c r="AM129" s="226"/>
      <c r="AN129" s="226"/>
      <c r="AO129" s="226"/>
      <c r="AP129" s="226"/>
      <c r="AQ129" s="226"/>
      <c r="AR129" s="226"/>
      <c r="AS129" s="226"/>
      <c r="AT129" s="226"/>
      <c r="AU129" s="226"/>
      <c r="AV129" s="226"/>
      <c r="AW129" s="226"/>
      <c r="AX129" s="226"/>
      <c r="AY129" s="226"/>
      <c r="AZ129" s="226"/>
      <c r="BA129" s="226"/>
      <c r="BB129" s="226"/>
      <c r="BC129" s="226"/>
      <c r="BD129" s="226"/>
      <c r="BE129" s="226"/>
      <c r="BF129" s="226"/>
      <c r="BG129" s="226"/>
      <c r="BH129" s="226"/>
      <c r="BI129" s="226"/>
      <c r="BJ129" s="226"/>
      <c r="BK129" s="226"/>
      <c r="BL129" s="226"/>
      <c r="BM129" s="226"/>
      <c r="BN129" s="226"/>
      <c r="BO129" s="226"/>
      <c r="BP129" s="226"/>
      <c r="BQ129" s="226"/>
      <c r="BR129" s="226"/>
      <c r="BS129" s="226"/>
      <c r="BT129" s="226"/>
      <c r="BU129" s="226"/>
      <c r="BV129" s="226"/>
      <c r="BW129" s="226"/>
      <c r="BX129" s="226"/>
      <c r="BY129" s="226"/>
      <c r="BZ129" s="226"/>
      <c r="CA129" s="226"/>
      <c r="CB129" s="226"/>
      <c r="CC129" s="226"/>
      <c r="CD129" s="226"/>
      <c r="CE129" s="226"/>
      <c r="CF129" s="226"/>
      <c r="CG129" s="226"/>
      <c r="CH129" s="226"/>
      <c r="CI129" s="226"/>
      <c r="CJ129" s="226"/>
      <c r="CK129" s="226"/>
      <c r="CL129" s="226"/>
      <c r="CM129" s="226"/>
      <c r="CN129" s="226"/>
      <c r="CO129" s="226"/>
      <c r="CP129" s="226"/>
      <c r="CQ129" s="226"/>
      <c r="CR129" s="226"/>
      <c r="CS129" s="226"/>
      <c r="CT129" s="226"/>
      <c r="CU129" s="226"/>
      <c r="CV129" s="226"/>
      <c r="CW129" s="226"/>
      <c r="CX129" s="226"/>
      <c r="CY129" s="226"/>
      <c r="CZ129" s="226"/>
      <c r="DA129" s="226"/>
      <c r="DB129" s="226"/>
      <c r="DC129" s="226"/>
      <c r="DD129" s="226"/>
      <c r="DE129" s="226"/>
      <c r="DF129" s="226"/>
      <c r="DG129" s="226"/>
      <c r="DH129" s="226"/>
      <c r="DI129" s="226"/>
      <c r="DJ129" s="226"/>
      <c r="DK129" s="226"/>
      <c r="DL129" s="226"/>
      <c r="DM129" s="226"/>
      <c r="DN129" s="226"/>
      <c r="DO129" s="226"/>
      <c r="DP129" s="226"/>
      <c r="DQ129" s="226"/>
      <c r="DR129" s="226"/>
      <c r="DS129" s="226"/>
      <c r="DT129" s="226"/>
      <c r="DU129" s="226"/>
      <c r="DV129" s="226"/>
      <c r="DW129" s="226"/>
      <c r="DX129" s="226"/>
      <c r="DY129" s="226"/>
      <c r="DZ129" s="226"/>
      <c r="EA129" s="226"/>
      <c r="EB129" s="226"/>
      <c r="EC129" s="226"/>
      <c r="ED129" s="226"/>
      <c r="EE129" s="226"/>
      <c r="EF129" s="226"/>
      <c r="EG129" s="226"/>
      <c r="EH129" s="226"/>
      <c r="EI129" s="226"/>
      <c r="EJ129" s="226"/>
      <c r="EK129" s="226"/>
      <c r="EL129" s="226"/>
      <c r="EM129" s="226"/>
      <c r="EN129" s="226"/>
      <c r="EO129" s="226"/>
      <c r="EP129" s="226"/>
      <c r="EQ129" s="226"/>
      <c r="ER129" s="226"/>
      <c r="ES129" s="226"/>
      <c r="ET129" s="226"/>
      <c r="EU129" s="226"/>
      <c r="EV129" s="226"/>
      <c r="EW129" s="226"/>
      <c r="EX129" s="226"/>
      <c r="EY129" s="226"/>
      <c r="EZ129" s="226"/>
      <c r="FA129" s="226"/>
      <c r="FB129" s="226"/>
      <c r="FC129" s="226"/>
      <c r="FD129" s="226"/>
      <c r="FE129" s="226"/>
      <c r="FF129" s="226"/>
      <c r="FG129" s="226"/>
      <c r="FH129" s="226"/>
      <c r="FI129" s="226"/>
      <c r="FJ129" s="226"/>
      <c r="FK129" s="226"/>
      <c r="FL129" s="226"/>
      <c r="FM129" s="226"/>
      <c r="FN129" s="226"/>
      <c r="FO129" s="226"/>
      <c r="FP129" s="226"/>
      <c r="FQ129" s="226"/>
      <c r="FR129" s="226"/>
      <c r="FS129" s="226"/>
      <c r="FT129" s="226"/>
      <c r="FU129" s="226"/>
      <c r="FV129" s="226"/>
      <c r="FW129" s="226"/>
      <c r="FX129" s="226"/>
      <c r="FY129" s="226"/>
      <c r="FZ129" s="226"/>
      <c r="GA129" s="226"/>
      <c r="GB129" s="226"/>
      <c r="GC129" s="226"/>
      <c r="GD129" s="226"/>
      <c r="GE129" s="226"/>
      <c r="GF129" s="226"/>
      <c r="GG129" s="226"/>
      <c r="GH129" s="226"/>
      <c r="GI129" s="226"/>
      <c r="GJ129" s="226"/>
      <c r="GK129" s="226"/>
    </row>
    <row r="130" spans="1:193" s="227" customFormat="1" ht="36" customHeight="1">
      <c r="A130" s="493"/>
      <c r="B130" s="235"/>
      <c r="C130" s="459" t="s">
        <v>542</v>
      </c>
      <c r="D130" s="460"/>
      <c r="E130" s="223"/>
      <c r="F130" s="224" t="s">
        <v>543</v>
      </c>
      <c r="G130" s="225" t="s">
        <v>544</v>
      </c>
      <c r="H130" s="226"/>
      <c r="I130" s="226"/>
      <c r="J130" s="226"/>
      <c r="K130" s="226"/>
      <c r="L130" s="226"/>
      <c r="M130" s="226"/>
      <c r="N130" s="226"/>
      <c r="O130" s="226"/>
      <c r="P130" s="226"/>
      <c r="Q130" s="226"/>
      <c r="R130" s="226"/>
      <c r="S130" s="226"/>
      <c r="T130" s="226"/>
      <c r="U130" s="226"/>
      <c r="V130" s="226"/>
      <c r="W130" s="226"/>
      <c r="X130" s="226"/>
      <c r="Y130" s="226"/>
      <c r="Z130" s="226"/>
      <c r="AA130" s="226"/>
      <c r="AB130" s="226"/>
      <c r="AC130" s="226"/>
      <c r="AD130" s="226"/>
      <c r="AE130" s="226"/>
      <c r="AF130" s="226"/>
      <c r="AG130" s="226"/>
      <c r="AH130" s="226"/>
      <c r="AI130" s="226"/>
      <c r="AJ130" s="226"/>
      <c r="AK130" s="226"/>
      <c r="AL130" s="226"/>
      <c r="AM130" s="226"/>
      <c r="AN130" s="226"/>
      <c r="AO130" s="226"/>
      <c r="AP130" s="226"/>
      <c r="AQ130" s="226"/>
      <c r="AR130" s="226"/>
      <c r="AS130" s="226"/>
      <c r="AT130" s="226"/>
      <c r="AU130" s="226"/>
      <c r="AV130" s="226"/>
      <c r="AW130" s="226"/>
      <c r="AX130" s="226"/>
      <c r="AY130" s="226"/>
      <c r="AZ130" s="226"/>
      <c r="BA130" s="226"/>
      <c r="BB130" s="226"/>
      <c r="BC130" s="226"/>
      <c r="BD130" s="226"/>
      <c r="BE130" s="226"/>
      <c r="BF130" s="226"/>
      <c r="BG130" s="226"/>
      <c r="BH130" s="226"/>
      <c r="BI130" s="226"/>
      <c r="BJ130" s="226"/>
      <c r="BK130" s="226"/>
      <c r="BL130" s="226"/>
      <c r="BM130" s="226"/>
      <c r="BN130" s="226"/>
      <c r="BO130" s="226"/>
      <c r="BP130" s="226"/>
      <c r="BQ130" s="226"/>
      <c r="BR130" s="226"/>
      <c r="BS130" s="226"/>
      <c r="BT130" s="226"/>
      <c r="BU130" s="226"/>
      <c r="BV130" s="226"/>
      <c r="BW130" s="226"/>
      <c r="BX130" s="226"/>
      <c r="BY130" s="226"/>
      <c r="BZ130" s="226"/>
      <c r="CA130" s="226"/>
      <c r="CB130" s="226"/>
      <c r="CC130" s="226"/>
      <c r="CD130" s="226"/>
      <c r="CE130" s="226"/>
      <c r="CF130" s="226"/>
      <c r="CG130" s="226"/>
      <c r="CH130" s="226"/>
      <c r="CI130" s="226"/>
      <c r="CJ130" s="226"/>
      <c r="CK130" s="226"/>
      <c r="CL130" s="226"/>
      <c r="CM130" s="226"/>
      <c r="CN130" s="226"/>
      <c r="CO130" s="226"/>
      <c r="CP130" s="226"/>
      <c r="CQ130" s="226"/>
      <c r="CR130" s="226"/>
      <c r="CS130" s="226"/>
      <c r="CT130" s="226"/>
      <c r="CU130" s="226"/>
      <c r="CV130" s="226"/>
      <c r="CW130" s="226"/>
      <c r="CX130" s="226"/>
      <c r="CY130" s="226"/>
      <c r="CZ130" s="226"/>
      <c r="DA130" s="226"/>
      <c r="DB130" s="226"/>
      <c r="DC130" s="226"/>
      <c r="DD130" s="226"/>
      <c r="DE130" s="226"/>
      <c r="DF130" s="226"/>
      <c r="DG130" s="226"/>
      <c r="DH130" s="226"/>
      <c r="DI130" s="226"/>
      <c r="DJ130" s="226"/>
      <c r="DK130" s="226"/>
      <c r="DL130" s="226"/>
      <c r="DM130" s="226"/>
      <c r="DN130" s="226"/>
      <c r="DO130" s="226"/>
      <c r="DP130" s="226"/>
      <c r="DQ130" s="226"/>
      <c r="DR130" s="226"/>
      <c r="DS130" s="226"/>
      <c r="DT130" s="226"/>
      <c r="DU130" s="226"/>
      <c r="DV130" s="226"/>
      <c r="DW130" s="226"/>
      <c r="DX130" s="226"/>
      <c r="DY130" s="226"/>
      <c r="DZ130" s="226"/>
      <c r="EA130" s="226"/>
      <c r="EB130" s="226"/>
      <c r="EC130" s="226"/>
      <c r="ED130" s="226"/>
      <c r="EE130" s="226"/>
      <c r="EF130" s="226"/>
      <c r="EG130" s="226"/>
      <c r="EH130" s="226"/>
      <c r="EI130" s="226"/>
      <c r="EJ130" s="226"/>
      <c r="EK130" s="226"/>
      <c r="EL130" s="226"/>
      <c r="EM130" s="226"/>
      <c r="EN130" s="226"/>
      <c r="EO130" s="226"/>
      <c r="EP130" s="226"/>
      <c r="EQ130" s="226"/>
      <c r="ER130" s="226"/>
      <c r="ES130" s="226"/>
      <c r="ET130" s="226"/>
      <c r="EU130" s="226"/>
      <c r="EV130" s="226"/>
      <c r="EW130" s="226"/>
      <c r="EX130" s="226"/>
      <c r="EY130" s="226"/>
      <c r="EZ130" s="226"/>
      <c r="FA130" s="226"/>
      <c r="FB130" s="226"/>
      <c r="FC130" s="226"/>
      <c r="FD130" s="226"/>
      <c r="FE130" s="226"/>
      <c r="FF130" s="226"/>
      <c r="FG130" s="226"/>
      <c r="FH130" s="226"/>
      <c r="FI130" s="226"/>
      <c r="FJ130" s="226"/>
      <c r="FK130" s="226"/>
      <c r="FL130" s="226"/>
      <c r="FM130" s="226"/>
      <c r="FN130" s="226"/>
      <c r="FO130" s="226"/>
      <c r="FP130" s="226"/>
      <c r="FQ130" s="226"/>
      <c r="FR130" s="226"/>
      <c r="FS130" s="226"/>
      <c r="FT130" s="226"/>
      <c r="FU130" s="226"/>
      <c r="FV130" s="226"/>
      <c r="FW130" s="226"/>
      <c r="FX130" s="226"/>
      <c r="FY130" s="226"/>
      <c r="FZ130" s="226"/>
      <c r="GA130" s="226"/>
      <c r="GB130" s="226"/>
      <c r="GC130" s="226"/>
      <c r="GD130" s="226"/>
      <c r="GE130" s="226"/>
      <c r="GF130" s="226"/>
      <c r="GG130" s="226"/>
      <c r="GH130" s="226"/>
      <c r="GI130" s="226"/>
      <c r="GJ130" s="226"/>
      <c r="GK130" s="226"/>
    </row>
    <row r="131" spans="1:193" s="227" customFormat="1" ht="21.75" customHeight="1">
      <c r="A131" s="493"/>
      <c r="B131" s="235"/>
      <c r="C131" s="459" t="s">
        <v>545</v>
      </c>
      <c r="D131" s="460"/>
      <c r="E131" s="223"/>
      <c r="F131" s="224" t="s">
        <v>543</v>
      </c>
      <c r="G131" s="225"/>
      <c r="H131" s="226"/>
      <c r="I131" s="226"/>
      <c r="J131" s="226"/>
      <c r="K131" s="226"/>
      <c r="L131" s="226"/>
      <c r="M131" s="226"/>
      <c r="N131" s="226"/>
      <c r="O131" s="226"/>
      <c r="P131" s="226"/>
      <c r="Q131" s="226"/>
      <c r="R131" s="226"/>
      <c r="S131" s="226"/>
      <c r="T131" s="226"/>
      <c r="U131" s="226"/>
      <c r="V131" s="226"/>
      <c r="W131" s="226"/>
      <c r="X131" s="226"/>
      <c r="Y131" s="226"/>
      <c r="Z131" s="226"/>
      <c r="AA131" s="226"/>
      <c r="AB131" s="226"/>
      <c r="AC131" s="226"/>
      <c r="AD131" s="226"/>
      <c r="AE131" s="226"/>
      <c r="AF131" s="226"/>
      <c r="AG131" s="226"/>
      <c r="AH131" s="226"/>
      <c r="AI131" s="226"/>
      <c r="AJ131" s="226"/>
      <c r="AK131" s="226"/>
      <c r="AL131" s="226"/>
      <c r="AM131" s="226"/>
      <c r="AN131" s="226"/>
      <c r="AO131" s="226"/>
      <c r="AP131" s="226"/>
      <c r="AQ131" s="226"/>
      <c r="AR131" s="226"/>
      <c r="AS131" s="226"/>
      <c r="AT131" s="226"/>
      <c r="AU131" s="226"/>
      <c r="AV131" s="226"/>
      <c r="AW131" s="226"/>
      <c r="AX131" s="226"/>
      <c r="AY131" s="226"/>
      <c r="AZ131" s="226"/>
      <c r="BA131" s="226"/>
      <c r="BB131" s="226"/>
      <c r="BC131" s="226"/>
      <c r="BD131" s="226"/>
      <c r="BE131" s="226"/>
      <c r="BF131" s="226"/>
      <c r="BG131" s="226"/>
      <c r="BH131" s="226"/>
      <c r="BI131" s="226"/>
      <c r="BJ131" s="226"/>
      <c r="BK131" s="226"/>
      <c r="BL131" s="226"/>
      <c r="BM131" s="226"/>
      <c r="BN131" s="226"/>
      <c r="BO131" s="226"/>
      <c r="BP131" s="226"/>
      <c r="BQ131" s="226"/>
      <c r="BR131" s="226"/>
      <c r="BS131" s="226"/>
      <c r="BT131" s="226"/>
      <c r="BU131" s="226"/>
      <c r="BV131" s="226"/>
      <c r="BW131" s="226"/>
      <c r="BX131" s="226"/>
      <c r="BY131" s="226"/>
      <c r="BZ131" s="226"/>
      <c r="CA131" s="226"/>
      <c r="CB131" s="226"/>
      <c r="CC131" s="226"/>
      <c r="CD131" s="226"/>
      <c r="CE131" s="226"/>
      <c r="CF131" s="226"/>
      <c r="CG131" s="226"/>
      <c r="CH131" s="226"/>
      <c r="CI131" s="226"/>
      <c r="CJ131" s="226"/>
      <c r="CK131" s="226"/>
      <c r="CL131" s="226"/>
      <c r="CM131" s="226"/>
      <c r="CN131" s="226"/>
      <c r="CO131" s="226"/>
      <c r="CP131" s="226"/>
      <c r="CQ131" s="226"/>
      <c r="CR131" s="226"/>
      <c r="CS131" s="226"/>
      <c r="CT131" s="226"/>
      <c r="CU131" s="226"/>
      <c r="CV131" s="226"/>
      <c r="CW131" s="226"/>
      <c r="CX131" s="226"/>
      <c r="CY131" s="226"/>
      <c r="CZ131" s="226"/>
      <c r="DA131" s="226"/>
      <c r="DB131" s="226"/>
      <c r="DC131" s="226"/>
      <c r="DD131" s="226"/>
      <c r="DE131" s="226"/>
      <c r="DF131" s="226"/>
      <c r="DG131" s="226"/>
      <c r="DH131" s="226"/>
      <c r="DI131" s="226"/>
      <c r="DJ131" s="226"/>
      <c r="DK131" s="226"/>
      <c r="DL131" s="226"/>
      <c r="DM131" s="226"/>
      <c r="DN131" s="226"/>
      <c r="DO131" s="226"/>
      <c r="DP131" s="226"/>
      <c r="DQ131" s="226"/>
      <c r="DR131" s="226"/>
      <c r="DS131" s="226"/>
      <c r="DT131" s="226"/>
      <c r="DU131" s="226"/>
      <c r="DV131" s="226"/>
      <c r="DW131" s="226"/>
      <c r="DX131" s="226"/>
      <c r="DY131" s="226"/>
      <c r="DZ131" s="226"/>
      <c r="EA131" s="226"/>
      <c r="EB131" s="226"/>
      <c r="EC131" s="226"/>
      <c r="ED131" s="226"/>
      <c r="EE131" s="226"/>
      <c r="EF131" s="226"/>
      <c r="EG131" s="226"/>
      <c r="EH131" s="226"/>
      <c r="EI131" s="226"/>
      <c r="EJ131" s="226"/>
      <c r="EK131" s="226"/>
      <c r="EL131" s="226"/>
      <c r="EM131" s="226"/>
      <c r="EN131" s="226"/>
      <c r="EO131" s="226"/>
      <c r="EP131" s="226"/>
      <c r="EQ131" s="226"/>
      <c r="ER131" s="226"/>
      <c r="ES131" s="226"/>
      <c r="ET131" s="226"/>
      <c r="EU131" s="226"/>
      <c r="EV131" s="226"/>
      <c r="EW131" s="226"/>
      <c r="EX131" s="226"/>
      <c r="EY131" s="226"/>
      <c r="EZ131" s="226"/>
      <c r="FA131" s="226"/>
      <c r="FB131" s="226"/>
      <c r="FC131" s="226"/>
      <c r="FD131" s="226"/>
      <c r="FE131" s="226"/>
      <c r="FF131" s="226"/>
      <c r="FG131" s="226"/>
      <c r="FH131" s="226"/>
      <c r="FI131" s="226"/>
      <c r="FJ131" s="226"/>
      <c r="FK131" s="226"/>
      <c r="FL131" s="226"/>
      <c r="FM131" s="226"/>
      <c r="FN131" s="226"/>
      <c r="FO131" s="226"/>
      <c r="FP131" s="226"/>
      <c r="FQ131" s="226"/>
      <c r="FR131" s="226"/>
      <c r="FS131" s="226"/>
      <c r="FT131" s="226"/>
      <c r="FU131" s="226"/>
      <c r="FV131" s="226"/>
      <c r="FW131" s="226"/>
      <c r="FX131" s="226"/>
      <c r="FY131" s="226"/>
      <c r="FZ131" s="226"/>
      <c r="GA131" s="226"/>
      <c r="GB131" s="226"/>
      <c r="GC131" s="226"/>
      <c r="GD131" s="226"/>
      <c r="GE131" s="226"/>
      <c r="GF131" s="226"/>
      <c r="GG131" s="226"/>
      <c r="GH131" s="226"/>
      <c r="GI131" s="226"/>
      <c r="GJ131" s="226"/>
      <c r="GK131" s="226"/>
    </row>
    <row r="132" spans="1:193" s="227" customFormat="1" ht="21.75" customHeight="1">
      <c r="A132" s="493"/>
      <c r="B132" s="235"/>
      <c r="C132" s="459" t="s">
        <v>512</v>
      </c>
      <c r="D132" s="460"/>
      <c r="E132" s="223"/>
      <c r="F132" s="224" t="s">
        <v>546</v>
      </c>
      <c r="G132" s="225" t="s">
        <v>514</v>
      </c>
      <c r="H132" s="226"/>
      <c r="I132" s="226"/>
      <c r="J132" s="226"/>
      <c r="K132" s="226"/>
      <c r="L132" s="226"/>
      <c r="M132" s="226"/>
      <c r="N132" s="226"/>
      <c r="O132" s="226"/>
      <c r="P132" s="226"/>
      <c r="Q132" s="226"/>
      <c r="R132" s="226"/>
      <c r="S132" s="226"/>
      <c r="T132" s="226"/>
      <c r="U132" s="226"/>
      <c r="V132" s="226"/>
      <c r="W132" s="226"/>
      <c r="X132" s="226"/>
      <c r="Y132" s="226"/>
      <c r="Z132" s="226"/>
      <c r="AA132" s="226"/>
      <c r="AB132" s="226"/>
      <c r="AC132" s="226"/>
      <c r="AD132" s="226"/>
      <c r="AE132" s="226"/>
      <c r="AF132" s="226"/>
      <c r="AG132" s="226"/>
      <c r="AH132" s="226"/>
      <c r="AI132" s="226"/>
      <c r="AJ132" s="226"/>
      <c r="AK132" s="226"/>
      <c r="AL132" s="226"/>
      <c r="AM132" s="226"/>
      <c r="AN132" s="226"/>
      <c r="AO132" s="226"/>
      <c r="AP132" s="226"/>
      <c r="AQ132" s="226"/>
      <c r="AR132" s="226"/>
      <c r="AS132" s="226"/>
      <c r="AT132" s="226"/>
      <c r="AU132" s="226"/>
      <c r="AV132" s="226"/>
      <c r="AW132" s="226"/>
      <c r="AX132" s="226"/>
      <c r="AY132" s="226"/>
      <c r="AZ132" s="226"/>
      <c r="BA132" s="226"/>
      <c r="BB132" s="226"/>
      <c r="BC132" s="226"/>
      <c r="BD132" s="226"/>
      <c r="BE132" s="226"/>
      <c r="BF132" s="226"/>
      <c r="BG132" s="226"/>
      <c r="BH132" s="226"/>
      <c r="BI132" s="226"/>
      <c r="BJ132" s="226"/>
      <c r="BK132" s="226"/>
      <c r="BL132" s="226"/>
      <c r="BM132" s="226"/>
      <c r="BN132" s="226"/>
      <c r="BO132" s="226"/>
      <c r="BP132" s="226"/>
      <c r="BQ132" s="226"/>
      <c r="BR132" s="226"/>
      <c r="BS132" s="226"/>
      <c r="BT132" s="226"/>
      <c r="BU132" s="226"/>
      <c r="BV132" s="226"/>
      <c r="BW132" s="226"/>
      <c r="BX132" s="226"/>
      <c r="BY132" s="226"/>
      <c r="BZ132" s="226"/>
      <c r="CA132" s="226"/>
      <c r="CB132" s="226"/>
      <c r="CC132" s="226"/>
      <c r="CD132" s="226"/>
      <c r="CE132" s="226"/>
      <c r="CF132" s="226"/>
      <c r="CG132" s="226"/>
      <c r="CH132" s="226"/>
      <c r="CI132" s="226"/>
      <c r="CJ132" s="226"/>
      <c r="CK132" s="226"/>
      <c r="CL132" s="226"/>
      <c r="CM132" s="226"/>
      <c r="CN132" s="226"/>
      <c r="CO132" s="226"/>
      <c r="CP132" s="226"/>
      <c r="CQ132" s="226"/>
      <c r="CR132" s="226"/>
      <c r="CS132" s="226"/>
      <c r="CT132" s="226"/>
      <c r="CU132" s="226"/>
      <c r="CV132" s="226"/>
      <c r="CW132" s="226"/>
      <c r="CX132" s="226"/>
      <c r="CY132" s="226"/>
      <c r="CZ132" s="226"/>
      <c r="DA132" s="226"/>
      <c r="DB132" s="226"/>
      <c r="DC132" s="226"/>
      <c r="DD132" s="226"/>
      <c r="DE132" s="226"/>
      <c r="DF132" s="226"/>
      <c r="DG132" s="226"/>
      <c r="DH132" s="226"/>
      <c r="DI132" s="226"/>
      <c r="DJ132" s="226"/>
      <c r="DK132" s="226"/>
      <c r="DL132" s="226"/>
      <c r="DM132" s="226"/>
      <c r="DN132" s="226"/>
      <c r="DO132" s="226"/>
      <c r="DP132" s="226"/>
      <c r="DQ132" s="226"/>
      <c r="DR132" s="226"/>
      <c r="DS132" s="226"/>
      <c r="DT132" s="226"/>
      <c r="DU132" s="226"/>
      <c r="DV132" s="226"/>
      <c r="DW132" s="226"/>
      <c r="DX132" s="226"/>
      <c r="DY132" s="226"/>
      <c r="DZ132" s="226"/>
      <c r="EA132" s="226"/>
      <c r="EB132" s="226"/>
      <c r="EC132" s="226"/>
      <c r="ED132" s="226"/>
      <c r="EE132" s="226"/>
      <c r="EF132" s="226"/>
      <c r="EG132" s="226"/>
      <c r="EH132" s="226"/>
      <c r="EI132" s="226"/>
      <c r="EJ132" s="226"/>
      <c r="EK132" s="226"/>
      <c r="EL132" s="226"/>
      <c r="EM132" s="226"/>
      <c r="EN132" s="226"/>
      <c r="EO132" s="226"/>
      <c r="EP132" s="226"/>
      <c r="EQ132" s="226"/>
      <c r="ER132" s="226"/>
      <c r="ES132" s="226"/>
      <c r="ET132" s="226"/>
      <c r="EU132" s="226"/>
      <c r="EV132" s="226"/>
      <c r="EW132" s="226"/>
      <c r="EX132" s="226"/>
      <c r="EY132" s="226"/>
      <c r="EZ132" s="226"/>
      <c r="FA132" s="226"/>
      <c r="FB132" s="226"/>
      <c r="FC132" s="226"/>
      <c r="FD132" s="226"/>
      <c r="FE132" s="226"/>
      <c r="FF132" s="226"/>
      <c r="FG132" s="226"/>
      <c r="FH132" s="226"/>
      <c r="FI132" s="226"/>
      <c r="FJ132" s="226"/>
      <c r="FK132" s="226"/>
      <c r="FL132" s="226"/>
      <c r="FM132" s="226"/>
      <c r="FN132" s="226"/>
      <c r="FO132" s="226"/>
      <c r="FP132" s="226"/>
      <c r="FQ132" s="226"/>
      <c r="FR132" s="226"/>
      <c r="FS132" s="226"/>
      <c r="FT132" s="226"/>
      <c r="FU132" s="226"/>
      <c r="FV132" s="226"/>
      <c r="FW132" s="226"/>
      <c r="FX132" s="226"/>
      <c r="FY132" s="226"/>
      <c r="FZ132" s="226"/>
      <c r="GA132" s="226"/>
      <c r="GB132" s="226"/>
      <c r="GC132" s="226"/>
      <c r="GD132" s="226"/>
      <c r="GE132" s="226"/>
      <c r="GF132" s="226"/>
      <c r="GG132" s="226"/>
      <c r="GH132" s="226"/>
      <c r="GI132" s="226"/>
      <c r="GJ132" s="226"/>
      <c r="GK132" s="226"/>
    </row>
    <row r="133" spans="1:193" s="227" customFormat="1" ht="36" customHeight="1">
      <c r="A133" s="493"/>
      <c r="B133" s="235"/>
      <c r="C133" s="459" t="s">
        <v>547</v>
      </c>
      <c r="D133" s="460"/>
      <c r="E133" s="223"/>
      <c r="F133" s="224" t="s">
        <v>546</v>
      </c>
      <c r="G133" s="225" t="s">
        <v>548</v>
      </c>
      <c r="H133" s="226"/>
      <c r="I133" s="226"/>
      <c r="J133" s="226"/>
      <c r="K133" s="226"/>
      <c r="L133" s="226"/>
      <c r="M133" s="226"/>
      <c r="N133" s="226"/>
      <c r="O133" s="226"/>
      <c r="P133" s="226"/>
      <c r="Q133" s="226"/>
      <c r="R133" s="226"/>
      <c r="S133" s="226"/>
      <c r="T133" s="226"/>
      <c r="U133" s="226"/>
      <c r="V133" s="226"/>
      <c r="W133" s="226"/>
      <c r="X133" s="226"/>
      <c r="Y133" s="226"/>
      <c r="Z133" s="226"/>
      <c r="AA133" s="226"/>
      <c r="AB133" s="226"/>
      <c r="AC133" s="226"/>
      <c r="AD133" s="226"/>
      <c r="AE133" s="226"/>
      <c r="AF133" s="226"/>
      <c r="AG133" s="226"/>
      <c r="AH133" s="226"/>
      <c r="AI133" s="226"/>
      <c r="AJ133" s="226"/>
      <c r="AK133" s="226"/>
      <c r="AL133" s="226"/>
      <c r="AM133" s="226"/>
      <c r="AN133" s="226"/>
      <c r="AO133" s="226"/>
      <c r="AP133" s="226"/>
      <c r="AQ133" s="226"/>
      <c r="AR133" s="226"/>
      <c r="AS133" s="226"/>
      <c r="AT133" s="226"/>
      <c r="AU133" s="226"/>
      <c r="AV133" s="226"/>
      <c r="AW133" s="226"/>
      <c r="AX133" s="226"/>
      <c r="AY133" s="226"/>
      <c r="AZ133" s="226"/>
      <c r="BA133" s="226"/>
      <c r="BB133" s="226"/>
      <c r="BC133" s="226"/>
      <c r="BD133" s="226"/>
      <c r="BE133" s="226"/>
      <c r="BF133" s="226"/>
      <c r="BG133" s="226"/>
      <c r="BH133" s="226"/>
      <c r="BI133" s="226"/>
      <c r="BJ133" s="226"/>
      <c r="BK133" s="226"/>
      <c r="BL133" s="226"/>
      <c r="BM133" s="226"/>
      <c r="BN133" s="226"/>
      <c r="BO133" s="226"/>
      <c r="BP133" s="226"/>
      <c r="BQ133" s="226"/>
      <c r="BR133" s="226"/>
      <c r="BS133" s="226"/>
      <c r="BT133" s="226"/>
      <c r="BU133" s="226"/>
      <c r="BV133" s="226"/>
      <c r="BW133" s="226"/>
      <c r="BX133" s="226"/>
      <c r="BY133" s="226"/>
      <c r="BZ133" s="226"/>
      <c r="CA133" s="226"/>
      <c r="CB133" s="226"/>
      <c r="CC133" s="226"/>
      <c r="CD133" s="226"/>
      <c r="CE133" s="226"/>
      <c r="CF133" s="226"/>
      <c r="CG133" s="226"/>
      <c r="CH133" s="226"/>
      <c r="CI133" s="226"/>
      <c r="CJ133" s="226"/>
      <c r="CK133" s="226"/>
      <c r="CL133" s="226"/>
      <c r="CM133" s="226"/>
      <c r="CN133" s="226"/>
      <c r="CO133" s="226"/>
      <c r="CP133" s="226"/>
      <c r="CQ133" s="226"/>
      <c r="CR133" s="226"/>
      <c r="CS133" s="226"/>
      <c r="CT133" s="226"/>
      <c r="CU133" s="226"/>
      <c r="CV133" s="226"/>
      <c r="CW133" s="226"/>
      <c r="CX133" s="226"/>
      <c r="CY133" s="226"/>
      <c r="CZ133" s="226"/>
      <c r="DA133" s="226"/>
      <c r="DB133" s="226"/>
      <c r="DC133" s="226"/>
      <c r="DD133" s="226"/>
      <c r="DE133" s="226"/>
      <c r="DF133" s="226"/>
      <c r="DG133" s="226"/>
      <c r="DH133" s="226"/>
      <c r="DI133" s="226"/>
      <c r="DJ133" s="226"/>
      <c r="DK133" s="226"/>
      <c r="DL133" s="226"/>
      <c r="DM133" s="226"/>
      <c r="DN133" s="226"/>
      <c r="DO133" s="226"/>
      <c r="DP133" s="226"/>
      <c r="DQ133" s="226"/>
      <c r="DR133" s="226"/>
      <c r="DS133" s="226"/>
      <c r="DT133" s="226"/>
      <c r="DU133" s="226"/>
      <c r="DV133" s="226"/>
      <c r="DW133" s="226"/>
      <c r="DX133" s="226"/>
      <c r="DY133" s="226"/>
      <c r="DZ133" s="226"/>
      <c r="EA133" s="226"/>
      <c r="EB133" s="226"/>
      <c r="EC133" s="226"/>
      <c r="ED133" s="226"/>
      <c r="EE133" s="226"/>
      <c r="EF133" s="226"/>
      <c r="EG133" s="226"/>
      <c r="EH133" s="226"/>
      <c r="EI133" s="226"/>
      <c r="EJ133" s="226"/>
      <c r="EK133" s="226"/>
      <c r="EL133" s="226"/>
      <c r="EM133" s="226"/>
      <c r="EN133" s="226"/>
      <c r="EO133" s="226"/>
      <c r="EP133" s="226"/>
      <c r="EQ133" s="226"/>
      <c r="ER133" s="226"/>
      <c r="ES133" s="226"/>
      <c r="ET133" s="226"/>
      <c r="EU133" s="226"/>
      <c r="EV133" s="226"/>
      <c r="EW133" s="226"/>
      <c r="EX133" s="226"/>
      <c r="EY133" s="226"/>
      <c r="EZ133" s="226"/>
      <c r="FA133" s="226"/>
      <c r="FB133" s="226"/>
      <c r="FC133" s="226"/>
      <c r="FD133" s="226"/>
      <c r="FE133" s="226"/>
      <c r="FF133" s="226"/>
      <c r="FG133" s="226"/>
      <c r="FH133" s="226"/>
      <c r="FI133" s="226"/>
      <c r="FJ133" s="226"/>
      <c r="FK133" s="226"/>
      <c r="FL133" s="226"/>
      <c r="FM133" s="226"/>
      <c r="FN133" s="226"/>
      <c r="FO133" s="226"/>
      <c r="FP133" s="226"/>
      <c r="FQ133" s="226"/>
      <c r="FR133" s="226"/>
      <c r="FS133" s="226"/>
      <c r="FT133" s="226"/>
      <c r="FU133" s="226"/>
      <c r="FV133" s="226"/>
      <c r="FW133" s="226"/>
      <c r="FX133" s="226"/>
      <c r="FY133" s="226"/>
      <c r="FZ133" s="226"/>
      <c r="GA133" s="226"/>
      <c r="GB133" s="226"/>
      <c r="GC133" s="226"/>
      <c r="GD133" s="226"/>
      <c r="GE133" s="226"/>
      <c r="GF133" s="226"/>
      <c r="GG133" s="226"/>
      <c r="GH133" s="226"/>
      <c r="GI133" s="226"/>
      <c r="GJ133" s="226"/>
      <c r="GK133" s="226"/>
    </row>
    <row r="134" spans="1:193" s="227" customFormat="1" ht="36" customHeight="1">
      <c r="A134" s="493"/>
      <c r="B134" s="235"/>
      <c r="C134" s="498" t="s">
        <v>549</v>
      </c>
      <c r="D134" s="499"/>
      <c r="E134" s="223"/>
      <c r="F134" s="224" t="s">
        <v>518</v>
      </c>
      <c r="G134" s="225" t="s">
        <v>550</v>
      </c>
      <c r="H134" s="226"/>
      <c r="I134" s="226"/>
      <c r="J134" s="226"/>
      <c r="K134" s="226"/>
      <c r="L134" s="226"/>
      <c r="M134" s="226"/>
      <c r="N134" s="226"/>
      <c r="O134" s="226"/>
      <c r="P134" s="226"/>
      <c r="Q134" s="226"/>
      <c r="R134" s="226"/>
      <c r="S134" s="226"/>
      <c r="T134" s="226"/>
      <c r="U134" s="226"/>
      <c r="V134" s="226"/>
      <c r="W134" s="226"/>
      <c r="X134" s="226"/>
      <c r="Y134" s="226"/>
      <c r="Z134" s="226"/>
      <c r="AA134" s="226"/>
      <c r="AB134" s="226"/>
      <c r="AC134" s="226"/>
      <c r="AD134" s="226"/>
      <c r="AE134" s="226"/>
      <c r="AF134" s="226"/>
      <c r="AG134" s="226"/>
      <c r="AH134" s="226"/>
      <c r="AI134" s="226"/>
      <c r="AJ134" s="226"/>
      <c r="AK134" s="226"/>
      <c r="AL134" s="226"/>
      <c r="AM134" s="226"/>
      <c r="AN134" s="226"/>
      <c r="AO134" s="226"/>
      <c r="AP134" s="226"/>
      <c r="AQ134" s="226"/>
      <c r="AR134" s="226"/>
      <c r="AS134" s="226"/>
      <c r="AT134" s="226"/>
      <c r="AU134" s="226"/>
      <c r="AV134" s="226"/>
      <c r="AW134" s="226"/>
      <c r="AX134" s="226"/>
      <c r="AY134" s="226"/>
      <c r="AZ134" s="226"/>
      <c r="BA134" s="226"/>
      <c r="BB134" s="226"/>
      <c r="BC134" s="226"/>
      <c r="BD134" s="226"/>
      <c r="BE134" s="226"/>
      <c r="BF134" s="226"/>
      <c r="BG134" s="226"/>
      <c r="BH134" s="226"/>
      <c r="BI134" s="226"/>
      <c r="BJ134" s="226"/>
      <c r="BK134" s="226"/>
      <c r="BL134" s="226"/>
      <c r="BM134" s="226"/>
      <c r="BN134" s="226"/>
      <c r="BO134" s="226"/>
      <c r="BP134" s="226"/>
      <c r="BQ134" s="226"/>
      <c r="BR134" s="226"/>
      <c r="BS134" s="226"/>
      <c r="BT134" s="226"/>
      <c r="BU134" s="226"/>
      <c r="BV134" s="226"/>
      <c r="BW134" s="226"/>
      <c r="BX134" s="226"/>
      <c r="BY134" s="226"/>
      <c r="BZ134" s="226"/>
      <c r="CA134" s="226"/>
      <c r="CB134" s="226"/>
      <c r="CC134" s="226"/>
      <c r="CD134" s="226"/>
      <c r="CE134" s="226"/>
      <c r="CF134" s="226"/>
      <c r="CG134" s="226"/>
      <c r="CH134" s="226"/>
      <c r="CI134" s="226"/>
      <c r="CJ134" s="226"/>
      <c r="CK134" s="226"/>
      <c r="CL134" s="226"/>
      <c r="CM134" s="226"/>
      <c r="CN134" s="226"/>
      <c r="CO134" s="226"/>
      <c r="CP134" s="226"/>
      <c r="CQ134" s="226"/>
      <c r="CR134" s="226"/>
      <c r="CS134" s="226"/>
      <c r="CT134" s="226"/>
      <c r="CU134" s="226"/>
      <c r="CV134" s="226"/>
      <c r="CW134" s="226"/>
      <c r="CX134" s="226"/>
      <c r="CY134" s="226"/>
      <c r="CZ134" s="226"/>
      <c r="DA134" s="226"/>
      <c r="DB134" s="226"/>
      <c r="DC134" s="226"/>
      <c r="DD134" s="226"/>
      <c r="DE134" s="226"/>
      <c r="DF134" s="226"/>
      <c r="DG134" s="226"/>
      <c r="DH134" s="226"/>
      <c r="DI134" s="226"/>
      <c r="DJ134" s="226"/>
      <c r="DK134" s="226"/>
      <c r="DL134" s="226"/>
      <c r="DM134" s="226"/>
      <c r="DN134" s="226"/>
      <c r="DO134" s="226"/>
      <c r="DP134" s="226"/>
      <c r="DQ134" s="226"/>
      <c r="DR134" s="226"/>
      <c r="DS134" s="226"/>
      <c r="DT134" s="226"/>
      <c r="DU134" s="226"/>
      <c r="DV134" s="226"/>
      <c r="DW134" s="226"/>
      <c r="DX134" s="226"/>
      <c r="DY134" s="226"/>
      <c r="DZ134" s="226"/>
      <c r="EA134" s="226"/>
      <c r="EB134" s="226"/>
      <c r="EC134" s="226"/>
      <c r="ED134" s="226"/>
      <c r="EE134" s="226"/>
      <c r="EF134" s="226"/>
      <c r="EG134" s="226"/>
      <c r="EH134" s="226"/>
      <c r="EI134" s="226"/>
      <c r="EJ134" s="226"/>
      <c r="EK134" s="226"/>
      <c r="EL134" s="226"/>
      <c r="EM134" s="226"/>
      <c r="EN134" s="226"/>
      <c r="EO134" s="226"/>
      <c r="EP134" s="226"/>
      <c r="EQ134" s="226"/>
      <c r="ER134" s="226"/>
      <c r="ES134" s="226"/>
      <c r="ET134" s="226"/>
      <c r="EU134" s="226"/>
      <c r="EV134" s="226"/>
      <c r="EW134" s="226"/>
      <c r="EX134" s="226"/>
      <c r="EY134" s="226"/>
      <c r="EZ134" s="226"/>
      <c r="FA134" s="226"/>
      <c r="FB134" s="226"/>
      <c r="FC134" s="226"/>
      <c r="FD134" s="226"/>
      <c r="FE134" s="226"/>
      <c r="FF134" s="226"/>
      <c r="FG134" s="226"/>
      <c r="FH134" s="226"/>
      <c r="FI134" s="226"/>
      <c r="FJ134" s="226"/>
      <c r="FK134" s="226"/>
      <c r="FL134" s="226"/>
      <c r="FM134" s="226"/>
      <c r="FN134" s="226"/>
      <c r="FO134" s="226"/>
      <c r="FP134" s="226"/>
      <c r="FQ134" s="226"/>
      <c r="FR134" s="226"/>
      <c r="FS134" s="226"/>
      <c r="FT134" s="226"/>
      <c r="FU134" s="226"/>
      <c r="FV134" s="226"/>
      <c r="FW134" s="226"/>
      <c r="FX134" s="226"/>
      <c r="FY134" s="226"/>
      <c r="FZ134" s="226"/>
      <c r="GA134" s="226"/>
      <c r="GB134" s="226"/>
      <c r="GC134" s="226"/>
      <c r="GD134" s="226"/>
      <c r="GE134" s="226"/>
      <c r="GF134" s="226"/>
      <c r="GG134" s="226"/>
      <c r="GH134" s="226"/>
      <c r="GI134" s="226"/>
      <c r="GJ134" s="226"/>
      <c r="GK134" s="226"/>
    </row>
    <row r="135" spans="1:193" s="227" customFormat="1" ht="21.75" customHeight="1">
      <c r="A135" s="493"/>
      <c r="B135" s="235"/>
      <c r="C135" s="459" t="s">
        <v>520</v>
      </c>
      <c r="D135" s="460"/>
      <c r="E135" s="223"/>
      <c r="F135" s="224" t="s">
        <v>513</v>
      </c>
      <c r="G135" s="259" t="s">
        <v>528</v>
      </c>
      <c r="H135" s="226"/>
      <c r="I135" s="226"/>
      <c r="J135" s="226"/>
      <c r="K135" s="226"/>
      <c r="L135" s="226"/>
      <c r="M135" s="226"/>
      <c r="N135" s="226"/>
      <c r="O135" s="226"/>
      <c r="P135" s="226"/>
      <c r="Q135" s="226"/>
      <c r="R135" s="226"/>
      <c r="S135" s="226"/>
      <c r="T135" s="226"/>
      <c r="U135" s="226"/>
      <c r="V135" s="226"/>
      <c r="W135" s="226"/>
      <c r="X135" s="226"/>
      <c r="Y135" s="226"/>
      <c r="Z135" s="226"/>
      <c r="AA135" s="226"/>
      <c r="AB135" s="226"/>
      <c r="AC135" s="226"/>
      <c r="AD135" s="226"/>
      <c r="AE135" s="226"/>
      <c r="AF135" s="226"/>
      <c r="AG135" s="226"/>
      <c r="AH135" s="226"/>
      <c r="AI135" s="226"/>
      <c r="AJ135" s="226"/>
      <c r="AK135" s="226"/>
      <c r="AL135" s="226"/>
      <c r="AM135" s="226"/>
      <c r="AN135" s="226"/>
      <c r="AO135" s="226"/>
      <c r="AP135" s="226"/>
      <c r="AQ135" s="226"/>
      <c r="AR135" s="226"/>
      <c r="AS135" s="226"/>
      <c r="AT135" s="226"/>
      <c r="AU135" s="226"/>
      <c r="AV135" s="226"/>
      <c r="AW135" s="226"/>
      <c r="AX135" s="226"/>
      <c r="AY135" s="226"/>
      <c r="AZ135" s="226"/>
      <c r="BA135" s="226"/>
      <c r="BB135" s="226"/>
      <c r="BC135" s="226"/>
      <c r="BD135" s="226"/>
      <c r="BE135" s="226"/>
      <c r="BF135" s="226"/>
      <c r="BG135" s="226"/>
      <c r="BH135" s="226"/>
      <c r="BI135" s="226"/>
      <c r="BJ135" s="226"/>
      <c r="BK135" s="226"/>
      <c r="BL135" s="226"/>
      <c r="BM135" s="226"/>
      <c r="BN135" s="226"/>
      <c r="BO135" s="226"/>
      <c r="BP135" s="226"/>
      <c r="BQ135" s="226"/>
      <c r="BR135" s="226"/>
      <c r="BS135" s="226"/>
      <c r="BT135" s="226"/>
      <c r="BU135" s="226"/>
      <c r="BV135" s="226"/>
      <c r="BW135" s="226"/>
      <c r="BX135" s="226"/>
      <c r="BY135" s="226"/>
      <c r="BZ135" s="226"/>
      <c r="CA135" s="226"/>
      <c r="CB135" s="226"/>
      <c r="CC135" s="226"/>
      <c r="CD135" s="226"/>
      <c r="CE135" s="226"/>
      <c r="CF135" s="226"/>
      <c r="CG135" s="226"/>
      <c r="CH135" s="226"/>
      <c r="CI135" s="226"/>
      <c r="CJ135" s="226"/>
      <c r="CK135" s="226"/>
      <c r="CL135" s="226"/>
      <c r="CM135" s="226"/>
      <c r="CN135" s="226"/>
      <c r="CO135" s="226"/>
      <c r="CP135" s="226"/>
      <c r="CQ135" s="226"/>
      <c r="CR135" s="226"/>
      <c r="CS135" s="226"/>
      <c r="CT135" s="226"/>
      <c r="CU135" s="226"/>
      <c r="CV135" s="226"/>
      <c r="CW135" s="226"/>
      <c r="CX135" s="226"/>
      <c r="CY135" s="226"/>
      <c r="CZ135" s="226"/>
      <c r="DA135" s="226"/>
      <c r="DB135" s="226"/>
      <c r="DC135" s="226"/>
      <c r="DD135" s="226"/>
      <c r="DE135" s="226"/>
      <c r="DF135" s="226"/>
      <c r="DG135" s="226"/>
      <c r="DH135" s="226"/>
      <c r="DI135" s="226"/>
      <c r="DJ135" s="226"/>
      <c r="DK135" s="226"/>
      <c r="DL135" s="226"/>
      <c r="DM135" s="226"/>
      <c r="DN135" s="226"/>
      <c r="DO135" s="226"/>
      <c r="DP135" s="226"/>
      <c r="DQ135" s="226"/>
      <c r="DR135" s="226"/>
      <c r="DS135" s="226"/>
      <c r="DT135" s="226"/>
      <c r="DU135" s="226"/>
      <c r="DV135" s="226"/>
      <c r="DW135" s="226"/>
      <c r="DX135" s="226"/>
      <c r="DY135" s="226"/>
      <c r="DZ135" s="226"/>
      <c r="EA135" s="226"/>
      <c r="EB135" s="226"/>
      <c r="EC135" s="226"/>
      <c r="ED135" s="226"/>
      <c r="EE135" s="226"/>
      <c r="EF135" s="226"/>
      <c r="EG135" s="226"/>
      <c r="EH135" s="226"/>
      <c r="EI135" s="226"/>
      <c r="EJ135" s="226"/>
      <c r="EK135" s="226"/>
      <c r="EL135" s="226"/>
      <c r="EM135" s="226"/>
      <c r="EN135" s="226"/>
      <c r="EO135" s="226"/>
      <c r="EP135" s="226"/>
      <c r="EQ135" s="226"/>
      <c r="ER135" s="226"/>
      <c r="ES135" s="226"/>
      <c r="ET135" s="226"/>
      <c r="EU135" s="226"/>
      <c r="EV135" s="226"/>
      <c r="EW135" s="226"/>
      <c r="EX135" s="226"/>
      <c r="EY135" s="226"/>
      <c r="EZ135" s="226"/>
      <c r="FA135" s="226"/>
      <c r="FB135" s="226"/>
      <c r="FC135" s="226"/>
      <c r="FD135" s="226"/>
      <c r="FE135" s="226"/>
      <c r="FF135" s="226"/>
      <c r="FG135" s="226"/>
      <c r="FH135" s="226"/>
      <c r="FI135" s="226"/>
      <c r="FJ135" s="226"/>
      <c r="FK135" s="226"/>
      <c r="FL135" s="226"/>
      <c r="FM135" s="226"/>
      <c r="FN135" s="226"/>
      <c r="FO135" s="226"/>
      <c r="FP135" s="226"/>
      <c r="FQ135" s="226"/>
      <c r="FR135" s="226"/>
      <c r="FS135" s="226"/>
      <c r="FT135" s="226"/>
      <c r="FU135" s="226"/>
      <c r="FV135" s="226"/>
      <c r="FW135" s="226"/>
      <c r="FX135" s="226"/>
      <c r="FY135" s="226"/>
      <c r="FZ135" s="226"/>
      <c r="GA135" s="226"/>
      <c r="GB135" s="226"/>
      <c r="GC135" s="226"/>
      <c r="GD135" s="226"/>
      <c r="GE135" s="226"/>
      <c r="GF135" s="226"/>
      <c r="GG135" s="226"/>
      <c r="GH135" s="226"/>
      <c r="GI135" s="226"/>
      <c r="GJ135" s="226"/>
      <c r="GK135" s="226"/>
    </row>
    <row r="136" spans="1:193" s="227" customFormat="1" ht="21.75" customHeight="1">
      <c r="A136" s="495"/>
      <c r="B136" s="235"/>
      <c r="C136" s="461" t="s">
        <v>521</v>
      </c>
      <c r="D136" s="462"/>
      <c r="E136" s="236"/>
      <c r="F136" s="237" t="s">
        <v>522</v>
      </c>
      <c r="G136" s="238" t="s">
        <v>551</v>
      </c>
      <c r="H136" s="226"/>
      <c r="I136" s="226"/>
      <c r="J136" s="226"/>
      <c r="K136" s="226"/>
      <c r="L136" s="226"/>
      <c r="M136" s="226"/>
      <c r="N136" s="226"/>
      <c r="O136" s="226"/>
      <c r="P136" s="226"/>
      <c r="Q136" s="226"/>
      <c r="R136" s="226"/>
      <c r="S136" s="226"/>
      <c r="T136" s="226"/>
      <c r="U136" s="226"/>
      <c r="V136" s="226"/>
      <c r="W136" s="226"/>
      <c r="X136" s="226"/>
      <c r="Y136" s="226"/>
      <c r="Z136" s="226"/>
      <c r="AA136" s="226"/>
      <c r="AB136" s="226"/>
      <c r="AC136" s="226"/>
      <c r="AD136" s="226"/>
      <c r="AE136" s="226"/>
      <c r="AF136" s="226"/>
      <c r="AG136" s="226"/>
      <c r="AH136" s="226"/>
      <c r="AI136" s="226"/>
      <c r="AJ136" s="226"/>
      <c r="AK136" s="226"/>
      <c r="AL136" s="226"/>
      <c r="AM136" s="226"/>
      <c r="AN136" s="226"/>
      <c r="AO136" s="226"/>
      <c r="AP136" s="226"/>
      <c r="AQ136" s="226"/>
      <c r="AR136" s="226"/>
      <c r="AS136" s="226"/>
      <c r="AT136" s="226"/>
      <c r="AU136" s="226"/>
      <c r="AV136" s="226"/>
      <c r="AW136" s="226"/>
      <c r="AX136" s="226"/>
      <c r="AY136" s="226"/>
      <c r="AZ136" s="226"/>
      <c r="BA136" s="226"/>
      <c r="BB136" s="226"/>
      <c r="BC136" s="226"/>
      <c r="BD136" s="226"/>
      <c r="BE136" s="226"/>
      <c r="BF136" s="226"/>
      <c r="BG136" s="226"/>
      <c r="BH136" s="226"/>
      <c r="BI136" s="226"/>
      <c r="BJ136" s="226"/>
      <c r="BK136" s="226"/>
      <c r="BL136" s="226"/>
      <c r="BM136" s="226"/>
      <c r="BN136" s="226"/>
      <c r="BO136" s="226"/>
      <c r="BP136" s="226"/>
      <c r="BQ136" s="226"/>
      <c r="BR136" s="226"/>
      <c r="BS136" s="226"/>
      <c r="BT136" s="226"/>
      <c r="BU136" s="226"/>
      <c r="BV136" s="226"/>
      <c r="BW136" s="226"/>
      <c r="BX136" s="226"/>
      <c r="BY136" s="226"/>
      <c r="BZ136" s="226"/>
      <c r="CA136" s="226"/>
      <c r="CB136" s="226"/>
      <c r="CC136" s="226"/>
      <c r="CD136" s="226"/>
      <c r="CE136" s="226"/>
      <c r="CF136" s="226"/>
      <c r="CG136" s="226"/>
      <c r="CH136" s="226"/>
      <c r="CI136" s="226"/>
      <c r="CJ136" s="226"/>
      <c r="CK136" s="226"/>
      <c r="CL136" s="226"/>
      <c r="CM136" s="226"/>
      <c r="CN136" s="226"/>
      <c r="CO136" s="226"/>
      <c r="CP136" s="226"/>
      <c r="CQ136" s="226"/>
      <c r="CR136" s="226"/>
      <c r="CS136" s="226"/>
      <c r="CT136" s="226"/>
      <c r="CU136" s="226"/>
      <c r="CV136" s="226"/>
      <c r="CW136" s="226"/>
      <c r="CX136" s="226"/>
      <c r="CY136" s="226"/>
      <c r="CZ136" s="226"/>
      <c r="DA136" s="226"/>
      <c r="DB136" s="226"/>
      <c r="DC136" s="226"/>
      <c r="DD136" s="226"/>
      <c r="DE136" s="226"/>
      <c r="DF136" s="226"/>
      <c r="DG136" s="226"/>
      <c r="DH136" s="226"/>
      <c r="DI136" s="226"/>
      <c r="DJ136" s="226"/>
      <c r="DK136" s="226"/>
      <c r="DL136" s="226"/>
      <c r="DM136" s="226"/>
      <c r="DN136" s="226"/>
      <c r="DO136" s="226"/>
      <c r="DP136" s="226"/>
      <c r="DQ136" s="226"/>
      <c r="DR136" s="226"/>
      <c r="DS136" s="226"/>
      <c r="DT136" s="226"/>
      <c r="DU136" s="226"/>
      <c r="DV136" s="226"/>
      <c r="DW136" s="226"/>
      <c r="DX136" s="226"/>
      <c r="DY136" s="226"/>
      <c r="DZ136" s="226"/>
      <c r="EA136" s="226"/>
      <c r="EB136" s="226"/>
      <c r="EC136" s="226"/>
      <c r="ED136" s="226"/>
      <c r="EE136" s="226"/>
      <c r="EF136" s="226"/>
      <c r="EG136" s="226"/>
      <c r="EH136" s="226"/>
      <c r="EI136" s="226"/>
      <c r="EJ136" s="226"/>
      <c r="EK136" s="226"/>
      <c r="EL136" s="226"/>
      <c r="EM136" s="226"/>
      <c r="EN136" s="226"/>
      <c r="EO136" s="226"/>
      <c r="EP136" s="226"/>
      <c r="EQ136" s="226"/>
      <c r="ER136" s="226"/>
      <c r="ES136" s="226"/>
      <c r="ET136" s="226"/>
      <c r="EU136" s="226"/>
      <c r="EV136" s="226"/>
      <c r="EW136" s="226"/>
      <c r="EX136" s="226"/>
      <c r="EY136" s="226"/>
      <c r="EZ136" s="226"/>
      <c r="FA136" s="226"/>
      <c r="FB136" s="226"/>
      <c r="FC136" s="226"/>
      <c r="FD136" s="226"/>
      <c r="FE136" s="226"/>
      <c r="FF136" s="226"/>
      <c r="FG136" s="226"/>
      <c r="FH136" s="226"/>
      <c r="FI136" s="226"/>
      <c r="FJ136" s="226"/>
      <c r="FK136" s="226"/>
      <c r="FL136" s="226"/>
      <c r="FM136" s="226"/>
      <c r="FN136" s="226"/>
      <c r="FO136" s="226"/>
      <c r="FP136" s="226"/>
      <c r="FQ136" s="226"/>
      <c r="FR136" s="226"/>
      <c r="FS136" s="226"/>
      <c r="FT136" s="226"/>
      <c r="FU136" s="226"/>
      <c r="FV136" s="226"/>
      <c r="FW136" s="226"/>
      <c r="FX136" s="226"/>
      <c r="FY136" s="226"/>
      <c r="FZ136" s="226"/>
      <c r="GA136" s="226"/>
      <c r="GB136" s="226"/>
      <c r="GC136" s="226"/>
      <c r="GD136" s="226"/>
      <c r="GE136" s="226"/>
      <c r="GF136" s="226"/>
      <c r="GG136" s="226"/>
      <c r="GH136" s="226"/>
      <c r="GI136" s="226"/>
      <c r="GJ136" s="226"/>
      <c r="GK136" s="226"/>
    </row>
    <row r="137" spans="1:193" s="284" customFormat="1" ht="21.75" customHeight="1">
      <c r="A137" s="500" t="s">
        <v>552</v>
      </c>
      <c r="B137" s="222" t="s">
        <v>363</v>
      </c>
      <c r="C137" s="457" t="s">
        <v>553</v>
      </c>
      <c r="D137" s="458"/>
      <c r="E137" s="281"/>
      <c r="F137" s="282" t="s">
        <v>490</v>
      </c>
      <c r="G137" s="234" t="s">
        <v>435</v>
      </c>
      <c r="H137" s="283"/>
      <c r="I137" s="283"/>
      <c r="J137" s="283"/>
      <c r="K137" s="283"/>
      <c r="L137" s="283"/>
      <c r="M137" s="283"/>
      <c r="N137" s="283"/>
      <c r="O137" s="283"/>
      <c r="P137" s="283"/>
      <c r="Q137" s="283"/>
      <c r="R137" s="283"/>
      <c r="S137" s="283"/>
      <c r="T137" s="283"/>
      <c r="U137" s="283"/>
      <c r="V137" s="283"/>
      <c r="W137" s="283"/>
      <c r="X137" s="283"/>
      <c r="Y137" s="283"/>
      <c r="Z137" s="283"/>
      <c r="AA137" s="283"/>
      <c r="AB137" s="283"/>
      <c r="AC137" s="283"/>
      <c r="AD137" s="283"/>
      <c r="AE137" s="283"/>
      <c r="AF137" s="283"/>
      <c r="AG137" s="283"/>
      <c r="AH137" s="283"/>
      <c r="AI137" s="283"/>
      <c r="AJ137" s="283"/>
      <c r="AK137" s="283"/>
      <c r="AL137" s="283"/>
      <c r="AM137" s="283"/>
      <c r="AN137" s="283"/>
      <c r="AO137" s="283"/>
      <c r="AP137" s="283"/>
      <c r="AQ137" s="283"/>
      <c r="AR137" s="283"/>
      <c r="AS137" s="283"/>
      <c r="AT137" s="283"/>
      <c r="AU137" s="283"/>
      <c r="AV137" s="283"/>
      <c r="AW137" s="283"/>
      <c r="AX137" s="283"/>
      <c r="AY137" s="283"/>
      <c r="AZ137" s="283"/>
      <c r="BA137" s="283"/>
      <c r="BB137" s="283"/>
      <c r="BC137" s="283"/>
      <c r="BD137" s="283"/>
      <c r="BE137" s="283"/>
      <c r="BF137" s="283"/>
      <c r="BG137" s="283"/>
      <c r="BH137" s="283"/>
      <c r="BI137" s="283"/>
      <c r="BJ137" s="283"/>
      <c r="BK137" s="283"/>
      <c r="BL137" s="283"/>
      <c r="BM137" s="283"/>
      <c r="BN137" s="283"/>
      <c r="BO137" s="283"/>
      <c r="BP137" s="283"/>
      <c r="BQ137" s="283"/>
      <c r="BR137" s="283"/>
      <c r="BS137" s="283"/>
      <c r="BT137" s="283"/>
      <c r="BU137" s="283"/>
      <c r="BV137" s="283"/>
      <c r="BW137" s="283"/>
      <c r="BX137" s="283"/>
      <c r="BY137" s="283"/>
      <c r="BZ137" s="283"/>
      <c r="CA137" s="283"/>
      <c r="CB137" s="283"/>
      <c r="CC137" s="283"/>
      <c r="CD137" s="283"/>
      <c r="CE137" s="283"/>
      <c r="CF137" s="283"/>
      <c r="CG137" s="283"/>
      <c r="CH137" s="283"/>
      <c r="CI137" s="283"/>
      <c r="CJ137" s="283"/>
      <c r="CK137" s="283"/>
      <c r="CL137" s="283"/>
      <c r="CM137" s="283"/>
      <c r="CN137" s="283"/>
      <c r="CO137" s="283"/>
      <c r="CP137" s="283"/>
      <c r="CQ137" s="283"/>
      <c r="CR137" s="283"/>
      <c r="CS137" s="283"/>
      <c r="CT137" s="283"/>
      <c r="CU137" s="283"/>
      <c r="CV137" s="283"/>
      <c r="CW137" s="283"/>
      <c r="CX137" s="283"/>
      <c r="CY137" s="283"/>
      <c r="CZ137" s="283"/>
      <c r="DA137" s="283"/>
      <c r="DB137" s="283"/>
      <c r="DC137" s="283"/>
      <c r="DD137" s="283"/>
      <c r="DE137" s="283"/>
      <c r="DF137" s="283"/>
      <c r="DG137" s="283"/>
      <c r="DH137" s="283"/>
      <c r="DI137" s="283"/>
      <c r="DJ137" s="283"/>
      <c r="DK137" s="283"/>
      <c r="DL137" s="283"/>
      <c r="DM137" s="283"/>
      <c r="DN137" s="283"/>
      <c r="DO137" s="283"/>
      <c r="DP137" s="283"/>
      <c r="DQ137" s="283"/>
      <c r="DR137" s="283"/>
      <c r="DS137" s="283"/>
      <c r="DT137" s="283"/>
      <c r="DU137" s="283"/>
      <c r="DV137" s="283"/>
      <c r="DW137" s="283"/>
      <c r="DX137" s="283"/>
      <c r="DY137" s="283"/>
      <c r="DZ137" s="283"/>
      <c r="EA137" s="283"/>
      <c r="EB137" s="283"/>
      <c r="EC137" s="283"/>
      <c r="ED137" s="283"/>
      <c r="EE137" s="283"/>
      <c r="EF137" s="283"/>
      <c r="EG137" s="283"/>
      <c r="EH137" s="283"/>
      <c r="EI137" s="283"/>
      <c r="EJ137" s="283"/>
      <c r="EK137" s="283"/>
      <c r="EL137" s="283"/>
      <c r="EM137" s="283"/>
      <c r="EN137" s="283"/>
      <c r="EO137" s="283"/>
      <c r="EP137" s="283"/>
      <c r="EQ137" s="283"/>
      <c r="ER137" s="283"/>
      <c r="ES137" s="283"/>
      <c r="ET137" s="283"/>
      <c r="EU137" s="283"/>
      <c r="EV137" s="283"/>
      <c r="EW137" s="283"/>
      <c r="EX137" s="283"/>
      <c r="EY137" s="283"/>
      <c r="EZ137" s="283"/>
      <c r="FA137" s="283"/>
      <c r="FB137" s="283"/>
      <c r="FC137" s="283"/>
      <c r="FD137" s="283"/>
      <c r="FE137" s="283"/>
      <c r="FF137" s="283"/>
      <c r="FG137" s="283"/>
      <c r="FH137" s="283"/>
      <c r="FI137" s="283"/>
      <c r="FJ137" s="283"/>
      <c r="FK137" s="283"/>
      <c r="FL137" s="283"/>
      <c r="FM137" s="283"/>
      <c r="FN137" s="283"/>
      <c r="FO137" s="283"/>
      <c r="FP137" s="283"/>
      <c r="FQ137" s="283"/>
      <c r="FR137" s="283"/>
      <c r="FS137" s="283"/>
      <c r="FT137" s="283"/>
      <c r="FU137" s="283"/>
      <c r="FV137" s="283"/>
      <c r="FW137" s="283"/>
      <c r="FX137" s="283"/>
      <c r="FY137" s="283"/>
      <c r="FZ137" s="283"/>
      <c r="GA137" s="283"/>
      <c r="GB137" s="283"/>
      <c r="GC137" s="283"/>
      <c r="GD137" s="283"/>
      <c r="GE137" s="283"/>
      <c r="GF137" s="283"/>
      <c r="GG137" s="283"/>
      <c r="GH137" s="283"/>
      <c r="GI137" s="283"/>
      <c r="GJ137" s="283"/>
      <c r="GK137" s="283"/>
    </row>
    <row r="138" spans="1:193" s="289" customFormat="1" ht="36" customHeight="1">
      <c r="A138" s="501"/>
      <c r="B138" s="235"/>
      <c r="C138" s="459" t="s">
        <v>542</v>
      </c>
      <c r="D138" s="460"/>
      <c r="E138" s="285"/>
      <c r="F138" s="286" t="s">
        <v>554</v>
      </c>
      <c r="G138" s="287" t="s">
        <v>544</v>
      </c>
      <c r="H138" s="288"/>
      <c r="I138" s="288"/>
      <c r="J138" s="288"/>
      <c r="K138" s="288"/>
      <c r="L138" s="288"/>
      <c r="M138" s="288"/>
      <c r="N138" s="288"/>
      <c r="O138" s="288"/>
      <c r="P138" s="288"/>
      <c r="Q138" s="288"/>
      <c r="R138" s="288"/>
      <c r="S138" s="288"/>
      <c r="T138" s="288"/>
      <c r="U138" s="288"/>
      <c r="V138" s="288"/>
      <c r="W138" s="288"/>
      <c r="X138" s="288"/>
      <c r="Y138" s="288"/>
      <c r="Z138" s="288"/>
      <c r="AA138" s="288"/>
      <c r="AB138" s="288"/>
      <c r="AC138" s="288"/>
      <c r="AD138" s="288"/>
      <c r="AE138" s="288"/>
      <c r="AF138" s="288"/>
      <c r="AG138" s="288"/>
      <c r="AH138" s="288"/>
      <c r="AI138" s="288"/>
      <c r="AJ138" s="288"/>
      <c r="AK138" s="288"/>
      <c r="AL138" s="288"/>
      <c r="AM138" s="288"/>
      <c r="AN138" s="288"/>
      <c r="AO138" s="288"/>
      <c r="AP138" s="288"/>
      <c r="AQ138" s="288"/>
      <c r="AR138" s="288"/>
      <c r="AS138" s="288"/>
      <c r="AT138" s="288"/>
      <c r="AU138" s="288"/>
      <c r="AV138" s="288"/>
      <c r="AW138" s="288"/>
      <c r="AX138" s="288"/>
      <c r="AY138" s="288"/>
      <c r="AZ138" s="288"/>
      <c r="BA138" s="288"/>
      <c r="BB138" s="288"/>
      <c r="BC138" s="288"/>
      <c r="BD138" s="288"/>
      <c r="BE138" s="288"/>
      <c r="BF138" s="288"/>
      <c r="BG138" s="288"/>
      <c r="BH138" s="288"/>
      <c r="BI138" s="288"/>
      <c r="BJ138" s="288"/>
      <c r="BK138" s="288"/>
      <c r="BL138" s="288"/>
      <c r="BM138" s="288"/>
      <c r="BN138" s="288"/>
      <c r="BO138" s="288"/>
      <c r="BP138" s="288"/>
      <c r="BQ138" s="288"/>
      <c r="BR138" s="288"/>
      <c r="BS138" s="288"/>
      <c r="BT138" s="288"/>
      <c r="BU138" s="288"/>
      <c r="BV138" s="288"/>
      <c r="BW138" s="288"/>
      <c r="BX138" s="288"/>
      <c r="BY138" s="288"/>
      <c r="BZ138" s="288"/>
      <c r="CA138" s="288"/>
      <c r="CB138" s="288"/>
      <c r="CC138" s="288"/>
      <c r="CD138" s="288"/>
      <c r="CE138" s="288"/>
      <c r="CF138" s="288"/>
      <c r="CG138" s="288"/>
      <c r="CH138" s="288"/>
      <c r="CI138" s="288"/>
      <c r="CJ138" s="288"/>
      <c r="CK138" s="288"/>
      <c r="CL138" s="288"/>
      <c r="CM138" s="288"/>
      <c r="CN138" s="288"/>
      <c r="CO138" s="288"/>
      <c r="CP138" s="288"/>
      <c r="CQ138" s="288"/>
      <c r="CR138" s="288"/>
      <c r="CS138" s="288"/>
      <c r="CT138" s="288"/>
      <c r="CU138" s="288"/>
      <c r="CV138" s="288"/>
      <c r="CW138" s="288"/>
      <c r="CX138" s="288"/>
      <c r="CY138" s="288"/>
      <c r="CZ138" s="288"/>
      <c r="DA138" s="288"/>
      <c r="DB138" s="288"/>
      <c r="DC138" s="288"/>
      <c r="DD138" s="288"/>
      <c r="DE138" s="288"/>
      <c r="DF138" s="288"/>
      <c r="DG138" s="288"/>
      <c r="DH138" s="288"/>
      <c r="DI138" s="288"/>
      <c r="DJ138" s="288"/>
      <c r="DK138" s="288"/>
      <c r="DL138" s="288"/>
      <c r="DM138" s="288"/>
      <c r="DN138" s="288"/>
      <c r="DO138" s="288"/>
      <c r="DP138" s="288"/>
      <c r="DQ138" s="288"/>
      <c r="DR138" s="288"/>
      <c r="DS138" s="288"/>
      <c r="DT138" s="288"/>
      <c r="DU138" s="288"/>
      <c r="DV138" s="288"/>
      <c r="DW138" s="288"/>
      <c r="DX138" s="288"/>
      <c r="DY138" s="288"/>
      <c r="DZ138" s="288"/>
      <c r="EA138" s="288"/>
      <c r="EB138" s="288"/>
      <c r="EC138" s="288"/>
      <c r="ED138" s="288"/>
      <c r="EE138" s="288"/>
      <c r="EF138" s="288"/>
      <c r="EG138" s="288"/>
      <c r="EH138" s="288"/>
      <c r="EI138" s="288"/>
      <c r="EJ138" s="288"/>
      <c r="EK138" s="288"/>
      <c r="EL138" s="288"/>
      <c r="EM138" s="288"/>
      <c r="EN138" s="288"/>
      <c r="EO138" s="288"/>
      <c r="EP138" s="288"/>
      <c r="EQ138" s="288"/>
      <c r="ER138" s="288"/>
      <c r="ES138" s="288"/>
      <c r="ET138" s="288"/>
      <c r="EU138" s="288"/>
      <c r="EV138" s="288"/>
      <c r="EW138" s="288"/>
      <c r="EX138" s="288"/>
      <c r="EY138" s="288"/>
      <c r="EZ138" s="288"/>
      <c r="FA138" s="288"/>
      <c r="FB138" s="288"/>
      <c r="FC138" s="288"/>
      <c r="FD138" s="288"/>
      <c r="FE138" s="288"/>
      <c r="FF138" s="288"/>
      <c r="FG138" s="288"/>
      <c r="FH138" s="288"/>
      <c r="FI138" s="288"/>
      <c r="FJ138" s="288"/>
      <c r="FK138" s="288"/>
      <c r="FL138" s="288"/>
      <c r="FM138" s="288"/>
      <c r="FN138" s="288"/>
      <c r="FO138" s="288"/>
      <c r="FP138" s="288"/>
      <c r="FQ138" s="288"/>
      <c r="FR138" s="288"/>
      <c r="FS138" s="288"/>
      <c r="FT138" s="288"/>
      <c r="FU138" s="288"/>
      <c r="FV138" s="288"/>
      <c r="FW138" s="288"/>
      <c r="FX138" s="288"/>
      <c r="FY138" s="288"/>
      <c r="FZ138" s="288"/>
      <c r="GA138" s="288"/>
      <c r="GB138" s="288"/>
      <c r="GC138" s="288"/>
      <c r="GD138" s="288"/>
      <c r="GE138" s="288"/>
      <c r="GF138" s="288"/>
      <c r="GG138" s="288"/>
      <c r="GH138" s="288"/>
      <c r="GI138" s="288"/>
      <c r="GJ138" s="288"/>
      <c r="GK138" s="288"/>
    </row>
    <row r="139" spans="1:193" s="289" customFormat="1" ht="52.5" customHeight="1">
      <c r="A139" s="501"/>
      <c r="B139" s="235"/>
      <c r="C139" s="459" t="s">
        <v>547</v>
      </c>
      <c r="D139" s="460"/>
      <c r="E139" s="285"/>
      <c r="F139" s="286" t="s">
        <v>554</v>
      </c>
      <c r="G139" s="287" t="s">
        <v>555</v>
      </c>
      <c r="H139" s="288"/>
      <c r="I139" s="288"/>
      <c r="J139" s="288"/>
      <c r="K139" s="288"/>
      <c r="L139" s="288"/>
      <c r="M139" s="288"/>
      <c r="N139" s="288"/>
      <c r="O139" s="288"/>
      <c r="P139" s="288"/>
      <c r="Q139" s="288"/>
      <c r="R139" s="288"/>
      <c r="S139" s="288"/>
      <c r="T139" s="288"/>
      <c r="U139" s="288"/>
      <c r="V139" s="288"/>
      <c r="W139" s="288"/>
      <c r="X139" s="288"/>
      <c r="Y139" s="288"/>
      <c r="Z139" s="288"/>
      <c r="AA139" s="288"/>
      <c r="AB139" s="288"/>
      <c r="AC139" s="288"/>
      <c r="AD139" s="288"/>
      <c r="AE139" s="288"/>
      <c r="AF139" s="288"/>
      <c r="AG139" s="288"/>
      <c r="AH139" s="288"/>
      <c r="AI139" s="288"/>
      <c r="AJ139" s="288"/>
      <c r="AK139" s="288"/>
      <c r="AL139" s="288"/>
      <c r="AM139" s="288"/>
      <c r="AN139" s="288"/>
      <c r="AO139" s="288"/>
      <c r="AP139" s="288"/>
      <c r="AQ139" s="288"/>
      <c r="AR139" s="288"/>
      <c r="AS139" s="288"/>
      <c r="AT139" s="288"/>
      <c r="AU139" s="288"/>
      <c r="AV139" s="288"/>
      <c r="AW139" s="288"/>
      <c r="AX139" s="288"/>
      <c r="AY139" s="288"/>
      <c r="AZ139" s="288"/>
      <c r="BA139" s="288"/>
      <c r="BB139" s="288"/>
      <c r="BC139" s="288"/>
      <c r="BD139" s="288"/>
      <c r="BE139" s="288"/>
      <c r="BF139" s="288"/>
      <c r="BG139" s="288"/>
      <c r="BH139" s="288"/>
      <c r="BI139" s="288"/>
      <c r="BJ139" s="288"/>
      <c r="BK139" s="288"/>
      <c r="BL139" s="288"/>
      <c r="BM139" s="288"/>
      <c r="BN139" s="288"/>
      <c r="BO139" s="288"/>
      <c r="BP139" s="288"/>
      <c r="BQ139" s="288"/>
      <c r="BR139" s="288"/>
      <c r="BS139" s="288"/>
      <c r="BT139" s="288"/>
      <c r="BU139" s="288"/>
      <c r="BV139" s="288"/>
      <c r="BW139" s="288"/>
      <c r="BX139" s="288"/>
      <c r="BY139" s="288"/>
      <c r="BZ139" s="288"/>
      <c r="CA139" s="288"/>
      <c r="CB139" s="288"/>
      <c r="CC139" s="288"/>
      <c r="CD139" s="288"/>
      <c r="CE139" s="288"/>
      <c r="CF139" s="288"/>
      <c r="CG139" s="288"/>
      <c r="CH139" s="288"/>
      <c r="CI139" s="288"/>
      <c r="CJ139" s="288"/>
      <c r="CK139" s="288"/>
      <c r="CL139" s="288"/>
      <c r="CM139" s="288"/>
      <c r="CN139" s="288"/>
      <c r="CO139" s="288"/>
      <c r="CP139" s="288"/>
      <c r="CQ139" s="288"/>
      <c r="CR139" s="288"/>
      <c r="CS139" s="288"/>
      <c r="CT139" s="288"/>
      <c r="CU139" s="288"/>
      <c r="CV139" s="288"/>
      <c r="CW139" s="288"/>
      <c r="CX139" s="288"/>
      <c r="CY139" s="288"/>
      <c r="CZ139" s="288"/>
      <c r="DA139" s="288"/>
      <c r="DB139" s="288"/>
      <c r="DC139" s="288"/>
      <c r="DD139" s="288"/>
      <c r="DE139" s="288"/>
      <c r="DF139" s="288"/>
      <c r="DG139" s="288"/>
      <c r="DH139" s="288"/>
      <c r="DI139" s="288"/>
      <c r="DJ139" s="288"/>
      <c r="DK139" s="288"/>
      <c r="DL139" s="288"/>
      <c r="DM139" s="288"/>
      <c r="DN139" s="288"/>
      <c r="DO139" s="288"/>
      <c r="DP139" s="288"/>
      <c r="DQ139" s="288"/>
      <c r="DR139" s="288"/>
      <c r="DS139" s="288"/>
      <c r="DT139" s="288"/>
      <c r="DU139" s="288"/>
      <c r="DV139" s="288"/>
      <c r="DW139" s="288"/>
      <c r="DX139" s="288"/>
      <c r="DY139" s="288"/>
      <c r="DZ139" s="288"/>
      <c r="EA139" s="288"/>
      <c r="EB139" s="288"/>
      <c r="EC139" s="288"/>
      <c r="ED139" s="288"/>
      <c r="EE139" s="288"/>
      <c r="EF139" s="288"/>
      <c r="EG139" s="288"/>
      <c r="EH139" s="288"/>
      <c r="EI139" s="288"/>
      <c r="EJ139" s="288"/>
      <c r="EK139" s="288"/>
      <c r="EL139" s="288"/>
      <c r="EM139" s="288"/>
      <c r="EN139" s="288"/>
      <c r="EO139" s="288"/>
      <c r="EP139" s="288"/>
      <c r="EQ139" s="288"/>
      <c r="ER139" s="288"/>
      <c r="ES139" s="288"/>
      <c r="ET139" s="288"/>
      <c r="EU139" s="288"/>
      <c r="EV139" s="288"/>
      <c r="EW139" s="288"/>
      <c r="EX139" s="288"/>
      <c r="EY139" s="288"/>
      <c r="EZ139" s="288"/>
      <c r="FA139" s="288"/>
      <c r="FB139" s="288"/>
      <c r="FC139" s="288"/>
      <c r="FD139" s="288"/>
      <c r="FE139" s="288"/>
      <c r="FF139" s="288"/>
      <c r="FG139" s="288"/>
      <c r="FH139" s="288"/>
      <c r="FI139" s="288"/>
      <c r="FJ139" s="288"/>
      <c r="FK139" s="288"/>
      <c r="FL139" s="288"/>
      <c r="FM139" s="288"/>
      <c r="FN139" s="288"/>
      <c r="FO139" s="288"/>
      <c r="FP139" s="288"/>
      <c r="FQ139" s="288"/>
      <c r="FR139" s="288"/>
      <c r="FS139" s="288"/>
      <c r="FT139" s="288"/>
      <c r="FU139" s="288"/>
      <c r="FV139" s="288"/>
      <c r="FW139" s="288"/>
      <c r="FX139" s="288"/>
      <c r="FY139" s="288"/>
      <c r="FZ139" s="288"/>
      <c r="GA139" s="288"/>
      <c r="GB139" s="288"/>
      <c r="GC139" s="288"/>
      <c r="GD139" s="288"/>
      <c r="GE139" s="288"/>
      <c r="GF139" s="288"/>
      <c r="GG139" s="288"/>
      <c r="GH139" s="288"/>
      <c r="GI139" s="288"/>
      <c r="GJ139" s="288"/>
      <c r="GK139" s="288"/>
    </row>
    <row r="140" spans="1:193" s="289" customFormat="1" ht="36" customHeight="1">
      <c r="A140" s="501"/>
      <c r="B140" s="235"/>
      <c r="C140" s="459" t="s">
        <v>549</v>
      </c>
      <c r="D140" s="460"/>
      <c r="E140" s="285"/>
      <c r="F140" s="286" t="s">
        <v>518</v>
      </c>
      <c r="G140" s="287" t="s">
        <v>556</v>
      </c>
      <c r="H140" s="288"/>
      <c r="I140" s="288"/>
      <c r="J140" s="288"/>
      <c r="K140" s="288"/>
      <c r="L140" s="288"/>
      <c r="M140" s="288"/>
      <c r="N140" s="288"/>
      <c r="O140" s="288"/>
      <c r="P140" s="288"/>
      <c r="Q140" s="288"/>
      <c r="R140" s="288"/>
      <c r="S140" s="288"/>
      <c r="T140" s="288"/>
      <c r="U140" s="288"/>
      <c r="V140" s="288"/>
      <c r="W140" s="288"/>
      <c r="X140" s="288"/>
      <c r="Y140" s="288"/>
      <c r="Z140" s="288"/>
      <c r="AA140" s="288"/>
      <c r="AB140" s="288"/>
      <c r="AC140" s="288"/>
      <c r="AD140" s="288"/>
      <c r="AE140" s="288"/>
      <c r="AF140" s="288"/>
      <c r="AG140" s="288"/>
      <c r="AH140" s="288"/>
      <c r="AI140" s="288"/>
      <c r="AJ140" s="288"/>
      <c r="AK140" s="288"/>
      <c r="AL140" s="288"/>
      <c r="AM140" s="288"/>
      <c r="AN140" s="288"/>
      <c r="AO140" s="288"/>
      <c r="AP140" s="288"/>
      <c r="AQ140" s="288"/>
      <c r="AR140" s="288"/>
      <c r="AS140" s="288"/>
      <c r="AT140" s="288"/>
      <c r="AU140" s="288"/>
      <c r="AV140" s="288"/>
      <c r="AW140" s="288"/>
      <c r="AX140" s="288"/>
      <c r="AY140" s="288"/>
      <c r="AZ140" s="288"/>
      <c r="BA140" s="288"/>
      <c r="BB140" s="288"/>
      <c r="BC140" s="288"/>
      <c r="BD140" s="288"/>
      <c r="BE140" s="288"/>
      <c r="BF140" s="288"/>
      <c r="BG140" s="288"/>
      <c r="BH140" s="288"/>
      <c r="BI140" s="288"/>
      <c r="BJ140" s="288"/>
      <c r="BK140" s="288"/>
      <c r="BL140" s="288"/>
      <c r="BM140" s="288"/>
      <c r="BN140" s="288"/>
      <c r="BO140" s="288"/>
      <c r="BP140" s="288"/>
      <c r="BQ140" s="288"/>
      <c r="BR140" s="288"/>
      <c r="BS140" s="288"/>
      <c r="BT140" s="288"/>
      <c r="BU140" s="288"/>
      <c r="BV140" s="288"/>
      <c r="BW140" s="288"/>
      <c r="BX140" s="288"/>
      <c r="BY140" s="288"/>
      <c r="BZ140" s="288"/>
      <c r="CA140" s="288"/>
      <c r="CB140" s="288"/>
      <c r="CC140" s="288"/>
      <c r="CD140" s="288"/>
      <c r="CE140" s="288"/>
      <c r="CF140" s="288"/>
      <c r="CG140" s="288"/>
      <c r="CH140" s="288"/>
      <c r="CI140" s="288"/>
      <c r="CJ140" s="288"/>
      <c r="CK140" s="288"/>
      <c r="CL140" s="288"/>
      <c r="CM140" s="288"/>
      <c r="CN140" s="288"/>
      <c r="CO140" s="288"/>
      <c r="CP140" s="288"/>
      <c r="CQ140" s="288"/>
      <c r="CR140" s="288"/>
      <c r="CS140" s="288"/>
      <c r="CT140" s="288"/>
      <c r="CU140" s="288"/>
      <c r="CV140" s="288"/>
      <c r="CW140" s="288"/>
      <c r="CX140" s="288"/>
      <c r="CY140" s="288"/>
      <c r="CZ140" s="288"/>
      <c r="DA140" s="288"/>
      <c r="DB140" s="288"/>
      <c r="DC140" s="288"/>
      <c r="DD140" s="288"/>
      <c r="DE140" s="288"/>
      <c r="DF140" s="288"/>
      <c r="DG140" s="288"/>
      <c r="DH140" s="288"/>
      <c r="DI140" s="288"/>
      <c r="DJ140" s="288"/>
      <c r="DK140" s="288"/>
      <c r="DL140" s="288"/>
      <c r="DM140" s="288"/>
      <c r="DN140" s="288"/>
      <c r="DO140" s="288"/>
      <c r="DP140" s="288"/>
      <c r="DQ140" s="288"/>
      <c r="DR140" s="288"/>
      <c r="DS140" s="288"/>
      <c r="DT140" s="288"/>
      <c r="DU140" s="288"/>
      <c r="DV140" s="288"/>
      <c r="DW140" s="288"/>
      <c r="DX140" s="288"/>
      <c r="DY140" s="288"/>
      <c r="DZ140" s="288"/>
      <c r="EA140" s="288"/>
      <c r="EB140" s="288"/>
      <c r="EC140" s="288"/>
      <c r="ED140" s="288"/>
      <c r="EE140" s="288"/>
      <c r="EF140" s="288"/>
      <c r="EG140" s="288"/>
      <c r="EH140" s="288"/>
      <c r="EI140" s="288"/>
      <c r="EJ140" s="288"/>
      <c r="EK140" s="288"/>
      <c r="EL140" s="288"/>
      <c r="EM140" s="288"/>
      <c r="EN140" s="288"/>
      <c r="EO140" s="288"/>
      <c r="EP140" s="288"/>
      <c r="EQ140" s="288"/>
      <c r="ER140" s="288"/>
      <c r="ES140" s="288"/>
      <c r="ET140" s="288"/>
      <c r="EU140" s="288"/>
      <c r="EV140" s="288"/>
      <c r="EW140" s="288"/>
      <c r="EX140" s="288"/>
      <c r="EY140" s="288"/>
      <c r="EZ140" s="288"/>
      <c r="FA140" s="288"/>
      <c r="FB140" s="288"/>
      <c r="FC140" s="288"/>
      <c r="FD140" s="288"/>
      <c r="FE140" s="288"/>
      <c r="FF140" s="288"/>
      <c r="FG140" s="288"/>
      <c r="FH140" s="288"/>
      <c r="FI140" s="288"/>
      <c r="FJ140" s="288"/>
      <c r="FK140" s="288"/>
      <c r="FL140" s="288"/>
      <c r="FM140" s="288"/>
      <c r="FN140" s="288"/>
      <c r="FO140" s="288"/>
      <c r="FP140" s="288"/>
      <c r="FQ140" s="288"/>
      <c r="FR140" s="288"/>
      <c r="FS140" s="288"/>
      <c r="FT140" s="288"/>
      <c r="FU140" s="288"/>
      <c r="FV140" s="288"/>
      <c r="FW140" s="288"/>
      <c r="FX140" s="288"/>
      <c r="FY140" s="288"/>
      <c r="FZ140" s="288"/>
      <c r="GA140" s="288"/>
      <c r="GB140" s="288"/>
      <c r="GC140" s="288"/>
      <c r="GD140" s="288"/>
      <c r="GE140" s="288"/>
      <c r="GF140" s="288"/>
      <c r="GG140" s="288"/>
      <c r="GH140" s="288"/>
      <c r="GI140" s="288"/>
      <c r="GJ140" s="288"/>
      <c r="GK140" s="288"/>
    </row>
    <row r="141" spans="1:193" s="289" customFormat="1" ht="21.75" customHeight="1">
      <c r="A141" s="501"/>
      <c r="B141" s="235"/>
      <c r="C141" s="459" t="s">
        <v>512</v>
      </c>
      <c r="D141" s="460"/>
      <c r="E141" s="285"/>
      <c r="F141" s="286" t="s">
        <v>554</v>
      </c>
      <c r="G141" s="225" t="s">
        <v>514</v>
      </c>
      <c r="H141" s="288"/>
      <c r="I141" s="288"/>
      <c r="J141" s="288"/>
      <c r="K141" s="288"/>
      <c r="L141" s="288"/>
      <c r="M141" s="288"/>
      <c r="N141" s="288"/>
      <c r="O141" s="288"/>
      <c r="P141" s="288"/>
      <c r="Q141" s="288"/>
      <c r="R141" s="288"/>
      <c r="S141" s="288"/>
      <c r="T141" s="288"/>
      <c r="U141" s="288"/>
      <c r="V141" s="288"/>
      <c r="W141" s="288"/>
      <c r="X141" s="288"/>
      <c r="Y141" s="288"/>
      <c r="Z141" s="288"/>
      <c r="AA141" s="288"/>
      <c r="AB141" s="288"/>
      <c r="AC141" s="288"/>
      <c r="AD141" s="288"/>
      <c r="AE141" s="288"/>
      <c r="AF141" s="288"/>
      <c r="AG141" s="288"/>
      <c r="AH141" s="288"/>
      <c r="AI141" s="288"/>
      <c r="AJ141" s="288"/>
      <c r="AK141" s="288"/>
      <c r="AL141" s="288"/>
      <c r="AM141" s="288"/>
      <c r="AN141" s="288"/>
      <c r="AO141" s="288"/>
      <c r="AP141" s="288"/>
      <c r="AQ141" s="288"/>
      <c r="AR141" s="288"/>
      <c r="AS141" s="288"/>
      <c r="AT141" s="288"/>
      <c r="AU141" s="288"/>
      <c r="AV141" s="288"/>
      <c r="AW141" s="288"/>
      <c r="AX141" s="288"/>
      <c r="AY141" s="288"/>
      <c r="AZ141" s="288"/>
      <c r="BA141" s="288"/>
      <c r="BB141" s="288"/>
      <c r="BC141" s="288"/>
      <c r="BD141" s="288"/>
      <c r="BE141" s="288"/>
      <c r="BF141" s="288"/>
      <c r="BG141" s="288"/>
      <c r="BH141" s="288"/>
      <c r="BI141" s="288"/>
      <c r="BJ141" s="288"/>
      <c r="BK141" s="288"/>
      <c r="BL141" s="288"/>
      <c r="BM141" s="288"/>
      <c r="BN141" s="288"/>
      <c r="BO141" s="288"/>
      <c r="BP141" s="288"/>
      <c r="BQ141" s="288"/>
      <c r="BR141" s="288"/>
      <c r="BS141" s="288"/>
      <c r="BT141" s="288"/>
      <c r="BU141" s="288"/>
      <c r="BV141" s="288"/>
      <c r="BW141" s="288"/>
      <c r="BX141" s="288"/>
      <c r="BY141" s="288"/>
      <c r="BZ141" s="288"/>
      <c r="CA141" s="288"/>
      <c r="CB141" s="288"/>
      <c r="CC141" s="288"/>
      <c r="CD141" s="288"/>
      <c r="CE141" s="288"/>
      <c r="CF141" s="288"/>
      <c r="CG141" s="288"/>
      <c r="CH141" s="288"/>
      <c r="CI141" s="288"/>
      <c r="CJ141" s="288"/>
      <c r="CK141" s="288"/>
      <c r="CL141" s="288"/>
      <c r="CM141" s="288"/>
      <c r="CN141" s="288"/>
      <c r="CO141" s="288"/>
      <c r="CP141" s="288"/>
      <c r="CQ141" s="288"/>
      <c r="CR141" s="288"/>
      <c r="CS141" s="288"/>
      <c r="CT141" s="288"/>
      <c r="CU141" s="288"/>
      <c r="CV141" s="288"/>
      <c r="CW141" s="288"/>
      <c r="CX141" s="288"/>
      <c r="CY141" s="288"/>
      <c r="CZ141" s="288"/>
      <c r="DA141" s="288"/>
      <c r="DB141" s="288"/>
      <c r="DC141" s="288"/>
      <c r="DD141" s="288"/>
      <c r="DE141" s="288"/>
      <c r="DF141" s="288"/>
      <c r="DG141" s="288"/>
      <c r="DH141" s="288"/>
      <c r="DI141" s="288"/>
      <c r="DJ141" s="288"/>
      <c r="DK141" s="288"/>
      <c r="DL141" s="288"/>
      <c r="DM141" s="288"/>
      <c r="DN141" s="288"/>
      <c r="DO141" s="288"/>
      <c r="DP141" s="288"/>
      <c r="DQ141" s="288"/>
      <c r="DR141" s="288"/>
      <c r="DS141" s="288"/>
      <c r="DT141" s="288"/>
      <c r="DU141" s="288"/>
      <c r="DV141" s="288"/>
      <c r="DW141" s="288"/>
      <c r="DX141" s="288"/>
      <c r="DY141" s="288"/>
      <c r="DZ141" s="288"/>
      <c r="EA141" s="288"/>
      <c r="EB141" s="288"/>
      <c r="EC141" s="288"/>
      <c r="ED141" s="288"/>
      <c r="EE141" s="288"/>
      <c r="EF141" s="288"/>
      <c r="EG141" s="288"/>
      <c r="EH141" s="288"/>
      <c r="EI141" s="288"/>
      <c r="EJ141" s="288"/>
      <c r="EK141" s="288"/>
      <c r="EL141" s="288"/>
      <c r="EM141" s="288"/>
      <c r="EN141" s="288"/>
      <c r="EO141" s="288"/>
      <c r="EP141" s="288"/>
      <c r="EQ141" s="288"/>
      <c r="ER141" s="288"/>
      <c r="ES141" s="288"/>
      <c r="ET141" s="288"/>
      <c r="EU141" s="288"/>
      <c r="EV141" s="288"/>
      <c r="EW141" s="288"/>
      <c r="EX141" s="288"/>
      <c r="EY141" s="288"/>
      <c r="EZ141" s="288"/>
      <c r="FA141" s="288"/>
      <c r="FB141" s="288"/>
      <c r="FC141" s="288"/>
      <c r="FD141" s="288"/>
      <c r="FE141" s="288"/>
      <c r="FF141" s="288"/>
      <c r="FG141" s="288"/>
      <c r="FH141" s="288"/>
      <c r="FI141" s="288"/>
      <c r="FJ141" s="288"/>
      <c r="FK141" s="288"/>
      <c r="FL141" s="288"/>
      <c r="FM141" s="288"/>
      <c r="FN141" s="288"/>
      <c r="FO141" s="288"/>
      <c r="FP141" s="288"/>
      <c r="FQ141" s="288"/>
      <c r="FR141" s="288"/>
      <c r="FS141" s="288"/>
      <c r="FT141" s="288"/>
      <c r="FU141" s="288"/>
      <c r="FV141" s="288"/>
      <c r="FW141" s="288"/>
      <c r="FX141" s="288"/>
      <c r="FY141" s="288"/>
      <c r="FZ141" s="288"/>
      <c r="GA141" s="288"/>
      <c r="GB141" s="288"/>
      <c r="GC141" s="288"/>
      <c r="GD141" s="288"/>
      <c r="GE141" s="288"/>
      <c r="GF141" s="288"/>
      <c r="GG141" s="288"/>
      <c r="GH141" s="288"/>
      <c r="GI141" s="288"/>
      <c r="GJ141" s="288"/>
      <c r="GK141" s="288"/>
    </row>
    <row r="142" spans="1:193" s="289" customFormat="1" ht="21.75" customHeight="1">
      <c r="A142" s="501"/>
      <c r="B142" s="235"/>
      <c r="C142" s="459" t="s">
        <v>520</v>
      </c>
      <c r="D142" s="460"/>
      <c r="E142" s="285"/>
      <c r="F142" s="286" t="s">
        <v>554</v>
      </c>
      <c r="G142" s="259" t="s">
        <v>528</v>
      </c>
      <c r="H142" s="288"/>
      <c r="I142" s="288"/>
      <c r="J142" s="288"/>
      <c r="K142" s="288"/>
      <c r="L142" s="288"/>
      <c r="M142" s="288"/>
      <c r="N142" s="288"/>
      <c r="O142" s="288"/>
      <c r="P142" s="288"/>
      <c r="Q142" s="288"/>
      <c r="R142" s="288"/>
      <c r="S142" s="288"/>
      <c r="T142" s="288"/>
      <c r="U142" s="288"/>
      <c r="V142" s="288"/>
      <c r="W142" s="288"/>
      <c r="X142" s="288"/>
      <c r="Y142" s="288"/>
      <c r="Z142" s="288"/>
      <c r="AA142" s="288"/>
      <c r="AB142" s="288"/>
      <c r="AC142" s="288"/>
      <c r="AD142" s="288"/>
      <c r="AE142" s="288"/>
      <c r="AF142" s="288"/>
      <c r="AG142" s="288"/>
      <c r="AH142" s="288"/>
      <c r="AI142" s="288"/>
      <c r="AJ142" s="288"/>
      <c r="AK142" s="288"/>
      <c r="AL142" s="288"/>
      <c r="AM142" s="288"/>
      <c r="AN142" s="288"/>
      <c r="AO142" s="288"/>
      <c r="AP142" s="288"/>
      <c r="AQ142" s="288"/>
      <c r="AR142" s="288"/>
      <c r="AS142" s="288"/>
      <c r="AT142" s="288"/>
      <c r="AU142" s="288"/>
      <c r="AV142" s="288"/>
      <c r="AW142" s="288"/>
      <c r="AX142" s="288"/>
      <c r="AY142" s="288"/>
      <c r="AZ142" s="288"/>
      <c r="BA142" s="288"/>
      <c r="BB142" s="288"/>
      <c r="BC142" s="288"/>
      <c r="BD142" s="288"/>
      <c r="BE142" s="288"/>
      <c r="BF142" s="288"/>
      <c r="BG142" s="288"/>
      <c r="BH142" s="288"/>
      <c r="BI142" s="288"/>
      <c r="BJ142" s="288"/>
      <c r="BK142" s="288"/>
      <c r="BL142" s="288"/>
      <c r="BM142" s="288"/>
      <c r="BN142" s="288"/>
      <c r="BO142" s="288"/>
      <c r="BP142" s="288"/>
      <c r="BQ142" s="288"/>
      <c r="BR142" s="288"/>
      <c r="BS142" s="288"/>
      <c r="BT142" s="288"/>
      <c r="BU142" s="288"/>
      <c r="BV142" s="288"/>
      <c r="BW142" s="288"/>
      <c r="BX142" s="288"/>
      <c r="BY142" s="288"/>
      <c r="BZ142" s="288"/>
      <c r="CA142" s="288"/>
      <c r="CB142" s="288"/>
      <c r="CC142" s="288"/>
      <c r="CD142" s="288"/>
      <c r="CE142" s="288"/>
      <c r="CF142" s="288"/>
      <c r="CG142" s="288"/>
      <c r="CH142" s="288"/>
      <c r="CI142" s="288"/>
      <c r="CJ142" s="288"/>
      <c r="CK142" s="288"/>
      <c r="CL142" s="288"/>
      <c r="CM142" s="288"/>
      <c r="CN142" s="288"/>
      <c r="CO142" s="288"/>
      <c r="CP142" s="288"/>
      <c r="CQ142" s="288"/>
      <c r="CR142" s="288"/>
      <c r="CS142" s="288"/>
      <c r="CT142" s="288"/>
      <c r="CU142" s="288"/>
      <c r="CV142" s="288"/>
      <c r="CW142" s="288"/>
      <c r="CX142" s="288"/>
      <c r="CY142" s="288"/>
      <c r="CZ142" s="288"/>
      <c r="DA142" s="288"/>
      <c r="DB142" s="288"/>
      <c r="DC142" s="288"/>
      <c r="DD142" s="288"/>
      <c r="DE142" s="288"/>
      <c r="DF142" s="288"/>
      <c r="DG142" s="288"/>
      <c r="DH142" s="288"/>
      <c r="DI142" s="288"/>
      <c r="DJ142" s="288"/>
      <c r="DK142" s="288"/>
      <c r="DL142" s="288"/>
      <c r="DM142" s="288"/>
      <c r="DN142" s="288"/>
      <c r="DO142" s="288"/>
      <c r="DP142" s="288"/>
      <c r="DQ142" s="288"/>
      <c r="DR142" s="288"/>
      <c r="DS142" s="288"/>
      <c r="DT142" s="288"/>
      <c r="DU142" s="288"/>
      <c r="DV142" s="288"/>
      <c r="DW142" s="288"/>
      <c r="DX142" s="288"/>
      <c r="DY142" s="288"/>
      <c r="DZ142" s="288"/>
      <c r="EA142" s="288"/>
      <c r="EB142" s="288"/>
      <c r="EC142" s="288"/>
      <c r="ED142" s="288"/>
      <c r="EE142" s="288"/>
      <c r="EF142" s="288"/>
      <c r="EG142" s="288"/>
      <c r="EH142" s="288"/>
      <c r="EI142" s="288"/>
      <c r="EJ142" s="288"/>
      <c r="EK142" s="288"/>
      <c r="EL142" s="288"/>
      <c r="EM142" s="288"/>
      <c r="EN142" s="288"/>
      <c r="EO142" s="288"/>
      <c r="EP142" s="288"/>
      <c r="EQ142" s="288"/>
      <c r="ER142" s="288"/>
      <c r="ES142" s="288"/>
      <c r="ET142" s="288"/>
      <c r="EU142" s="288"/>
      <c r="EV142" s="288"/>
      <c r="EW142" s="288"/>
      <c r="EX142" s="288"/>
      <c r="EY142" s="288"/>
      <c r="EZ142" s="288"/>
      <c r="FA142" s="288"/>
      <c r="FB142" s="288"/>
      <c r="FC142" s="288"/>
      <c r="FD142" s="288"/>
      <c r="FE142" s="288"/>
      <c r="FF142" s="288"/>
      <c r="FG142" s="288"/>
      <c r="FH142" s="288"/>
      <c r="FI142" s="288"/>
      <c r="FJ142" s="288"/>
      <c r="FK142" s="288"/>
      <c r="FL142" s="288"/>
      <c r="FM142" s="288"/>
      <c r="FN142" s="288"/>
      <c r="FO142" s="288"/>
      <c r="FP142" s="288"/>
      <c r="FQ142" s="288"/>
      <c r="FR142" s="288"/>
      <c r="FS142" s="288"/>
      <c r="FT142" s="288"/>
      <c r="FU142" s="288"/>
      <c r="FV142" s="288"/>
      <c r="FW142" s="288"/>
      <c r="FX142" s="288"/>
      <c r="FY142" s="288"/>
      <c r="FZ142" s="288"/>
      <c r="GA142" s="288"/>
      <c r="GB142" s="288"/>
      <c r="GC142" s="288"/>
      <c r="GD142" s="288"/>
      <c r="GE142" s="288"/>
      <c r="GF142" s="288"/>
      <c r="GG142" s="288"/>
      <c r="GH142" s="288"/>
      <c r="GI142" s="288"/>
      <c r="GJ142" s="288"/>
      <c r="GK142" s="288"/>
    </row>
    <row r="143" spans="1:193" s="289" customFormat="1" ht="21.75" customHeight="1">
      <c r="A143" s="501"/>
      <c r="B143" s="235"/>
      <c r="C143" s="459" t="s">
        <v>521</v>
      </c>
      <c r="D143" s="460"/>
      <c r="E143" s="285"/>
      <c r="F143" s="286" t="s">
        <v>522</v>
      </c>
      <c r="G143" s="238" t="s">
        <v>557</v>
      </c>
      <c r="H143" s="288"/>
      <c r="I143" s="288"/>
      <c r="J143" s="288"/>
      <c r="K143" s="288"/>
      <c r="L143" s="288"/>
      <c r="M143" s="288"/>
      <c r="N143" s="288"/>
      <c r="O143" s="288"/>
      <c r="P143" s="288"/>
      <c r="Q143" s="288"/>
      <c r="R143" s="288"/>
      <c r="S143" s="288"/>
      <c r="T143" s="288"/>
      <c r="U143" s="288"/>
      <c r="V143" s="288"/>
      <c r="W143" s="288"/>
      <c r="X143" s="288"/>
      <c r="Y143" s="288"/>
      <c r="Z143" s="288"/>
      <c r="AA143" s="288"/>
      <c r="AB143" s="288"/>
      <c r="AC143" s="288"/>
      <c r="AD143" s="288"/>
      <c r="AE143" s="288"/>
      <c r="AF143" s="288"/>
      <c r="AG143" s="288"/>
      <c r="AH143" s="288"/>
      <c r="AI143" s="288"/>
      <c r="AJ143" s="288"/>
      <c r="AK143" s="288"/>
      <c r="AL143" s="288"/>
      <c r="AM143" s="288"/>
      <c r="AN143" s="288"/>
      <c r="AO143" s="288"/>
      <c r="AP143" s="288"/>
      <c r="AQ143" s="288"/>
      <c r="AR143" s="288"/>
      <c r="AS143" s="288"/>
      <c r="AT143" s="288"/>
      <c r="AU143" s="288"/>
      <c r="AV143" s="288"/>
      <c r="AW143" s="288"/>
      <c r="AX143" s="288"/>
      <c r="AY143" s="288"/>
      <c r="AZ143" s="288"/>
      <c r="BA143" s="288"/>
      <c r="BB143" s="288"/>
      <c r="BC143" s="288"/>
      <c r="BD143" s="288"/>
      <c r="BE143" s="288"/>
      <c r="BF143" s="288"/>
      <c r="BG143" s="288"/>
      <c r="BH143" s="288"/>
      <c r="BI143" s="288"/>
      <c r="BJ143" s="288"/>
      <c r="BK143" s="288"/>
      <c r="BL143" s="288"/>
      <c r="BM143" s="288"/>
      <c r="BN143" s="288"/>
      <c r="BO143" s="288"/>
      <c r="BP143" s="288"/>
      <c r="BQ143" s="288"/>
      <c r="BR143" s="288"/>
      <c r="BS143" s="288"/>
      <c r="BT143" s="288"/>
      <c r="BU143" s="288"/>
      <c r="BV143" s="288"/>
      <c r="BW143" s="288"/>
      <c r="BX143" s="288"/>
      <c r="BY143" s="288"/>
      <c r="BZ143" s="288"/>
      <c r="CA143" s="288"/>
      <c r="CB143" s="288"/>
      <c r="CC143" s="288"/>
      <c r="CD143" s="288"/>
      <c r="CE143" s="288"/>
      <c r="CF143" s="288"/>
      <c r="CG143" s="288"/>
      <c r="CH143" s="288"/>
      <c r="CI143" s="288"/>
      <c r="CJ143" s="288"/>
      <c r="CK143" s="288"/>
      <c r="CL143" s="288"/>
      <c r="CM143" s="288"/>
      <c r="CN143" s="288"/>
      <c r="CO143" s="288"/>
      <c r="CP143" s="288"/>
      <c r="CQ143" s="288"/>
      <c r="CR143" s="288"/>
      <c r="CS143" s="288"/>
      <c r="CT143" s="288"/>
      <c r="CU143" s="288"/>
      <c r="CV143" s="288"/>
      <c r="CW143" s="288"/>
      <c r="CX143" s="288"/>
      <c r="CY143" s="288"/>
      <c r="CZ143" s="288"/>
      <c r="DA143" s="288"/>
      <c r="DB143" s="288"/>
      <c r="DC143" s="288"/>
      <c r="DD143" s="288"/>
      <c r="DE143" s="288"/>
      <c r="DF143" s="288"/>
      <c r="DG143" s="288"/>
      <c r="DH143" s="288"/>
      <c r="DI143" s="288"/>
      <c r="DJ143" s="288"/>
      <c r="DK143" s="288"/>
      <c r="DL143" s="288"/>
      <c r="DM143" s="288"/>
      <c r="DN143" s="288"/>
      <c r="DO143" s="288"/>
      <c r="DP143" s="288"/>
      <c r="DQ143" s="288"/>
      <c r="DR143" s="288"/>
      <c r="DS143" s="288"/>
      <c r="DT143" s="288"/>
      <c r="DU143" s="288"/>
      <c r="DV143" s="288"/>
      <c r="DW143" s="288"/>
      <c r="DX143" s="288"/>
      <c r="DY143" s="288"/>
      <c r="DZ143" s="288"/>
      <c r="EA143" s="288"/>
      <c r="EB143" s="288"/>
      <c r="EC143" s="288"/>
      <c r="ED143" s="288"/>
      <c r="EE143" s="288"/>
      <c r="EF143" s="288"/>
      <c r="EG143" s="288"/>
      <c r="EH143" s="288"/>
      <c r="EI143" s="288"/>
      <c r="EJ143" s="288"/>
      <c r="EK143" s="288"/>
      <c r="EL143" s="288"/>
      <c r="EM143" s="288"/>
      <c r="EN143" s="288"/>
      <c r="EO143" s="288"/>
      <c r="EP143" s="288"/>
      <c r="EQ143" s="288"/>
      <c r="ER143" s="288"/>
      <c r="ES143" s="288"/>
      <c r="ET143" s="288"/>
      <c r="EU143" s="288"/>
      <c r="EV143" s="288"/>
      <c r="EW143" s="288"/>
      <c r="EX143" s="288"/>
      <c r="EY143" s="288"/>
      <c r="EZ143" s="288"/>
      <c r="FA143" s="288"/>
      <c r="FB143" s="288"/>
      <c r="FC143" s="288"/>
      <c r="FD143" s="288"/>
      <c r="FE143" s="288"/>
      <c r="FF143" s="288"/>
      <c r="FG143" s="288"/>
      <c r="FH143" s="288"/>
      <c r="FI143" s="288"/>
      <c r="FJ143" s="288"/>
      <c r="FK143" s="288"/>
      <c r="FL143" s="288"/>
      <c r="FM143" s="288"/>
      <c r="FN143" s="288"/>
      <c r="FO143" s="288"/>
      <c r="FP143" s="288"/>
      <c r="FQ143" s="288"/>
      <c r="FR143" s="288"/>
      <c r="FS143" s="288"/>
      <c r="FT143" s="288"/>
      <c r="FU143" s="288"/>
      <c r="FV143" s="288"/>
      <c r="FW143" s="288"/>
      <c r="FX143" s="288"/>
      <c r="FY143" s="288"/>
      <c r="FZ143" s="288"/>
      <c r="GA143" s="288"/>
      <c r="GB143" s="288"/>
      <c r="GC143" s="288"/>
      <c r="GD143" s="288"/>
      <c r="GE143" s="288"/>
      <c r="GF143" s="288"/>
      <c r="GG143" s="288"/>
      <c r="GH143" s="288"/>
      <c r="GI143" s="288"/>
      <c r="GJ143" s="288"/>
      <c r="GK143" s="288"/>
    </row>
    <row r="144" spans="1:193" s="289" customFormat="1" ht="49.5" customHeight="1">
      <c r="A144" s="501"/>
      <c r="B144" s="235"/>
      <c r="C144" s="459" t="s">
        <v>558</v>
      </c>
      <c r="D144" s="460"/>
      <c r="E144" s="285"/>
      <c r="F144" s="286" t="s">
        <v>344</v>
      </c>
      <c r="G144" s="290"/>
      <c r="H144" s="288"/>
      <c r="I144" s="288"/>
      <c r="J144" s="288"/>
      <c r="K144" s="288"/>
      <c r="L144" s="288"/>
      <c r="M144" s="288"/>
      <c r="N144" s="288"/>
      <c r="O144" s="288"/>
      <c r="P144" s="288"/>
      <c r="Q144" s="288"/>
      <c r="R144" s="288"/>
      <c r="S144" s="288"/>
      <c r="T144" s="288"/>
      <c r="U144" s="288"/>
      <c r="V144" s="288"/>
      <c r="W144" s="288"/>
      <c r="X144" s="288"/>
      <c r="Y144" s="288"/>
      <c r="Z144" s="288"/>
      <c r="AA144" s="288"/>
      <c r="AB144" s="288"/>
      <c r="AC144" s="288"/>
      <c r="AD144" s="288"/>
      <c r="AE144" s="288"/>
      <c r="AF144" s="288"/>
      <c r="AG144" s="288"/>
      <c r="AH144" s="288"/>
      <c r="AI144" s="288"/>
      <c r="AJ144" s="288"/>
      <c r="AK144" s="288"/>
      <c r="AL144" s="288"/>
      <c r="AM144" s="288"/>
      <c r="AN144" s="288"/>
      <c r="AO144" s="288"/>
      <c r="AP144" s="288"/>
      <c r="AQ144" s="288"/>
      <c r="AR144" s="288"/>
      <c r="AS144" s="288"/>
      <c r="AT144" s="288"/>
      <c r="AU144" s="288"/>
      <c r="AV144" s="288"/>
      <c r="AW144" s="288"/>
      <c r="AX144" s="288"/>
      <c r="AY144" s="288"/>
      <c r="AZ144" s="288"/>
      <c r="BA144" s="288"/>
      <c r="BB144" s="288"/>
      <c r="BC144" s="288"/>
      <c r="BD144" s="288"/>
      <c r="BE144" s="288"/>
      <c r="BF144" s="288"/>
      <c r="BG144" s="288"/>
      <c r="BH144" s="288"/>
      <c r="BI144" s="288"/>
      <c r="BJ144" s="288"/>
      <c r="BK144" s="288"/>
      <c r="BL144" s="288"/>
      <c r="BM144" s="288"/>
      <c r="BN144" s="288"/>
      <c r="BO144" s="288"/>
      <c r="BP144" s="288"/>
      <c r="BQ144" s="288"/>
      <c r="BR144" s="288"/>
      <c r="BS144" s="288"/>
      <c r="BT144" s="288"/>
      <c r="BU144" s="288"/>
      <c r="BV144" s="288"/>
      <c r="BW144" s="288"/>
      <c r="BX144" s="288"/>
      <c r="BY144" s="288"/>
      <c r="BZ144" s="288"/>
      <c r="CA144" s="288"/>
      <c r="CB144" s="288"/>
      <c r="CC144" s="288"/>
      <c r="CD144" s="288"/>
      <c r="CE144" s="288"/>
      <c r="CF144" s="288"/>
      <c r="CG144" s="288"/>
      <c r="CH144" s="288"/>
      <c r="CI144" s="288"/>
      <c r="CJ144" s="288"/>
      <c r="CK144" s="288"/>
      <c r="CL144" s="288"/>
      <c r="CM144" s="288"/>
      <c r="CN144" s="288"/>
      <c r="CO144" s="288"/>
      <c r="CP144" s="288"/>
      <c r="CQ144" s="288"/>
      <c r="CR144" s="288"/>
      <c r="CS144" s="288"/>
      <c r="CT144" s="288"/>
      <c r="CU144" s="288"/>
      <c r="CV144" s="288"/>
      <c r="CW144" s="288"/>
      <c r="CX144" s="288"/>
      <c r="CY144" s="288"/>
      <c r="CZ144" s="288"/>
      <c r="DA144" s="288"/>
      <c r="DB144" s="288"/>
      <c r="DC144" s="288"/>
      <c r="DD144" s="288"/>
      <c r="DE144" s="288"/>
      <c r="DF144" s="288"/>
      <c r="DG144" s="288"/>
      <c r="DH144" s="288"/>
      <c r="DI144" s="288"/>
      <c r="DJ144" s="288"/>
      <c r="DK144" s="288"/>
      <c r="DL144" s="288"/>
      <c r="DM144" s="288"/>
      <c r="DN144" s="288"/>
      <c r="DO144" s="288"/>
      <c r="DP144" s="288"/>
      <c r="DQ144" s="288"/>
      <c r="DR144" s="288"/>
      <c r="DS144" s="288"/>
      <c r="DT144" s="288"/>
      <c r="DU144" s="288"/>
      <c r="DV144" s="288"/>
      <c r="DW144" s="288"/>
      <c r="DX144" s="288"/>
      <c r="DY144" s="288"/>
      <c r="DZ144" s="288"/>
      <c r="EA144" s="288"/>
      <c r="EB144" s="288"/>
      <c r="EC144" s="288"/>
      <c r="ED144" s="288"/>
      <c r="EE144" s="288"/>
      <c r="EF144" s="288"/>
      <c r="EG144" s="288"/>
      <c r="EH144" s="288"/>
      <c r="EI144" s="288"/>
      <c r="EJ144" s="288"/>
      <c r="EK144" s="288"/>
      <c r="EL144" s="288"/>
      <c r="EM144" s="288"/>
      <c r="EN144" s="288"/>
      <c r="EO144" s="288"/>
      <c r="EP144" s="288"/>
      <c r="EQ144" s="288"/>
      <c r="ER144" s="288"/>
      <c r="ES144" s="288"/>
      <c r="ET144" s="288"/>
      <c r="EU144" s="288"/>
      <c r="EV144" s="288"/>
      <c r="EW144" s="288"/>
      <c r="EX144" s="288"/>
      <c r="EY144" s="288"/>
      <c r="EZ144" s="288"/>
      <c r="FA144" s="288"/>
      <c r="FB144" s="288"/>
      <c r="FC144" s="288"/>
      <c r="FD144" s="288"/>
      <c r="FE144" s="288"/>
      <c r="FF144" s="288"/>
      <c r="FG144" s="288"/>
      <c r="FH144" s="288"/>
      <c r="FI144" s="288"/>
      <c r="FJ144" s="288"/>
      <c r="FK144" s="288"/>
      <c r="FL144" s="288"/>
      <c r="FM144" s="288"/>
      <c r="FN144" s="288"/>
      <c r="FO144" s="288"/>
      <c r="FP144" s="288"/>
      <c r="FQ144" s="288"/>
      <c r="FR144" s="288"/>
      <c r="FS144" s="288"/>
      <c r="FT144" s="288"/>
      <c r="FU144" s="288"/>
      <c r="FV144" s="288"/>
      <c r="FW144" s="288"/>
      <c r="FX144" s="288"/>
      <c r="FY144" s="288"/>
      <c r="FZ144" s="288"/>
      <c r="GA144" s="288"/>
      <c r="GB144" s="288"/>
      <c r="GC144" s="288"/>
      <c r="GD144" s="288"/>
      <c r="GE144" s="288"/>
      <c r="GF144" s="288"/>
      <c r="GG144" s="288"/>
      <c r="GH144" s="288"/>
      <c r="GI144" s="288"/>
      <c r="GJ144" s="288"/>
      <c r="GK144" s="288"/>
    </row>
    <row r="145" spans="1:193" s="295" customFormat="1" ht="64.5" customHeight="1">
      <c r="A145" s="502"/>
      <c r="B145" s="228"/>
      <c r="C145" s="496" t="s">
        <v>559</v>
      </c>
      <c r="D145" s="497"/>
      <c r="E145" s="291"/>
      <c r="F145" s="292" t="s">
        <v>344</v>
      </c>
      <c r="G145" s="293" t="s">
        <v>560</v>
      </c>
      <c r="H145" s="294"/>
      <c r="I145" s="294"/>
      <c r="J145" s="294"/>
      <c r="K145" s="294"/>
      <c r="L145" s="294"/>
      <c r="M145" s="294"/>
      <c r="N145" s="294"/>
      <c r="O145" s="294"/>
      <c r="P145" s="294"/>
      <c r="Q145" s="294"/>
      <c r="R145" s="294"/>
      <c r="S145" s="294"/>
      <c r="T145" s="294"/>
      <c r="U145" s="294"/>
      <c r="V145" s="294"/>
      <c r="W145" s="294"/>
      <c r="X145" s="294"/>
      <c r="Y145" s="294"/>
      <c r="Z145" s="294"/>
      <c r="AA145" s="294"/>
      <c r="AB145" s="294"/>
      <c r="AC145" s="294"/>
      <c r="AD145" s="294"/>
      <c r="AE145" s="294"/>
      <c r="AF145" s="294"/>
      <c r="AG145" s="294"/>
      <c r="AH145" s="294"/>
      <c r="AI145" s="294"/>
      <c r="AJ145" s="294"/>
      <c r="AK145" s="294"/>
      <c r="AL145" s="294"/>
      <c r="AM145" s="294"/>
      <c r="AN145" s="294"/>
      <c r="AO145" s="294"/>
      <c r="AP145" s="294"/>
      <c r="AQ145" s="294"/>
      <c r="AR145" s="294"/>
      <c r="AS145" s="294"/>
      <c r="AT145" s="294"/>
      <c r="AU145" s="294"/>
      <c r="AV145" s="294"/>
      <c r="AW145" s="294"/>
      <c r="AX145" s="294"/>
      <c r="AY145" s="294"/>
      <c r="AZ145" s="294"/>
      <c r="BA145" s="294"/>
      <c r="BB145" s="294"/>
      <c r="BC145" s="294"/>
      <c r="BD145" s="294"/>
      <c r="BE145" s="294"/>
      <c r="BF145" s="294"/>
      <c r="BG145" s="294"/>
      <c r="BH145" s="294"/>
      <c r="BI145" s="294"/>
      <c r="BJ145" s="294"/>
      <c r="BK145" s="294"/>
      <c r="BL145" s="294"/>
      <c r="BM145" s="294"/>
      <c r="BN145" s="294"/>
      <c r="BO145" s="294"/>
      <c r="BP145" s="294"/>
      <c r="BQ145" s="294"/>
      <c r="BR145" s="294"/>
      <c r="BS145" s="294"/>
      <c r="BT145" s="294"/>
      <c r="BU145" s="294"/>
      <c r="BV145" s="294"/>
      <c r="BW145" s="294"/>
      <c r="BX145" s="294"/>
      <c r="BY145" s="294"/>
      <c r="BZ145" s="294"/>
      <c r="CA145" s="294"/>
      <c r="CB145" s="294"/>
      <c r="CC145" s="294"/>
      <c r="CD145" s="294"/>
      <c r="CE145" s="294"/>
      <c r="CF145" s="294"/>
      <c r="CG145" s="294"/>
      <c r="CH145" s="294"/>
      <c r="CI145" s="294"/>
      <c r="CJ145" s="294"/>
      <c r="CK145" s="294"/>
      <c r="CL145" s="294"/>
      <c r="CM145" s="294"/>
      <c r="CN145" s="294"/>
      <c r="CO145" s="294"/>
      <c r="CP145" s="294"/>
      <c r="CQ145" s="294"/>
      <c r="CR145" s="294"/>
      <c r="CS145" s="294"/>
      <c r="CT145" s="294"/>
      <c r="CU145" s="294"/>
      <c r="CV145" s="294"/>
      <c r="CW145" s="294"/>
      <c r="CX145" s="294"/>
      <c r="CY145" s="294"/>
      <c r="CZ145" s="294"/>
      <c r="DA145" s="294"/>
      <c r="DB145" s="294"/>
      <c r="DC145" s="294"/>
      <c r="DD145" s="294"/>
      <c r="DE145" s="294"/>
      <c r="DF145" s="294"/>
      <c r="DG145" s="294"/>
      <c r="DH145" s="294"/>
      <c r="DI145" s="294"/>
      <c r="DJ145" s="294"/>
      <c r="DK145" s="294"/>
      <c r="DL145" s="294"/>
      <c r="DM145" s="294"/>
      <c r="DN145" s="294"/>
      <c r="DO145" s="294"/>
      <c r="DP145" s="294"/>
      <c r="DQ145" s="294"/>
      <c r="DR145" s="294"/>
      <c r="DS145" s="294"/>
      <c r="DT145" s="294"/>
      <c r="DU145" s="294"/>
      <c r="DV145" s="294"/>
      <c r="DW145" s="294"/>
      <c r="DX145" s="294"/>
      <c r="DY145" s="294"/>
      <c r="DZ145" s="294"/>
      <c r="EA145" s="294"/>
      <c r="EB145" s="294"/>
      <c r="EC145" s="294"/>
      <c r="ED145" s="294"/>
      <c r="EE145" s="294"/>
      <c r="EF145" s="294"/>
      <c r="EG145" s="294"/>
      <c r="EH145" s="294"/>
      <c r="EI145" s="294"/>
      <c r="EJ145" s="294"/>
      <c r="EK145" s="294"/>
      <c r="EL145" s="294"/>
      <c r="EM145" s="294"/>
      <c r="EN145" s="294"/>
      <c r="EO145" s="294"/>
      <c r="EP145" s="294"/>
      <c r="EQ145" s="294"/>
      <c r="ER145" s="294"/>
      <c r="ES145" s="294"/>
      <c r="ET145" s="294"/>
      <c r="EU145" s="294"/>
      <c r="EV145" s="294"/>
      <c r="EW145" s="294"/>
      <c r="EX145" s="294"/>
      <c r="EY145" s="294"/>
      <c r="EZ145" s="294"/>
      <c r="FA145" s="294"/>
      <c r="FB145" s="294"/>
      <c r="FC145" s="294"/>
      <c r="FD145" s="294"/>
      <c r="FE145" s="294"/>
      <c r="FF145" s="294"/>
      <c r="FG145" s="294"/>
      <c r="FH145" s="294"/>
      <c r="FI145" s="294"/>
      <c r="FJ145" s="294"/>
      <c r="FK145" s="294"/>
      <c r="FL145" s="294"/>
      <c r="FM145" s="294"/>
      <c r="FN145" s="294"/>
      <c r="FO145" s="294"/>
      <c r="FP145" s="294"/>
      <c r="FQ145" s="294"/>
      <c r="FR145" s="294"/>
      <c r="FS145" s="294"/>
      <c r="FT145" s="294"/>
      <c r="FU145" s="294"/>
      <c r="FV145" s="294"/>
      <c r="FW145" s="294"/>
      <c r="FX145" s="294"/>
      <c r="FY145" s="294"/>
      <c r="FZ145" s="294"/>
      <c r="GA145" s="294"/>
      <c r="GB145" s="294"/>
      <c r="GC145" s="294"/>
      <c r="GD145" s="294"/>
      <c r="GE145" s="294"/>
      <c r="GF145" s="294"/>
      <c r="GG145" s="294"/>
      <c r="GH145" s="294"/>
      <c r="GI145" s="294"/>
      <c r="GJ145" s="294"/>
      <c r="GK145" s="294"/>
    </row>
    <row r="146" spans="1:193" s="227" customFormat="1" ht="66" customHeight="1">
      <c r="A146" s="492" t="s">
        <v>561</v>
      </c>
      <c r="B146" s="222" t="s">
        <v>562</v>
      </c>
      <c r="C146" s="457" t="s">
        <v>563</v>
      </c>
      <c r="D146" s="458"/>
      <c r="E146" s="281"/>
      <c r="F146" s="282" t="s">
        <v>479</v>
      </c>
      <c r="G146" s="234" t="s">
        <v>564</v>
      </c>
      <c r="H146" s="226"/>
      <c r="I146" s="226"/>
      <c r="J146" s="226"/>
      <c r="K146" s="226"/>
      <c r="L146" s="226"/>
      <c r="M146" s="226"/>
      <c r="N146" s="226"/>
      <c r="O146" s="226"/>
      <c r="P146" s="226"/>
      <c r="Q146" s="226"/>
      <c r="R146" s="226"/>
      <c r="S146" s="226"/>
      <c r="T146" s="226"/>
      <c r="U146" s="226"/>
      <c r="V146" s="226"/>
      <c r="W146" s="226"/>
      <c r="X146" s="226"/>
      <c r="Y146" s="226"/>
      <c r="Z146" s="226"/>
      <c r="AA146" s="226"/>
      <c r="AB146" s="226"/>
      <c r="AC146" s="226"/>
      <c r="AD146" s="226"/>
      <c r="AE146" s="226"/>
      <c r="AF146" s="226"/>
      <c r="AG146" s="226"/>
      <c r="AH146" s="226"/>
      <c r="AI146" s="226"/>
      <c r="AJ146" s="226"/>
      <c r="AK146" s="226"/>
      <c r="AL146" s="226"/>
      <c r="AM146" s="226"/>
      <c r="AN146" s="226"/>
      <c r="AO146" s="226"/>
      <c r="AP146" s="226"/>
      <c r="AQ146" s="226"/>
      <c r="AR146" s="226"/>
      <c r="AS146" s="226"/>
      <c r="AT146" s="226"/>
      <c r="AU146" s="226"/>
      <c r="AV146" s="226"/>
      <c r="AW146" s="226"/>
      <c r="AX146" s="226"/>
      <c r="AY146" s="226"/>
      <c r="AZ146" s="226"/>
      <c r="BA146" s="226"/>
      <c r="BB146" s="226"/>
      <c r="BC146" s="226"/>
      <c r="BD146" s="226"/>
      <c r="BE146" s="226"/>
      <c r="BF146" s="226"/>
      <c r="BG146" s="226"/>
      <c r="BH146" s="226"/>
      <c r="BI146" s="226"/>
      <c r="BJ146" s="226"/>
      <c r="BK146" s="226"/>
      <c r="BL146" s="226"/>
      <c r="BM146" s="226"/>
      <c r="BN146" s="226"/>
      <c r="BO146" s="226"/>
      <c r="BP146" s="226"/>
      <c r="BQ146" s="226"/>
      <c r="BR146" s="226"/>
      <c r="BS146" s="226"/>
      <c r="BT146" s="226"/>
      <c r="BU146" s="226"/>
      <c r="BV146" s="226"/>
      <c r="BW146" s="226"/>
      <c r="BX146" s="226"/>
      <c r="BY146" s="226"/>
      <c r="BZ146" s="226"/>
      <c r="CA146" s="226"/>
      <c r="CB146" s="226"/>
      <c r="CC146" s="226"/>
      <c r="CD146" s="226"/>
      <c r="CE146" s="226"/>
      <c r="CF146" s="226"/>
      <c r="CG146" s="226"/>
      <c r="CH146" s="226"/>
      <c r="CI146" s="226"/>
      <c r="CJ146" s="226"/>
      <c r="CK146" s="226"/>
      <c r="CL146" s="226"/>
      <c r="CM146" s="226"/>
      <c r="CN146" s="226"/>
      <c r="CO146" s="226"/>
      <c r="CP146" s="226"/>
      <c r="CQ146" s="226"/>
      <c r="CR146" s="226"/>
      <c r="CS146" s="226"/>
      <c r="CT146" s="226"/>
      <c r="CU146" s="226"/>
      <c r="CV146" s="226"/>
      <c r="CW146" s="226"/>
      <c r="CX146" s="226"/>
      <c r="CY146" s="226"/>
      <c r="CZ146" s="226"/>
      <c r="DA146" s="226"/>
      <c r="DB146" s="226"/>
      <c r="DC146" s="226"/>
      <c r="DD146" s="226"/>
      <c r="DE146" s="226"/>
      <c r="DF146" s="226"/>
      <c r="DG146" s="226"/>
      <c r="DH146" s="226"/>
      <c r="DI146" s="226"/>
      <c r="DJ146" s="226"/>
      <c r="DK146" s="226"/>
      <c r="DL146" s="226"/>
      <c r="DM146" s="226"/>
      <c r="DN146" s="226"/>
      <c r="DO146" s="226"/>
      <c r="DP146" s="226"/>
      <c r="DQ146" s="226"/>
      <c r="DR146" s="226"/>
      <c r="DS146" s="226"/>
      <c r="DT146" s="226"/>
      <c r="DU146" s="226"/>
      <c r="DV146" s="226"/>
      <c r="DW146" s="226"/>
      <c r="DX146" s="226"/>
      <c r="DY146" s="226"/>
      <c r="DZ146" s="226"/>
      <c r="EA146" s="226"/>
      <c r="EB146" s="226"/>
      <c r="EC146" s="226"/>
      <c r="ED146" s="226"/>
      <c r="EE146" s="226"/>
      <c r="EF146" s="226"/>
      <c r="EG146" s="226"/>
      <c r="EH146" s="226"/>
      <c r="EI146" s="226"/>
      <c r="EJ146" s="226"/>
      <c r="EK146" s="226"/>
      <c r="EL146" s="226"/>
      <c r="EM146" s="226"/>
      <c r="EN146" s="226"/>
      <c r="EO146" s="226"/>
      <c r="EP146" s="226"/>
      <c r="EQ146" s="226"/>
      <c r="ER146" s="226"/>
      <c r="ES146" s="226"/>
      <c r="ET146" s="226"/>
      <c r="EU146" s="226"/>
      <c r="EV146" s="226"/>
      <c r="EW146" s="226"/>
      <c r="EX146" s="226"/>
      <c r="EY146" s="226"/>
      <c r="EZ146" s="226"/>
      <c r="FA146" s="226"/>
      <c r="FB146" s="226"/>
      <c r="FC146" s="226"/>
      <c r="FD146" s="226"/>
      <c r="FE146" s="226"/>
      <c r="FF146" s="226"/>
      <c r="FG146" s="226"/>
      <c r="FH146" s="226"/>
      <c r="FI146" s="226"/>
      <c r="FJ146" s="226"/>
      <c r="FK146" s="226"/>
      <c r="FL146" s="226"/>
      <c r="FM146" s="226"/>
      <c r="FN146" s="226"/>
      <c r="FO146" s="226"/>
      <c r="FP146" s="226"/>
      <c r="FQ146" s="226"/>
      <c r="FR146" s="226"/>
      <c r="FS146" s="226"/>
      <c r="FT146" s="226"/>
      <c r="FU146" s="226"/>
      <c r="FV146" s="226"/>
      <c r="FW146" s="226"/>
      <c r="FX146" s="226"/>
      <c r="FY146" s="226"/>
      <c r="FZ146" s="226"/>
      <c r="GA146" s="226"/>
      <c r="GB146" s="226"/>
      <c r="GC146" s="226"/>
      <c r="GD146" s="226"/>
      <c r="GE146" s="226"/>
      <c r="GF146" s="226"/>
      <c r="GG146" s="226"/>
      <c r="GH146" s="226"/>
      <c r="GI146" s="226"/>
      <c r="GJ146" s="226"/>
      <c r="GK146" s="226"/>
    </row>
    <row r="147" spans="1:193" s="227" customFormat="1" ht="66" customHeight="1">
      <c r="A147" s="495"/>
      <c r="B147" s="228"/>
      <c r="C147" s="496" t="s">
        <v>565</v>
      </c>
      <c r="D147" s="497"/>
      <c r="E147" s="291"/>
      <c r="F147" s="292" t="s">
        <v>479</v>
      </c>
      <c r="G147" s="296"/>
      <c r="H147" s="226"/>
      <c r="I147" s="226"/>
      <c r="J147" s="226"/>
      <c r="K147" s="226"/>
      <c r="L147" s="226"/>
      <c r="M147" s="226"/>
      <c r="N147" s="226"/>
      <c r="O147" s="226"/>
      <c r="P147" s="226"/>
      <c r="Q147" s="226"/>
      <c r="R147" s="226"/>
      <c r="S147" s="226"/>
      <c r="T147" s="226"/>
      <c r="U147" s="226"/>
      <c r="V147" s="226"/>
      <c r="W147" s="226"/>
      <c r="X147" s="226"/>
      <c r="Y147" s="226"/>
      <c r="Z147" s="226"/>
      <c r="AA147" s="226"/>
      <c r="AB147" s="226"/>
      <c r="AC147" s="226"/>
      <c r="AD147" s="226"/>
      <c r="AE147" s="226"/>
      <c r="AF147" s="226"/>
      <c r="AG147" s="226"/>
      <c r="AH147" s="226"/>
      <c r="AI147" s="226"/>
      <c r="AJ147" s="226"/>
      <c r="AK147" s="226"/>
      <c r="AL147" s="226"/>
      <c r="AM147" s="226"/>
      <c r="AN147" s="226"/>
      <c r="AO147" s="226"/>
      <c r="AP147" s="226"/>
      <c r="AQ147" s="226"/>
      <c r="AR147" s="226"/>
      <c r="AS147" s="226"/>
      <c r="AT147" s="226"/>
      <c r="AU147" s="226"/>
      <c r="AV147" s="226"/>
      <c r="AW147" s="226"/>
      <c r="AX147" s="226"/>
      <c r="AY147" s="226"/>
      <c r="AZ147" s="226"/>
      <c r="BA147" s="226"/>
      <c r="BB147" s="226"/>
      <c r="BC147" s="226"/>
      <c r="BD147" s="226"/>
      <c r="BE147" s="226"/>
      <c r="BF147" s="226"/>
      <c r="BG147" s="226"/>
      <c r="BH147" s="226"/>
      <c r="BI147" s="226"/>
      <c r="BJ147" s="226"/>
      <c r="BK147" s="226"/>
      <c r="BL147" s="226"/>
      <c r="BM147" s="226"/>
      <c r="BN147" s="226"/>
      <c r="BO147" s="226"/>
      <c r="BP147" s="226"/>
      <c r="BQ147" s="226"/>
      <c r="BR147" s="226"/>
      <c r="BS147" s="226"/>
      <c r="BT147" s="226"/>
      <c r="BU147" s="226"/>
      <c r="BV147" s="226"/>
      <c r="BW147" s="226"/>
      <c r="BX147" s="226"/>
      <c r="BY147" s="226"/>
      <c r="BZ147" s="226"/>
      <c r="CA147" s="226"/>
      <c r="CB147" s="226"/>
      <c r="CC147" s="226"/>
      <c r="CD147" s="226"/>
      <c r="CE147" s="226"/>
      <c r="CF147" s="226"/>
      <c r="CG147" s="226"/>
      <c r="CH147" s="226"/>
      <c r="CI147" s="226"/>
      <c r="CJ147" s="226"/>
      <c r="CK147" s="226"/>
      <c r="CL147" s="226"/>
      <c r="CM147" s="226"/>
      <c r="CN147" s="226"/>
      <c r="CO147" s="226"/>
      <c r="CP147" s="226"/>
      <c r="CQ147" s="226"/>
      <c r="CR147" s="226"/>
      <c r="CS147" s="226"/>
      <c r="CT147" s="226"/>
      <c r="CU147" s="226"/>
      <c r="CV147" s="226"/>
      <c r="CW147" s="226"/>
      <c r="CX147" s="226"/>
      <c r="CY147" s="226"/>
      <c r="CZ147" s="226"/>
      <c r="DA147" s="226"/>
      <c r="DB147" s="226"/>
      <c r="DC147" s="226"/>
      <c r="DD147" s="226"/>
      <c r="DE147" s="226"/>
      <c r="DF147" s="226"/>
      <c r="DG147" s="226"/>
      <c r="DH147" s="226"/>
      <c r="DI147" s="226"/>
      <c r="DJ147" s="226"/>
      <c r="DK147" s="226"/>
      <c r="DL147" s="226"/>
      <c r="DM147" s="226"/>
      <c r="DN147" s="226"/>
      <c r="DO147" s="226"/>
      <c r="DP147" s="226"/>
      <c r="DQ147" s="226"/>
      <c r="DR147" s="226"/>
      <c r="DS147" s="226"/>
      <c r="DT147" s="226"/>
      <c r="DU147" s="226"/>
      <c r="DV147" s="226"/>
      <c r="DW147" s="226"/>
      <c r="DX147" s="226"/>
      <c r="DY147" s="226"/>
      <c r="DZ147" s="226"/>
      <c r="EA147" s="226"/>
      <c r="EB147" s="226"/>
      <c r="EC147" s="226"/>
      <c r="ED147" s="226"/>
      <c r="EE147" s="226"/>
      <c r="EF147" s="226"/>
      <c r="EG147" s="226"/>
      <c r="EH147" s="226"/>
      <c r="EI147" s="226"/>
      <c r="EJ147" s="226"/>
      <c r="EK147" s="226"/>
      <c r="EL147" s="226"/>
      <c r="EM147" s="226"/>
      <c r="EN147" s="226"/>
      <c r="EO147" s="226"/>
      <c r="EP147" s="226"/>
      <c r="EQ147" s="226"/>
      <c r="ER147" s="226"/>
      <c r="ES147" s="226"/>
      <c r="ET147" s="226"/>
      <c r="EU147" s="226"/>
      <c r="EV147" s="226"/>
      <c r="EW147" s="226"/>
      <c r="EX147" s="226"/>
      <c r="EY147" s="226"/>
      <c r="EZ147" s="226"/>
      <c r="FA147" s="226"/>
      <c r="FB147" s="226"/>
      <c r="FC147" s="226"/>
      <c r="FD147" s="226"/>
      <c r="FE147" s="226"/>
      <c r="FF147" s="226"/>
      <c r="FG147" s="226"/>
      <c r="FH147" s="226"/>
      <c r="FI147" s="226"/>
      <c r="FJ147" s="226"/>
      <c r="FK147" s="226"/>
      <c r="FL147" s="226"/>
      <c r="FM147" s="226"/>
      <c r="FN147" s="226"/>
      <c r="FO147" s="226"/>
      <c r="FP147" s="226"/>
      <c r="FQ147" s="226"/>
      <c r="FR147" s="226"/>
      <c r="FS147" s="226"/>
      <c r="FT147" s="226"/>
      <c r="FU147" s="226"/>
      <c r="FV147" s="226"/>
      <c r="FW147" s="226"/>
      <c r="FX147" s="226"/>
      <c r="FY147" s="226"/>
      <c r="FZ147" s="226"/>
      <c r="GA147" s="226"/>
      <c r="GB147" s="226"/>
      <c r="GC147" s="226"/>
      <c r="GD147" s="226"/>
      <c r="GE147" s="226"/>
      <c r="GF147" s="226"/>
      <c r="GG147" s="226"/>
      <c r="GH147" s="226"/>
      <c r="GI147" s="226"/>
      <c r="GJ147" s="226"/>
      <c r="GK147" s="226"/>
    </row>
    <row r="148" spans="1:193" ht="105" customHeight="1">
      <c r="A148" s="297" t="s">
        <v>566</v>
      </c>
      <c r="B148" s="297" t="s">
        <v>363</v>
      </c>
      <c r="C148" s="483" t="s">
        <v>567</v>
      </c>
      <c r="D148" s="484"/>
      <c r="E148" s="298"/>
      <c r="F148" s="299" t="s">
        <v>344</v>
      </c>
      <c r="G148" s="300" t="s">
        <v>568</v>
      </c>
    </row>
    <row r="149" spans="1:193" ht="49.5" customHeight="1">
      <c r="A149" s="250" t="s">
        <v>569</v>
      </c>
      <c r="B149" s="250" t="s">
        <v>363</v>
      </c>
      <c r="C149" s="483" t="s">
        <v>570</v>
      </c>
      <c r="D149" s="484"/>
      <c r="E149" s="252"/>
      <c r="F149" s="253" t="s">
        <v>344</v>
      </c>
      <c r="G149" s="300" t="s">
        <v>568</v>
      </c>
    </row>
    <row r="150" spans="1:193" ht="36" customHeight="1">
      <c r="A150" s="503" t="s">
        <v>571</v>
      </c>
      <c r="B150" s="301" t="s">
        <v>562</v>
      </c>
      <c r="C150" s="506" t="s">
        <v>572</v>
      </c>
      <c r="D150" s="507"/>
      <c r="E150" s="508"/>
      <c r="F150" s="510" t="s">
        <v>573</v>
      </c>
      <c r="G150" s="302" t="s">
        <v>574</v>
      </c>
    </row>
    <row r="151" spans="1:193" ht="36" customHeight="1">
      <c r="A151" s="504"/>
      <c r="B151" s="303"/>
      <c r="C151" s="498" t="s">
        <v>575</v>
      </c>
      <c r="D151" s="499"/>
      <c r="E151" s="509"/>
      <c r="F151" s="511"/>
      <c r="G151" s="304" t="s">
        <v>576</v>
      </c>
    </row>
    <row r="152" spans="1:193" ht="21.75" customHeight="1">
      <c r="A152" s="505"/>
      <c r="B152" s="305"/>
      <c r="C152" s="512" t="s">
        <v>577</v>
      </c>
      <c r="D152" s="513"/>
      <c r="E152" s="236"/>
      <c r="F152" s="237" t="s">
        <v>344</v>
      </c>
      <c r="G152" s="259" t="s">
        <v>349</v>
      </c>
    </row>
    <row r="153" spans="1:193" ht="36" customHeight="1">
      <c r="A153" s="504" t="s">
        <v>578</v>
      </c>
      <c r="B153" s="303" t="s">
        <v>363</v>
      </c>
      <c r="C153" s="520" t="s">
        <v>579</v>
      </c>
      <c r="D153" s="521"/>
      <c r="E153" s="239"/>
      <c r="F153" s="240" t="s">
        <v>580</v>
      </c>
      <c r="G153" s="302" t="s">
        <v>574</v>
      </c>
    </row>
    <row r="154" spans="1:193" ht="21.75" customHeight="1">
      <c r="A154" s="505"/>
      <c r="B154" s="305"/>
      <c r="C154" s="512" t="s">
        <v>581</v>
      </c>
      <c r="D154" s="513"/>
      <c r="E154" s="236"/>
      <c r="F154" s="237" t="s">
        <v>344</v>
      </c>
      <c r="G154" s="259" t="s">
        <v>349</v>
      </c>
    </row>
    <row r="155" spans="1:193" ht="36" customHeight="1">
      <c r="A155" s="503" t="s">
        <v>582</v>
      </c>
      <c r="B155" s="301" t="s">
        <v>363</v>
      </c>
      <c r="C155" s="522" t="s">
        <v>583</v>
      </c>
      <c r="D155" s="523"/>
      <c r="E155" s="524"/>
      <c r="F155" s="514" t="s">
        <v>573</v>
      </c>
      <c r="G155" s="302" t="s">
        <v>574</v>
      </c>
    </row>
    <row r="156" spans="1:193" ht="21.75" customHeight="1">
      <c r="A156" s="504"/>
      <c r="B156" s="303"/>
      <c r="C156" s="516" t="s">
        <v>584</v>
      </c>
      <c r="D156" s="517"/>
      <c r="E156" s="525"/>
      <c r="F156" s="515"/>
      <c r="G156" s="306" t="s">
        <v>585</v>
      </c>
    </row>
    <row r="157" spans="1:193" ht="21.75" customHeight="1">
      <c r="A157" s="505"/>
      <c r="B157" s="305"/>
      <c r="C157" s="518" t="s">
        <v>577</v>
      </c>
      <c r="D157" s="519"/>
      <c r="E157" s="307"/>
      <c r="F157" s="308" t="s">
        <v>344</v>
      </c>
      <c r="G157" s="259" t="s">
        <v>586</v>
      </c>
    </row>
    <row r="158" spans="1:193" ht="36" customHeight="1">
      <c r="A158" s="503" t="s">
        <v>587</v>
      </c>
      <c r="B158" s="301" t="s">
        <v>363</v>
      </c>
      <c r="C158" s="506" t="s">
        <v>588</v>
      </c>
      <c r="D158" s="507"/>
      <c r="E158" s="232"/>
      <c r="F158" s="233" t="s">
        <v>344</v>
      </c>
      <c r="G158" s="302" t="s">
        <v>589</v>
      </c>
    </row>
    <row r="159" spans="1:193" ht="21.75" customHeight="1">
      <c r="A159" s="505"/>
      <c r="B159" s="305"/>
      <c r="C159" s="512" t="s">
        <v>581</v>
      </c>
      <c r="D159" s="513"/>
      <c r="E159" s="236"/>
      <c r="F159" s="237" t="s">
        <v>344</v>
      </c>
      <c r="G159" s="259" t="s">
        <v>349</v>
      </c>
    </row>
    <row r="160" spans="1:193" ht="36" customHeight="1">
      <c r="A160" s="503" t="s">
        <v>590</v>
      </c>
      <c r="B160" s="301" t="s">
        <v>363</v>
      </c>
      <c r="C160" s="506" t="s">
        <v>591</v>
      </c>
      <c r="D160" s="507"/>
      <c r="E160" s="232"/>
      <c r="F160" s="233" t="s">
        <v>344</v>
      </c>
      <c r="G160" s="302" t="s">
        <v>592</v>
      </c>
    </row>
    <row r="161" spans="1:193" ht="21.75" customHeight="1">
      <c r="A161" s="505"/>
      <c r="B161" s="303"/>
      <c r="C161" s="512" t="s">
        <v>581</v>
      </c>
      <c r="D161" s="513"/>
      <c r="E161" s="236"/>
      <c r="F161" s="237" t="s">
        <v>344</v>
      </c>
      <c r="G161" s="259" t="s">
        <v>349</v>
      </c>
    </row>
    <row r="162" spans="1:193" s="312" customFormat="1" ht="33.75" customHeight="1">
      <c r="A162" s="529" t="s">
        <v>593</v>
      </c>
      <c r="B162" s="301" t="s">
        <v>363</v>
      </c>
      <c r="C162" s="506" t="s">
        <v>594</v>
      </c>
      <c r="D162" s="507"/>
      <c r="E162" s="309"/>
      <c r="F162" s="233" t="s">
        <v>513</v>
      </c>
      <c r="G162" s="310" t="s">
        <v>595</v>
      </c>
      <c r="H162" s="311"/>
      <c r="I162" s="311"/>
      <c r="J162" s="311"/>
      <c r="K162" s="311"/>
      <c r="L162" s="311"/>
      <c r="M162" s="311"/>
      <c r="N162" s="311"/>
      <c r="O162" s="311"/>
      <c r="P162" s="311"/>
      <c r="Q162" s="311"/>
      <c r="R162" s="311"/>
      <c r="S162" s="311"/>
      <c r="T162" s="311"/>
      <c r="U162" s="311"/>
      <c r="V162" s="311"/>
      <c r="W162" s="311"/>
      <c r="X162" s="311"/>
      <c r="Y162" s="311"/>
      <c r="Z162" s="311"/>
      <c r="AA162" s="311"/>
      <c r="AB162" s="311"/>
      <c r="AC162" s="311"/>
      <c r="AD162" s="311"/>
      <c r="AE162" s="311"/>
      <c r="AF162" s="311"/>
      <c r="AG162" s="311"/>
      <c r="AH162" s="311"/>
      <c r="AI162" s="311"/>
      <c r="AJ162" s="311"/>
      <c r="AK162" s="311"/>
      <c r="AL162" s="311"/>
      <c r="AM162" s="311"/>
      <c r="AN162" s="311"/>
      <c r="AO162" s="311"/>
      <c r="AP162" s="311"/>
      <c r="AQ162" s="311"/>
      <c r="AR162" s="311"/>
      <c r="AS162" s="311"/>
      <c r="AT162" s="311"/>
      <c r="AU162" s="311"/>
      <c r="AV162" s="311"/>
      <c r="AW162" s="311"/>
      <c r="AX162" s="311"/>
      <c r="AY162" s="311"/>
      <c r="AZ162" s="311"/>
      <c r="BA162" s="311"/>
      <c r="BB162" s="311"/>
      <c r="BC162" s="311"/>
      <c r="BD162" s="311"/>
      <c r="BE162" s="311"/>
      <c r="BF162" s="311"/>
      <c r="BG162" s="311"/>
      <c r="BH162" s="311"/>
      <c r="BI162" s="311"/>
      <c r="BJ162" s="311"/>
      <c r="BK162" s="311"/>
      <c r="BL162" s="311"/>
      <c r="BM162" s="311"/>
      <c r="BN162" s="311"/>
      <c r="BO162" s="311"/>
      <c r="BP162" s="311"/>
      <c r="BQ162" s="311"/>
      <c r="BR162" s="311"/>
      <c r="BS162" s="311"/>
      <c r="BT162" s="311"/>
      <c r="BU162" s="311"/>
      <c r="BV162" s="311"/>
      <c r="BW162" s="311"/>
      <c r="BX162" s="311"/>
      <c r="BY162" s="311"/>
      <c r="BZ162" s="311"/>
      <c r="CA162" s="311"/>
      <c r="CB162" s="311"/>
      <c r="CC162" s="311"/>
      <c r="CD162" s="311"/>
      <c r="CE162" s="311"/>
      <c r="CF162" s="311"/>
      <c r="CG162" s="311"/>
      <c r="CH162" s="311"/>
      <c r="CI162" s="311"/>
      <c r="CJ162" s="311"/>
      <c r="CK162" s="311"/>
      <c r="CL162" s="311"/>
      <c r="CM162" s="311"/>
      <c r="CN162" s="311"/>
      <c r="CO162" s="311"/>
      <c r="CP162" s="311"/>
      <c r="CQ162" s="311"/>
      <c r="CR162" s="311"/>
      <c r="CS162" s="311"/>
      <c r="CT162" s="311"/>
      <c r="CU162" s="311"/>
      <c r="CV162" s="311"/>
      <c r="CW162" s="311"/>
      <c r="CX162" s="311"/>
      <c r="CY162" s="311"/>
      <c r="CZ162" s="311"/>
      <c r="DA162" s="311"/>
      <c r="DB162" s="311"/>
      <c r="DC162" s="311"/>
      <c r="DD162" s="311"/>
      <c r="DE162" s="311"/>
      <c r="DF162" s="311"/>
      <c r="DG162" s="311"/>
      <c r="DH162" s="311"/>
      <c r="DI162" s="311"/>
      <c r="DJ162" s="311"/>
      <c r="DK162" s="311"/>
      <c r="DL162" s="311"/>
      <c r="DM162" s="311"/>
      <c r="DN162" s="311"/>
      <c r="DO162" s="311"/>
      <c r="DP162" s="311"/>
      <c r="DQ162" s="311"/>
      <c r="DR162" s="311"/>
      <c r="DS162" s="311"/>
      <c r="DT162" s="311"/>
      <c r="DU162" s="311"/>
      <c r="DV162" s="311"/>
      <c r="DW162" s="311"/>
      <c r="DX162" s="311"/>
      <c r="DY162" s="311"/>
      <c r="DZ162" s="311"/>
      <c r="EA162" s="311"/>
      <c r="EB162" s="311"/>
      <c r="EC162" s="311"/>
      <c r="ED162" s="311"/>
      <c r="EE162" s="311"/>
      <c r="EF162" s="311"/>
      <c r="EG162" s="311"/>
      <c r="EH162" s="311"/>
      <c r="EI162" s="311"/>
      <c r="EJ162" s="311"/>
      <c r="EK162" s="311"/>
      <c r="EL162" s="311"/>
      <c r="EM162" s="311"/>
      <c r="EN162" s="311"/>
      <c r="EO162" s="311"/>
      <c r="EP162" s="311"/>
      <c r="EQ162" s="311"/>
      <c r="ER162" s="311"/>
      <c r="ES162" s="311"/>
      <c r="ET162" s="311"/>
      <c r="EU162" s="311"/>
      <c r="EV162" s="311"/>
      <c r="EW162" s="311"/>
      <c r="EX162" s="311"/>
      <c r="EY162" s="311"/>
      <c r="EZ162" s="311"/>
      <c r="FA162" s="311"/>
      <c r="FB162" s="311"/>
      <c r="FC162" s="311"/>
      <c r="FD162" s="311"/>
      <c r="FE162" s="311"/>
      <c r="FF162" s="311"/>
      <c r="FG162" s="311"/>
      <c r="FH162" s="311"/>
      <c r="FI162" s="311"/>
      <c r="FJ162" s="311"/>
      <c r="FK162" s="311"/>
      <c r="FL162" s="311"/>
      <c r="FM162" s="311"/>
      <c r="FN162" s="311"/>
      <c r="FO162" s="311"/>
      <c r="FP162" s="311"/>
      <c r="FQ162" s="311"/>
      <c r="FR162" s="311"/>
      <c r="FS162" s="311"/>
      <c r="FT162" s="311"/>
      <c r="FU162" s="311"/>
      <c r="FV162" s="311"/>
      <c r="FW162" s="311"/>
      <c r="FX162" s="311"/>
      <c r="FY162" s="311"/>
      <c r="FZ162" s="311"/>
      <c r="GA162" s="311"/>
      <c r="GB162" s="311"/>
      <c r="GC162" s="311"/>
      <c r="GD162" s="311"/>
      <c r="GE162" s="311"/>
      <c r="GF162" s="311"/>
      <c r="GG162" s="311"/>
      <c r="GH162" s="311"/>
      <c r="GI162" s="311"/>
      <c r="GJ162" s="311"/>
      <c r="GK162" s="311"/>
    </row>
    <row r="163" spans="1:193" s="312" customFormat="1" ht="21.75" customHeight="1">
      <c r="A163" s="527"/>
      <c r="B163" s="303"/>
      <c r="C163" s="498" t="s">
        <v>596</v>
      </c>
      <c r="D163" s="499"/>
      <c r="E163" s="313"/>
      <c r="F163" s="224" t="s">
        <v>513</v>
      </c>
      <c r="G163" s="287" t="s">
        <v>597</v>
      </c>
      <c r="H163" s="311"/>
      <c r="I163" s="311"/>
      <c r="J163" s="311"/>
      <c r="K163" s="311"/>
      <c r="L163" s="311"/>
      <c r="M163" s="311"/>
      <c r="N163" s="311"/>
      <c r="O163" s="311"/>
      <c r="P163" s="311"/>
      <c r="Q163" s="311"/>
      <c r="R163" s="311"/>
      <c r="S163" s="311"/>
      <c r="T163" s="311"/>
      <c r="U163" s="311"/>
      <c r="V163" s="311"/>
      <c r="W163" s="311"/>
      <c r="X163" s="311"/>
      <c r="Y163" s="311"/>
      <c r="Z163" s="311"/>
      <c r="AA163" s="311"/>
      <c r="AB163" s="311"/>
      <c r="AC163" s="311"/>
      <c r="AD163" s="311"/>
      <c r="AE163" s="311"/>
      <c r="AF163" s="311"/>
      <c r="AG163" s="311"/>
      <c r="AH163" s="311"/>
      <c r="AI163" s="311"/>
      <c r="AJ163" s="311"/>
      <c r="AK163" s="311"/>
      <c r="AL163" s="311"/>
      <c r="AM163" s="311"/>
      <c r="AN163" s="311"/>
      <c r="AO163" s="311"/>
      <c r="AP163" s="311"/>
      <c r="AQ163" s="311"/>
      <c r="AR163" s="311"/>
      <c r="AS163" s="311"/>
      <c r="AT163" s="311"/>
      <c r="AU163" s="311"/>
      <c r="AV163" s="311"/>
      <c r="AW163" s="311"/>
      <c r="AX163" s="311"/>
      <c r="AY163" s="311"/>
      <c r="AZ163" s="311"/>
      <c r="BA163" s="311"/>
      <c r="BB163" s="311"/>
      <c r="BC163" s="311"/>
      <c r="BD163" s="311"/>
      <c r="BE163" s="311"/>
      <c r="BF163" s="311"/>
      <c r="BG163" s="311"/>
      <c r="BH163" s="311"/>
      <c r="BI163" s="311"/>
      <c r="BJ163" s="311"/>
      <c r="BK163" s="311"/>
      <c r="BL163" s="311"/>
      <c r="BM163" s="311"/>
      <c r="BN163" s="311"/>
      <c r="BO163" s="311"/>
      <c r="BP163" s="311"/>
      <c r="BQ163" s="311"/>
      <c r="BR163" s="311"/>
      <c r="BS163" s="311"/>
      <c r="BT163" s="311"/>
      <c r="BU163" s="311"/>
      <c r="BV163" s="311"/>
      <c r="BW163" s="311"/>
      <c r="BX163" s="311"/>
      <c r="BY163" s="311"/>
      <c r="BZ163" s="311"/>
      <c r="CA163" s="311"/>
      <c r="CB163" s="311"/>
      <c r="CC163" s="311"/>
      <c r="CD163" s="311"/>
      <c r="CE163" s="311"/>
      <c r="CF163" s="311"/>
      <c r="CG163" s="311"/>
      <c r="CH163" s="311"/>
      <c r="CI163" s="311"/>
      <c r="CJ163" s="311"/>
      <c r="CK163" s="311"/>
      <c r="CL163" s="311"/>
      <c r="CM163" s="311"/>
      <c r="CN163" s="311"/>
      <c r="CO163" s="311"/>
      <c r="CP163" s="311"/>
      <c r="CQ163" s="311"/>
      <c r="CR163" s="311"/>
      <c r="CS163" s="311"/>
      <c r="CT163" s="311"/>
      <c r="CU163" s="311"/>
      <c r="CV163" s="311"/>
      <c r="CW163" s="311"/>
      <c r="CX163" s="311"/>
      <c r="CY163" s="311"/>
      <c r="CZ163" s="311"/>
      <c r="DA163" s="311"/>
      <c r="DB163" s="311"/>
      <c r="DC163" s="311"/>
      <c r="DD163" s="311"/>
      <c r="DE163" s="311"/>
      <c r="DF163" s="311"/>
      <c r="DG163" s="311"/>
      <c r="DH163" s="311"/>
      <c r="DI163" s="311"/>
      <c r="DJ163" s="311"/>
      <c r="DK163" s="311"/>
      <c r="DL163" s="311"/>
      <c r="DM163" s="311"/>
      <c r="DN163" s="311"/>
      <c r="DO163" s="311"/>
      <c r="DP163" s="311"/>
      <c r="DQ163" s="311"/>
      <c r="DR163" s="311"/>
      <c r="DS163" s="311"/>
      <c r="DT163" s="311"/>
      <c r="DU163" s="311"/>
      <c r="DV163" s="311"/>
      <c r="DW163" s="311"/>
      <c r="DX163" s="311"/>
      <c r="DY163" s="311"/>
      <c r="DZ163" s="311"/>
      <c r="EA163" s="311"/>
      <c r="EB163" s="311"/>
      <c r="EC163" s="311"/>
      <c r="ED163" s="311"/>
      <c r="EE163" s="311"/>
      <c r="EF163" s="311"/>
      <c r="EG163" s="311"/>
      <c r="EH163" s="311"/>
      <c r="EI163" s="311"/>
      <c r="EJ163" s="311"/>
      <c r="EK163" s="311"/>
      <c r="EL163" s="311"/>
      <c r="EM163" s="311"/>
      <c r="EN163" s="311"/>
      <c r="EO163" s="311"/>
      <c r="EP163" s="311"/>
      <c r="EQ163" s="311"/>
      <c r="ER163" s="311"/>
      <c r="ES163" s="311"/>
      <c r="ET163" s="311"/>
      <c r="EU163" s="311"/>
      <c r="EV163" s="311"/>
      <c r="EW163" s="311"/>
      <c r="EX163" s="311"/>
      <c r="EY163" s="311"/>
      <c r="EZ163" s="311"/>
      <c r="FA163" s="311"/>
      <c r="FB163" s="311"/>
      <c r="FC163" s="311"/>
      <c r="FD163" s="311"/>
      <c r="FE163" s="311"/>
      <c r="FF163" s="311"/>
      <c r="FG163" s="311"/>
      <c r="FH163" s="311"/>
      <c r="FI163" s="311"/>
      <c r="FJ163" s="311"/>
      <c r="FK163" s="311"/>
      <c r="FL163" s="311"/>
      <c r="FM163" s="311"/>
      <c r="FN163" s="311"/>
      <c r="FO163" s="311"/>
      <c r="FP163" s="311"/>
      <c r="FQ163" s="311"/>
      <c r="FR163" s="311"/>
      <c r="FS163" s="311"/>
      <c r="FT163" s="311"/>
      <c r="FU163" s="311"/>
      <c r="FV163" s="311"/>
      <c r="FW163" s="311"/>
      <c r="FX163" s="311"/>
      <c r="FY163" s="311"/>
      <c r="FZ163" s="311"/>
      <c r="GA163" s="311"/>
      <c r="GB163" s="311"/>
      <c r="GC163" s="311"/>
      <c r="GD163" s="311"/>
      <c r="GE163" s="311"/>
      <c r="GF163" s="311"/>
      <c r="GG163" s="311"/>
      <c r="GH163" s="311"/>
      <c r="GI163" s="311"/>
      <c r="GJ163" s="311"/>
      <c r="GK163" s="311"/>
    </row>
    <row r="164" spans="1:193" s="312" customFormat="1" ht="21.75" customHeight="1">
      <c r="A164" s="527"/>
      <c r="B164" s="303"/>
      <c r="C164" s="498" t="s">
        <v>598</v>
      </c>
      <c r="D164" s="499"/>
      <c r="E164" s="313"/>
      <c r="F164" s="224" t="s">
        <v>513</v>
      </c>
      <c r="G164" s="287" t="s">
        <v>599</v>
      </c>
      <c r="H164" s="311"/>
      <c r="I164" s="311"/>
      <c r="J164" s="311"/>
      <c r="K164" s="311"/>
      <c r="L164" s="311"/>
      <c r="M164" s="311"/>
      <c r="N164" s="311"/>
      <c r="O164" s="311"/>
      <c r="P164" s="311"/>
      <c r="Q164" s="311"/>
      <c r="R164" s="311"/>
      <c r="S164" s="311"/>
      <c r="T164" s="311"/>
      <c r="U164" s="311"/>
      <c r="V164" s="311"/>
      <c r="W164" s="311"/>
      <c r="X164" s="311"/>
      <c r="Y164" s="311"/>
      <c r="Z164" s="311"/>
      <c r="AA164" s="311"/>
      <c r="AB164" s="311"/>
      <c r="AC164" s="311"/>
      <c r="AD164" s="311"/>
      <c r="AE164" s="311"/>
      <c r="AF164" s="311"/>
      <c r="AG164" s="311"/>
      <c r="AH164" s="311"/>
      <c r="AI164" s="311"/>
      <c r="AJ164" s="311"/>
      <c r="AK164" s="311"/>
      <c r="AL164" s="311"/>
      <c r="AM164" s="311"/>
      <c r="AN164" s="311"/>
      <c r="AO164" s="311"/>
      <c r="AP164" s="311"/>
      <c r="AQ164" s="311"/>
      <c r="AR164" s="311"/>
      <c r="AS164" s="311"/>
      <c r="AT164" s="311"/>
      <c r="AU164" s="311"/>
      <c r="AV164" s="311"/>
      <c r="AW164" s="311"/>
      <c r="AX164" s="311"/>
      <c r="AY164" s="311"/>
      <c r="AZ164" s="311"/>
      <c r="BA164" s="311"/>
      <c r="BB164" s="311"/>
      <c r="BC164" s="311"/>
      <c r="BD164" s="311"/>
      <c r="BE164" s="311"/>
      <c r="BF164" s="311"/>
      <c r="BG164" s="311"/>
      <c r="BH164" s="311"/>
      <c r="BI164" s="311"/>
      <c r="BJ164" s="311"/>
      <c r="BK164" s="311"/>
      <c r="BL164" s="311"/>
      <c r="BM164" s="311"/>
      <c r="BN164" s="311"/>
      <c r="BO164" s="311"/>
      <c r="BP164" s="311"/>
      <c r="BQ164" s="311"/>
      <c r="BR164" s="311"/>
      <c r="BS164" s="311"/>
      <c r="BT164" s="311"/>
      <c r="BU164" s="311"/>
      <c r="BV164" s="311"/>
      <c r="BW164" s="311"/>
      <c r="BX164" s="311"/>
      <c r="BY164" s="311"/>
      <c r="BZ164" s="311"/>
      <c r="CA164" s="311"/>
      <c r="CB164" s="311"/>
      <c r="CC164" s="311"/>
      <c r="CD164" s="311"/>
      <c r="CE164" s="311"/>
      <c r="CF164" s="311"/>
      <c r="CG164" s="311"/>
      <c r="CH164" s="311"/>
      <c r="CI164" s="311"/>
      <c r="CJ164" s="311"/>
      <c r="CK164" s="311"/>
      <c r="CL164" s="311"/>
      <c r="CM164" s="311"/>
      <c r="CN164" s="311"/>
      <c r="CO164" s="311"/>
      <c r="CP164" s="311"/>
      <c r="CQ164" s="311"/>
      <c r="CR164" s="311"/>
      <c r="CS164" s="311"/>
      <c r="CT164" s="311"/>
      <c r="CU164" s="311"/>
      <c r="CV164" s="311"/>
      <c r="CW164" s="311"/>
      <c r="CX164" s="311"/>
      <c r="CY164" s="311"/>
      <c r="CZ164" s="311"/>
      <c r="DA164" s="311"/>
      <c r="DB164" s="311"/>
      <c r="DC164" s="311"/>
      <c r="DD164" s="311"/>
      <c r="DE164" s="311"/>
      <c r="DF164" s="311"/>
      <c r="DG164" s="311"/>
      <c r="DH164" s="311"/>
      <c r="DI164" s="311"/>
      <c r="DJ164" s="311"/>
      <c r="DK164" s="311"/>
      <c r="DL164" s="311"/>
      <c r="DM164" s="311"/>
      <c r="DN164" s="311"/>
      <c r="DO164" s="311"/>
      <c r="DP164" s="311"/>
      <c r="DQ164" s="311"/>
      <c r="DR164" s="311"/>
      <c r="DS164" s="311"/>
      <c r="DT164" s="311"/>
      <c r="DU164" s="311"/>
      <c r="DV164" s="311"/>
      <c r="DW164" s="311"/>
      <c r="DX164" s="311"/>
      <c r="DY164" s="311"/>
      <c r="DZ164" s="311"/>
      <c r="EA164" s="311"/>
      <c r="EB164" s="311"/>
      <c r="EC164" s="311"/>
      <c r="ED164" s="311"/>
      <c r="EE164" s="311"/>
      <c r="EF164" s="311"/>
      <c r="EG164" s="311"/>
      <c r="EH164" s="311"/>
      <c r="EI164" s="311"/>
      <c r="EJ164" s="311"/>
      <c r="EK164" s="311"/>
      <c r="EL164" s="311"/>
      <c r="EM164" s="311"/>
      <c r="EN164" s="311"/>
      <c r="EO164" s="311"/>
      <c r="EP164" s="311"/>
      <c r="EQ164" s="311"/>
      <c r="ER164" s="311"/>
      <c r="ES164" s="311"/>
      <c r="ET164" s="311"/>
      <c r="EU164" s="311"/>
      <c r="EV164" s="311"/>
      <c r="EW164" s="311"/>
      <c r="EX164" s="311"/>
      <c r="EY164" s="311"/>
      <c r="EZ164" s="311"/>
      <c r="FA164" s="311"/>
      <c r="FB164" s="311"/>
      <c r="FC164" s="311"/>
      <c r="FD164" s="311"/>
      <c r="FE164" s="311"/>
      <c r="FF164" s="311"/>
      <c r="FG164" s="311"/>
      <c r="FH164" s="311"/>
      <c r="FI164" s="311"/>
      <c r="FJ164" s="311"/>
      <c r="FK164" s="311"/>
      <c r="FL164" s="311"/>
      <c r="FM164" s="311"/>
      <c r="FN164" s="311"/>
      <c r="FO164" s="311"/>
      <c r="FP164" s="311"/>
      <c r="FQ164" s="311"/>
      <c r="FR164" s="311"/>
      <c r="FS164" s="311"/>
      <c r="FT164" s="311"/>
      <c r="FU164" s="311"/>
      <c r="FV164" s="311"/>
      <c r="FW164" s="311"/>
      <c r="FX164" s="311"/>
      <c r="FY164" s="311"/>
      <c r="FZ164" s="311"/>
      <c r="GA164" s="311"/>
      <c r="GB164" s="311"/>
      <c r="GC164" s="311"/>
      <c r="GD164" s="311"/>
      <c r="GE164" s="311"/>
      <c r="GF164" s="311"/>
      <c r="GG164" s="311"/>
      <c r="GH164" s="311"/>
      <c r="GI164" s="311"/>
      <c r="GJ164" s="311"/>
      <c r="GK164" s="311"/>
    </row>
    <row r="165" spans="1:193" s="312" customFormat="1" ht="21.75" customHeight="1">
      <c r="A165" s="527"/>
      <c r="B165" s="303"/>
      <c r="C165" s="498" t="s">
        <v>600</v>
      </c>
      <c r="D165" s="499"/>
      <c r="E165" s="313"/>
      <c r="F165" s="224" t="s">
        <v>513</v>
      </c>
      <c r="G165" s="287" t="s">
        <v>601</v>
      </c>
      <c r="H165" s="311"/>
      <c r="I165" s="311"/>
      <c r="J165" s="311"/>
      <c r="K165" s="311"/>
      <c r="L165" s="311"/>
      <c r="M165" s="311"/>
      <c r="N165" s="311"/>
      <c r="O165" s="311"/>
      <c r="P165" s="311"/>
      <c r="Q165" s="311"/>
      <c r="R165" s="311"/>
      <c r="S165" s="311"/>
      <c r="T165" s="311"/>
      <c r="U165" s="311"/>
      <c r="V165" s="311"/>
      <c r="W165" s="311"/>
      <c r="X165" s="311"/>
      <c r="Y165" s="311"/>
      <c r="Z165" s="311"/>
      <c r="AA165" s="311"/>
      <c r="AB165" s="311"/>
      <c r="AC165" s="311"/>
      <c r="AD165" s="311"/>
      <c r="AE165" s="311"/>
      <c r="AF165" s="311"/>
      <c r="AG165" s="311"/>
      <c r="AH165" s="311"/>
      <c r="AI165" s="311"/>
      <c r="AJ165" s="311"/>
      <c r="AK165" s="311"/>
      <c r="AL165" s="311"/>
      <c r="AM165" s="311"/>
      <c r="AN165" s="311"/>
      <c r="AO165" s="311"/>
      <c r="AP165" s="311"/>
      <c r="AQ165" s="311"/>
      <c r="AR165" s="311"/>
      <c r="AS165" s="311"/>
      <c r="AT165" s="311"/>
      <c r="AU165" s="311"/>
      <c r="AV165" s="311"/>
      <c r="AW165" s="311"/>
      <c r="AX165" s="311"/>
      <c r="AY165" s="311"/>
      <c r="AZ165" s="311"/>
      <c r="BA165" s="311"/>
      <c r="BB165" s="311"/>
      <c r="BC165" s="311"/>
      <c r="BD165" s="311"/>
      <c r="BE165" s="311"/>
      <c r="BF165" s="311"/>
      <c r="BG165" s="311"/>
      <c r="BH165" s="311"/>
      <c r="BI165" s="311"/>
      <c r="BJ165" s="311"/>
      <c r="BK165" s="311"/>
      <c r="BL165" s="311"/>
      <c r="BM165" s="311"/>
      <c r="BN165" s="311"/>
      <c r="BO165" s="311"/>
      <c r="BP165" s="311"/>
      <c r="BQ165" s="311"/>
      <c r="BR165" s="311"/>
      <c r="BS165" s="311"/>
      <c r="BT165" s="311"/>
      <c r="BU165" s="311"/>
      <c r="BV165" s="311"/>
      <c r="BW165" s="311"/>
      <c r="BX165" s="311"/>
      <c r="BY165" s="311"/>
      <c r="BZ165" s="311"/>
      <c r="CA165" s="311"/>
      <c r="CB165" s="311"/>
      <c r="CC165" s="311"/>
      <c r="CD165" s="311"/>
      <c r="CE165" s="311"/>
      <c r="CF165" s="311"/>
      <c r="CG165" s="311"/>
      <c r="CH165" s="311"/>
      <c r="CI165" s="311"/>
      <c r="CJ165" s="311"/>
      <c r="CK165" s="311"/>
      <c r="CL165" s="311"/>
      <c r="CM165" s="311"/>
      <c r="CN165" s="311"/>
      <c r="CO165" s="311"/>
      <c r="CP165" s="311"/>
      <c r="CQ165" s="311"/>
      <c r="CR165" s="311"/>
      <c r="CS165" s="311"/>
      <c r="CT165" s="311"/>
      <c r="CU165" s="311"/>
      <c r="CV165" s="311"/>
      <c r="CW165" s="311"/>
      <c r="CX165" s="311"/>
      <c r="CY165" s="311"/>
      <c r="CZ165" s="311"/>
      <c r="DA165" s="311"/>
      <c r="DB165" s="311"/>
      <c r="DC165" s="311"/>
      <c r="DD165" s="311"/>
      <c r="DE165" s="311"/>
      <c r="DF165" s="311"/>
      <c r="DG165" s="311"/>
      <c r="DH165" s="311"/>
      <c r="DI165" s="311"/>
      <c r="DJ165" s="311"/>
      <c r="DK165" s="311"/>
      <c r="DL165" s="311"/>
      <c r="DM165" s="311"/>
      <c r="DN165" s="311"/>
      <c r="DO165" s="311"/>
      <c r="DP165" s="311"/>
      <c r="DQ165" s="311"/>
      <c r="DR165" s="311"/>
      <c r="DS165" s="311"/>
      <c r="DT165" s="311"/>
      <c r="DU165" s="311"/>
      <c r="DV165" s="311"/>
      <c r="DW165" s="311"/>
      <c r="DX165" s="311"/>
      <c r="DY165" s="311"/>
      <c r="DZ165" s="311"/>
      <c r="EA165" s="311"/>
      <c r="EB165" s="311"/>
      <c r="EC165" s="311"/>
      <c r="ED165" s="311"/>
      <c r="EE165" s="311"/>
      <c r="EF165" s="311"/>
      <c r="EG165" s="311"/>
      <c r="EH165" s="311"/>
      <c r="EI165" s="311"/>
      <c r="EJ165" s="311"/>
      <c r="EK165" s="311"/>
      <c r="EL165" s="311"/>
      <c r="EM165" s="311"/>
      <c r="EN165" s="311"/>
      <c r="EO165" s="311"/>
      <c r="EP165" s="311"/>
      <c r="EQ165" s="311"/>
      <c r="ER165" s="311"/>
      <c r="ES165" s="311"/>
      <c r="ET165" s="311"/>
      <c r="EU165" s="311"/>
      <c r="EV165" s="311"/>
      <c r="EW165" s="311"/>
      <c r="EX165" s="311"/>
      <c r="EY165" s="311"/>
      <c r="EZ165" s="311"/>
      <c r="FA165" s="311"/>
      <c r="FB165" s="311"/>
      <c r="FC165" s="311"/>
      <c r="FD165" s="311"/>
      <c r="FE165" s="311"/>
      <c r="FF165" s="311"/>
      <c r="FG165" s="311"/>
      <c r="FH165" s="311"/>
      <c r="FI165" s="311"/>
      <c r="FJ165" s="311"/>
      <c r="FK165" s="311"/>
      <c r="FL165" s="311"/>
      <c r="FM165" s="311"/>
      <c r="FN165" s="311"/>
      <c r="FO165" s="311"/>
      <c r="FP165" s="311"/>
      <c r="FQ165" s="311"/>
      <c r="FR165" s="311"/>
      <c r="FS165" s="311"/>
      <c r="FT165" s="311"/>
      <c r="FU165" s="311"/>
      <c r="FV165" s="311"/>
      <c r="FW165" s="311"/>
      <c r="FX165" s="311"/>
      <c r="FY165" s="311"/>
      <c r="FZ165" s="311"/>
      <c r="GA165" s="311"/>
      <c r="GB165" s="311"/>
      <c r="GC165" s="311"/>
      <c r="GD165" s="311"/>
      <c r="GE165" s="311"/>
      <c r="GF165" s="311"/>
      <c r="GG165" s="311"/>
      <c r="GH165" s="311"/>
      <c r="GI165" s="311"/>
      <c r="GJ165" s="311"/>
      <c r="GK165" s="311"/>
    </row>
    <row r="166" spans="1:193" s="312" customFormat="1" ht="21.75" customHeight="1">
      <c r="A166" s="527"/>
      <c r="B166" s="303"/>
      <c r="C166" s="498" t="s">
        <v>602</v>
      </c>
      <c r="D166" s="499"/>
      <c r="E166" s="313"/>
      <c r="F166" s="224" t="s">
        <v>543</v>
      </c>
      <c r="G166" s="287"/>
      <c r="H166" s="311"/>
      <c r="I166" s="311"/>
      <c r="J166" s="311"/>
      <c r="K166" s="311"/>
      <c r="L166" s="311"/>
      <c r="M166" s="311"/>
      <c r="N166" s="311"/>
      <c r="O166" s="311"/>
      <c r="P166" s="311"/>
      <c r="Q166" s="311"/>
      <c r="R166" s="311"/>
      <c r="S166" s="311"/>
      <c r="T166" s="311"/>
      <c r="U166" s="311"/>
      <c r="V166" s="311"/>
      <c r="W166" s="311"/>
      <c r="X166" s="311"/>
      <c r="Y166" s="311"/>
      <c r="Z166" s="311"/>
      <c r="AA166" s="311"/>
      <c r="AB166" s="311"/>
      <c r="AC166" s="311"/>
      <c r="AD166" s="311"/>
      <c r="AE166" s="311"/>
      <c r="AF166" s="311"/>
      <c r="AG166" s="311"/>
      <c r="AH166" s="311"/>
      <c r="AI166" s="311"/>
      <c r="AJ166" s="311"/>
      <c r="AK166" s="311"/>
      <c r="AL166" s="311"/>
      <c r="AM166" s="311"/>
      <c r="AN166" s="311"/>
      <c r="AO166" s="311"/>
      <c r="AP166" s="311"/>
      <c r="AQ166" s="311"/>
      <c r="AR166" s="311"/>
      <c r="AS166" s="311"/>
      <c r="AT166" s="311"/>
      <c r="AU166" s="311"/>
      <c r="AV166" s="311"/>
      <c r="AW166" s="311"/>
      <c r="AX166" s="311"/>
      <c r="AY166" s="311"/>
      <c r="AZ166" s="311"/>
      <c r="BA166" s="311"/>
      <c r="BB166" s="311"/>
      <c r="BC166" s="311"/>
      <c r="BD166" s="311"/>
      <c r="BE166" s="311"/>
      <c r="BF166" s="311"/>
      <c r="BG166" s="311"/>
      <c r="BH166" s="311"/>
      <c r="BI166" s="311"/>
      <c r="BJ166" s="311"/>
      <c r="BK166" s="311"/>
      <c r="BL166" s="311"/>
      <c r="BM166" s="311"/>
      <c r="BN166" s="311"/>
      <c r="BO166" s="311"/>
      <c r="BP166" s="311"/>
      <c r="BQ166" s="311"/>
      <c r="BR166" s="311"/>
      <c r="BS166" s="311"/>
      <c r="BT166" s="311"/>
      <c r="BU166" s="311"/>
      <c r="BV166" s="311"/>
      <c r="BW166" s="311"/>
      <c r="BX166" s="311"/>
      <c r="BY166" s="311"/>
      <c r="BZ166" s="311"/>
      <c r="CA166" s="311"/>
      <c r="CB166" s="311"/>
      <c r="CC166" s="311"/>
      <c r="CD166" s="311"/>
      <c r="CE166" s="311"/>
      <c r="CF166" s="311"/>
      <c r="CG166" s="311"/>
      <c r="CH166" s="311"/>
      <c r="CI166" s="311"/>
      <c r="CJ166" s="311"/>
      <c r="CK166" s="311"/>
      <c r="CL166" s="311"/>
      <c r="CM166" s="311"/>
      <c r="CN166" s="311"/>
      <c r="CO166" s="311"/>
      <c r="CP166" s="311"/>
      <c r="CQ166" s="311"/>
      <c r="CR166" s="311"/>
      <c r="CS166" s="311"/>
      <c r="CT166" s="311"/>
      <c r="CU166" s="311"/>
      <c r="CV166" s="311"/>
      <c r="CW166" s="311"/>
      <c r="CX166" s="311"/>
      <c r="CY166" s="311"/>
      <c r="CZ166" s="311"/>
      <c r="DA166" s="311"/>
      <c r="DB166" s="311"/>
      <c r="DC166" s="311"/>
      <c r="DD166" s="311"/>
      <c r="DE166" s="311"/>
      <c r="DF166" s="311"/>
      <c r="DG166" s="311"/>
      <c r="DH166" s="311"/>
      <c r="DI166" s="311"/>
      <c r="DJ166" s="311"/>
      <c r="DK166" s="311"/>
      <c r="DL166" s="311"/>
      <c r="DM166" s="311"/>
      <c r="DN166" s="311"/>
      <c r="DO166" s="311"/>
      <c r="DP166" s="311"/>
      <c r="DQ166" s="311"/>
      <c r="DR166" s="311"/>
      <c r="DS166" s="311"/>
      <c r="DT166" s="311"/>
      <c r="DU166" s="311"/>
      <c r="DV166" s="311"/>
      <c r="DW166" s="311"/>
      <c r="DX166" s="311"/>
      <c r="DY166" s="311"/>
      <c r="DZ166" s="311"/>
      <c r="EA166" s="311"/>
      <c r="EB166" s="311"/>
      <c r="EC166" s="311"/>
      <c r="ED166" s="311"/>
      <c r="EE166" s="311"/>
      <c r="EF166" s="311"/>
      <c r="EG166" s="311"/>
      <c r="EH166" s="311"/>
      <c r="EI166" s="311"/>
      <c r="EJ166" s="311"/>
      <c r="EK166" s="311"/>
      <c r="EL166" s="311"/>
      <c r="EM166" s="311"/>
      <c r="EN166" s="311"/>
      <c r="EO166" s="311"/>
      <c r="EP166" s="311"/>
      <c r="EQ166" s="311"/>
      <c r="ER166" s="311"/>
      <c r="ES166" s="311"/>
      <c r="ET166" s="311"/>
      <c r="EU166" s="311"/>
      <c r="EV166" s="311"/>
      <c r="EW166" s="311"/>
      <c r="EX166" s="311"/>
      <c r="EY166" s="311"/>
      <c r="EZ166" s="311"/>
      <c r="FA166" s="311"/>
      <c r="FB166" s="311"/>
      <c r="FC166" s="311"/>
      <c r="FD166" s="311"/>
      <c r="FE166" s="311"/>
      <c r="FF166" s="311"/>
      <c r="FG166" s="311"/>
      <c r="FH166" s="311"/>
      <c r="FI166" s="311"/>
      <c r="FJ166" s="311"/>
      <c r="FK166" s="311"/>
      <c r="FL166" s="311"/>
      <c r="FM166" s="311"/>
      <c r="FN166" s="311"/>
      <c r="FO166" s="311"/>
      <c r="FP166" s="311"/>
      <c r="FQ166" s="311"/>
      <c r="FR166" s="311"/>
      <c r="FS166" s="311"/>
      <c r="FT166" s="311"/>
      <c r="FU166" s="311"/>
      <c r="FV166" s="311"/>
      <c r="FW166" s="311"/>
      <c r="FX166" s="311"/>
      <c r="FY166" s="311"/>
      <c r="FZ166" s="311"/>
      <c r="GA166" s="311"/>
      <c r="GB166" s="311"/>
      <c r="GC166" s="311"/>
      <c r="GD166" s="311"/>
      <c r="GE166" s="311"/>
      <c r="GF166" s="311"/>
      <c r="GG166" s="311"/>
      <c r="GH166" s="311"/>
      <c r="GI166" s="311"/>
      <c r="GJ166" s="311"/>
      <c r="GK166" s="311"/>
    </row>
    <row r="167" spans="1:193" s="312" customFormat="1" ht="21.75" customHeight="1">
      <c r="A167" s="527"/>
      <c r="B167" s="303"/>
      <c r="C167" s="498" t="s">
        <v>603</v>
      </c>
      <c r="D167" s="499"/>
      <c r="E167" s="313"/>
      <c r="F167" s="224" t="s">
        <v>604</v>
      </c>
      <c r="G167" s="287" t="s">
        <v>605</v>
      </c>
      <c r="H167" s="311"/>
      <c r="I167" s="311"/>
      <c r="J167" s="311"/>
      <c r="K167" s="311"/>
      <c r="L167" s="311"/>
      <c r="M167" s="311"/>
      <c r="N167" s="311"/>
      <c r="O167" s="311"/>
      <c r="P167" s="311"/>
      <c r="Q167" s="311"/>
      <c r="R167" s="311"/>
      <c r="S167" s="311"/>
      <c r="T167" s="311"/>
      <c r="U167" s="311"/>
      <c r="V167" s="311"/>
      <c r="W167" s="311"/>
      <c r="X167" s="311"/>
      <c r="Y167" s="311"/>
      <c r="Z167" s="311"/>
      <c r="AA167" s="311"/>
      <c r="AB167" s="311"/>
      <c r="AC167" s="311"/>
      <c r="AD167" s="311"/>
      <c r="AE167" s="311"/>
      <c r="AF167" s="311"/>
      <c r="AG167" s="311"/>
      <c r="AH167" s="311"/>
      <c r="AI167" s="311"/>
      <c r="AJ167" s="311"/>
      <c r="AK167" s="311"/>
      <c r="AL167" s="311"/>
      <c r="AM167" s="311"/>
      <c r="AN167" s="311"/>
      <c r="AO167" s="311"/>
      <c r="AP167" s="311"/>
      <c r="AQ167" s="311"/>
      <c r="AR167" s="311"/>
      <c r="AS167" s="311"/>
      <c r="AT167" s="311"/>
      <c r="AU167" s="311"/>
      <c r="AV167" s="311"/>
      <c r="AW167" s="311"/>
      <c r="AX167" s="311"/>
      <c r="AY167" s="311"/>
      <c r="AZ167" s="311"/>
      <c r="BA167" s="311"/>
      <c r="BB167" s="311"/>
      <c r="BC167" s="311"/>
      <c r="BD167" s="311"/>
      <c r="BE167" s="311"/>
      <c r="BF167" s="311"/>
      <c r="BG167" s="311"/>
      <c r="BH167" s="311"/>
      <c r="BI167" s="311"/>
      <c r="BJ167" s="311"/>
      <c r="BK167" s="311"/>
      <c r="BL167" s="311"/>
      <c r="BM167" s="311"/>
      <c r="BN167" s="311"/>
      <c r="BO167" s="311"/>
      <c r="BP167" s="311"/>
      <c r="BQ167" s="311"/>
      <c r="BR167" s="311"/>
      <c r="BS167" s="311"/>
      <c r="BT167" s="311"/>
      <c r="BU167" s="311"/>
      <c r="BV167" s="311"/>
      <c r="BW167" s="311"/>
      <c r="BX167" s="311"/>
      <c r="BY167" s="311"/>
      <c r="BZ167" s="311"/>
      <c r="CA167" s="311"/>
      <c r="CB167" s="311"/>
      <c r="CC167" s="311"/>
      <c r="CD167" s="311"/>
      <c r="CE167" s="311"/>
      <c r="CF167" s="311"/>
      <c r="CG167" s="311"/>
      <c r="CH167" s="311"/>
      <c r="CI167" s="311"/>
      <c r="CJ167" s="311"/>
      <c r="CK167" s="311"/>
      <c r="CL167" s="311"/>
      <c r="CM167" s="311"/>
      <c r="CN167" s="311"/>
      <c r="CO167" s="311"/>
      <c r="CP167" s="311"/>
      <c r="CQ167" s="311"/>
      <c r="CR167" s="311"/>
      <c r="CS167" s="311"/>
      <c r="CT167" s="311"/>
      <c r="CU167" s="311"/>
      <c r="CV167" s="311"/>
      <c r="CW167" s="311"/>
      <c r="CX167" s="311"/>
      <c r="CY167" s="311"/>
      <c r="CZ167" s="311"/>
      <c r="DA167" s="311"/>
      <c r="DB167" s="311"/>
      <c r="DC167" s="311"/>
      <c r="DD167" s="311"/>
      <c r="DE167" s="311"/>
      <c r="DF167" s="311"/>
      <c r="DG167" s="311"/>
      <c r="DH167" s="311"/>
      <c r="DI167" s="311"/>
      <c r="DJ167" s="311"/>
      <c r="DK167" s="311"/>
      <c r="DL167" s="311"/>
      <c r="DM167" s="311"/>
      <c r="DN167" s="311"/>
      <c r="DO167" s="311"/>
      <c r="DP167" s="311"/>
      <c r="DQ167" s="311"/>
      <c r="DR167" s="311"/>
      <c r="DS167" s="311"/>
      <c r="DT167" s="311"/>
      <c r="DU167" s="311"/>
      <c r="DV167" s="311"/>
      <c r="DW167" s="311"/>
      <c r="DX167" s="311"/>
      <c r="DY167" s="311"/>
      <c r="DZ167" s="311"/>
      <c r="EA167" s="311"/>
      <c r="EB167" s="311"/>
      <c r="EC167" s="311"/>
      <c r="ED167" s="311"/>
      <c r="EE167" s="311"/>
      <c r="EF167" s="311"/>
      <c r="EG167" s="311"/>
      <c r="EH167" s="311"/>
      <c r="EI167" s="311"/>
      <c r="EJ167" s="311"/>
      <c r="EK167" s="311"/>
      <c r="EL167" s="311"/>
      <c r="EM167" s="311"/>
      <c r="EN167" s="311"/>
      <c r="EO167" s="311"/>
      <c r="EP167" s="311"/>
      <c r="EQ167" s="311"/>
      <c r="ER167" s="311"/>
      <c r="ES167" s="311"/>
      <c r="ET167" s="311"/>
      <c r="EU167" s="311"/>
      <c r="EV167" s="311"/>
      <c r="EW167" s="311"/>
      <c r="EX167" s="311"/>
      <c r="EY167" s="311"/>
      <c r="EZ167" s="311"/>
      <c r="FA167" s="311"/>
      <c r="FB167" s="311"/>
      <c r="FC167" s="311"/>
      <c r="FD167" s="311"/>
      <c r="FE167" s="311"/>
      <c r="FF167" s="311"/>
      <c r="FG167" s="311"/>
      <c r="FH167" s="311"/>
      <c r="FI167" s="311"/>
      <c r="FJ167" s="311"/>
      <c r="FK167" s="311"/>
      <c r="FL167" s="311"/>
      <c r="FM167" s="311"/>
      <c r="FN167" s="311"/>
      <c r="FO167" s="311"/>
      <c r="FP167" s="311"/>
      <c r="FQ167" s="311"/>
      <c r="FR167" s="311"/>
      <c r="FS167" s="311"/>
      <c r="FT167" s="311"/>
      <c r="FU167" s="311"/>
      <c r="FV167" s="311"/>
      <c r="FW167" s="311"/>
      <c r="FX167" s="311"/>
      <c r="FY167" s="311"/>
      <c r="FZ167" s="311"/>
      <c r="GA167" s="311"/>
      <c r="GB167" s="311"/>
      <c r="GC167" s="311"/>
      <c r="GD167" s="311"/>
      <c r="GE167" s="311"/>
      <c r="GF167" s="311"/>
      <c r="GG167" s="311"/>
      <c r="GH167" s="311"/>
      <c r="GI167" s="311"/>
      <c r="GJ167" s="311"/>
      <c r="GK167" s="311"/>
    </row>
    <row r="168" spans="1:193" s="312" customFormat="1" ht="21.75" customHeight="1">
      <c r="A168" s="527"/>
      <c r="B168" s="303"/>
      <c r="C168" s="498" t="s">
        <v>606</v>
      </c>
      <c r="D168" s="499"/>
      <c r="E168" s="313"/>
      <c r="F168" s="224"/>
      <c r="G168" s="287"/>
      <c r="H168" s="311"/>
      <c r="I168" s="311"/>
      <c r="J168" s="311"/>
      <c r="K168" s="311"/>
      <c r="L168" s="311"/>
      <c r="M168" s="311"/>
      <c r="N168" s="311"/>
      <c r="O168" s="311"/>
      <c r="P168" s="311"/>
      <c r="Q168" s="311"/>
      <c r="R168" s="311"/>
      <c r="S168" s="311"/>
      <c r="T168" s="311"/>
      <c r="U168" s="311"/>
      <c r="V168" s="311"/>
      <c r="W168" s="311"/>
      <c r="X168" s="311"/>
      <c r="Y168" s="311"/>
      <c r="Z168" s="311"/>
      <c r="AA168" s="311"/>
      <c r="AB168" s="311"/>
      <c r="AC168" s="311"/>
      <c r="AD168" s="311"/>
      <c r="AE168" s="311"/>
      <c r="AF168" s="311"/>
      <c r="AG168" s="311"/>
      <c r="AH168" s="311"/>
      <c r="AI168" s="311"/>
      <c r="AJ168" s="311"/>
      <c r="AK168" s="311"/>
      <c r="AL168" s="311"/>
      <c r="AM168" s="311"/>
      <c r="AN168" s="311"/>
      <c r="AO168" s="311"/>
      <c r="AP168" s="311"/>
      <c r="AQ168" s="311"/>
      <c r="AR168" s="311"/>
      <c r="AS168" s="311"/>
      <c r="AT168" s="311"/>
      <c r="AU168" s="311"/>
      <c r="AV168" s="311"/>
      <c r="AW168" s="311"/>
      <c r="AX168" s="311"/>
      <c r="AY168" s="311"/>
      <c r="AZ168" s="311"/>
      <c r="BA168" s="311"/>
      <c r="BB168" s="311"/>
      <c r="BC168" s="311"/>
      <c r="BD168" s="311"/>
      <c r="BE168" s="311"/>
      <c r="BF168" s="311"/>
      <c r="BG168" s="311"/>
      <c r="BH168" s="311"/>
      <c r="BI168" s="311"/>
      <c r="BJ168" s="311"/>
      <c r="BK168" s="311"/>
      <c r="BL168" s="311"/>
      <c r="BM168" s="311"/>
      <c r="BN168" s="311"/>
      <c r="BO168" s="311"/>
      <c r="BP168" s="311"/>
      <c r="BQ168" s="311"/>
      <c r="BR168" s="311"/>
      <c r="BS168" s="311"/>
      <c r="BT168" s="311"/>
      <c r="BU168" s="311"/>
      <c r="BV168" s="311"/>
      <c r="BW168" s="311"/>
      <c r="BX168" s="311"/>
      <c r="BY168" s="311"/>
      <c r="BZ168" s="311"/>
      <c r="CA168" s="311"/>
      <c r="CB168" s="311"/>
      <c r="CC168" s="311"/>
      <c r="CD168" s="311"/>
      <c r="CE168" s="311"/>
      <c r="CF168" s="311"/>
      <c r="CG168" s="311"/>
      <c r="CH168" s="311"/>
      <c r="CI168" s="311"/>
      <c r="CJ168" s="311"/>
      <c r="CK168" s="311"/>
      <c r="CL168" s="311"/>
      <c r="CM168" s="311"/>
      <c r="CN168" s="311"/>
      <c r="CO168" s="311"/>
      <c r="CP168" s="311"/>
      <c r="CQ168" s="311"/>
      <c r="CR168" s="311"/>
      <c r="CS168" s="311"/>
      <c r="CT168" s="311"/>
      <c r="CU168" s="311"/>
      <c r="CV168" s="311"/>
      <c r="CW168" s="311"/>
      <c r="CX168" s="311"/>
      <c r="CY168" s="311"/>
      <c r="CZ168" s="311"/>
      <c r="DA168" s="311"/>
      <c r="DB168" s="311"/>
      <c r="DC168" s="311"/>
      <c r="DD168" s="311"/>
      <c r="DE168" s="311"/>
      <c r="DF168" s="311"/>
      <c r="DG168" s="311"/>
      <c r="DH168" s="311"/>
      <c r="DI168" s="311"/>
      <c r="DJ168" s="311"/>
      <c r="DK168" s="311"/>
      <c r="DL168" s="311"/>
      <c r="DM168" s="311"/>
      <c r="DN168" s="311"/>
      <c r="DO168" s="311"/>
      <c r="DP168" s="311"/>
      <c r="DQ168" s="311"/>
      <c r="DR168" s="311"/>
      <c r="DS168" s="311"/>
      <c r="DT168" s="311"/>
      <c r="DU168" s="311"/>
      <c r="DV168" s="311"/>
      <c r="DW168" s="311"/>
      <c r="DX168" s="311"/>
      <c r="DY168" s="311"/>
      <c r="DZ168" s="311"/>
      <c r="EA168" s="311"/>
      <c r="EB168" s="311"/>
      <c r="EC168" s="311"/>
      <c r="ED168" s="311"/>
      <c r="EE168" s="311"/>
      <c r="EF168" s="311"/>
      <c r="EG168" s="311"/>
      <c r="EH168" s="311"/>
      <c r="EI168" s="311"/>
      <c r="EJ168" s="311"/>
      <c r="EK168" s="311"/>
      <c r="EL168" s="311"/>
      <c r="EM168" s="311"/>
      <c r="EN168" s="311"/>
      <c r="EO168" s="311"/>
      <c r="EP168" s="311"/>
      <c r="EQ168" s="311"/>
      <c r="ER168" s="311"/>
      <c r="ES168" s="311"/>
      <c r="ET168" s="311"/>
      <c r="EU168" s="311"/>
      <c r="EV168" s="311"/>
      <c r="EW168" s="311"/>
      <c r="EX168" s="311"/>
      <c r="EY168" s="311"/>
      <c r="EZ168" s="311"/>
      <c r="FA168" s="311"/>
      <c r="FB168" s="311"/>
      <c r="FC168" s="311"/>
      <c r="FD168" s="311"/>
      <c r="FE168" s="311"/>
      <c r="FF168" s="311"/>
      <c r="FG168" s="311"/>
      <c r="FH168" s="311"/>
      <c r="FI168" s="311"/>
      <c r="FJ168" s="311"/>
      <c r="FK168" s="311"/>
      <c r="FL168" s="311"/>
      <c r="FM168" s="311"/>
      <c r="FN168" s="311"/>
      <c r="FO168" s="311"/>
      <c r="FP168" s="311"/>
      <c r="FQ168" s="311"/>
      <c r="FR168" s="311"/>
      <c r="FS168" s="311"/>
      <c r="FT168" s="311"/>
      <c r="FU168" s="311"/>
      <c r="FV168" s="311"/>
      <c r="FW168" s="311"/>
      <c r="FX168" s="311"/>
      <c r="FY168" s="311"/>
      <c r="FZ168" s="311"/>
      <c r="GA168" s="311"/>
      <c r="GB168" s="311"/>
      <c r="GC168" s="311"/>
      <c r="GD168" s="311"/>
      <c r="GE168" s="311"/>
      <c r="GF168" s="311"/>
      <c r="GG168" s="311"/>
      <c r="GH168" s="311"/>
      <c r="GI168" s="311"/>
      <c r="GJ168" s="311"/>
      <c r="GK168" s="311"/>
    </row>
    <row r="169" spans="1:193" s="312" customFormat="1" ht="36" customHeight="1">
      <c r="A169" s="527"/>
      <c r="B169" s="303"/>
      <c r="C169" s="498" t="s">
        <v>607</v>
      </c>
      <c r="D169" s="499"/>
      <c r="E169" s="313"/>
      <c r="F169" s="224" t="s">
        <v>513</v>
      </c>
      <c r="G169" s="287" t="s">
        <v>608</v>
      </c>
      <c r="H169" s="311"/>
      <c r="I169" s="311"/>
      <c r="J169" s="311"/>
      <c r="K169" s="311"/>
      <c r="L169" s="311"/>
      <c r="M169" s="311"/>
      <c r="N169" s="311"/>
      <c r="O169" s="311"/>
      <c r="P169" s="311"/>
      <c r="Q169" s="311"/>
      <c r="R169" s="311"/>
      <c r="S169" s="311"/>
      <c r="T169" s="311"/>
      <c r="U169" s="311"/>
      <c r="V169" s="311"/>
      <c r="W169" s="311"/>
      <c r="X169" s="311"/>
      <c r="Y169" s="311"/>
      <c r="Z169" s="311"/>
      <c r="AA169" s="311"/>
      <c r="AB169" s="311"/>
      <c r="AC169" s="311"/>
      <c r="AD169" s="311"/>
      <c r="AE169" s="311"/>
      <c r="AF169" s="311"/>
      <c r="AG169" s="311"/>
      <c r="AH169" s="311"/>
      <c r="AI169" s="311"/>
      <c r="AJ169" s="311"/>
      <c r="AK169" s="311"/>
      <c r="AL169" s="311"/>
      <c r="AM169" s="311"/>
      <c r="AN169" s="311"/>
      <c r="AO169" s="311"/>
      <c r="AP169" s="311"/>
      <c r="AQ169" s="311"/>
      <c r="AR169" s="311"/>
      <c r="AS169" s="311"/>
      <c r="AT169" s="311"/>
      <c r="AU169" s="311"/>
      <c r="AV169" s="311"/>
      <c r="AW169" s="311"/>
      <c r="AX169" s="311"/>
      <c r="AY169" s="311"/>
      <c r="AZ169" s="311"/>
      <c r="BA169" s="311"/>
      <c r="BB169" s="311"/>
      <c r="BC169" s="311"/>
      <c r="BD169" s="311"/>
      <c r="BE169" s="311"/>
      <c r="BF169" s="311"/>
      <c r="BG169" s="311"/>
      <c r="BH169" s="311"/>
      <c r="BI169" s="311"/>
      <c r="BJ169" s="311"/>
      <c r="BK169" s="311"/>
      <c r="BL169" s="311"/>
      <c r="BM169" s="311"/>
      <c r="BN169" s="311"/>
      <c r="BO169" s="311"/>
      <c r="BP169" s="311"/>
      <c r="BQ169" s="311"/>
      <c r="BR169" s="311"/>
      <c r="BS169" s="311"/>
      <c r="BT169" s="311"/>
      <c r="BU169" s="311"/>
      <c r="BV169" s="311"/>
      <c r="BW169" s="311"/>
      <c r="BX169" s="311"/>
      <c r="BY169" s="311"/>
      <c r="BZ169" s="311"/>
      <c r="CA169" s="311"/>
      <c r="CB169" s="311"/>
      <c r="CC169" s="311"/>
      <c r="CD169" s="311"/>
      <c r="CE169" s="311"/>
      <c r="CF169" s="311"/>
      <c r="CG169" s="311"/>
      <c r="CH169" s="311"/>
      <c r="CI169" s="311"/>
      <c r="CJ169" s="311"/>
      <c r="CK169" s="311"/>
      <c r="CL169" s="311"/>
      <c r="CM169" s="311"/>
      <c r="CN169" s="311"/>
      <c r="CO169" s="311"/>
      <c r="CP169" s="311"/>
      <c r="CQ169" s="311"/>
      <c r="CR169" s="311"/>
      <c r="CS169" s="311"/>
      <c r="CT169" s="311"/>
      <c r="CU169" s="311"/>
      <c r="CV169" s="311"/>
      <c r="CW169" s="311"/>
      <c r="CX169" s="311"/>
      <c r="CY169" s="311"/>
      <c r="CZ169" s="311"/>
      <c r="DA169" s="311"/>
      <c r="DB169" s="311"/>
      <c r="DC169" s="311"/>
      <c r="DD169" s="311"/>
      <c r="DE169" s="311"/>
      <c r="DF169" s="311"/>
      <c r="DG169" s="311"/>
      <c r="DH169" s="311"/>
      <c r="DI169" s="311"/>
      <c r="DJ169" s="311"/>
      <c r="DK169" s="311"/>
      <c r="DL169" s="311"/>
      <c r="DM169" s="311"/>
      <c r="DN169" s="311"/>
      <c r="DO169" s="311"/>
      <c r="DP169" s="311"/>
      <c r="DQ169" s="311"/>
      <c r="DR169" s="311"/>
      <c r="DS169" s="311"/>
      <c r="DT169" s="311"/>
      <c r="DU169" s="311"/>
      <c r="DV169" s="311"/>
      <c r="DW169" s="311"/>
      <c r="DX169" s="311"/>
      <c r="DY169" s="311"/>
      <c r="DZ169" s="311"/>
      <c r="EA169" s="311"/>
      <c r="EB169" s="311"/>
      <c r="EC169" s="311"/>
      <c r="ED169" s="311"/>
      <c r="EE169" s="311"/>
      <c r="EF169" s="311"/>
      <c r="EG169" s="311"/>
      <c r="EH169" s="311"/>
      <c r="EI169" s="311"/>
      <c r="EJ169" s="311"/>
      <c r="EK169" s="311"/>
      <c r="EL169" s="311"/>
      <c r="EM169" s="311"/>
      <c r="EN169" s="311"/>
      <c r="EO169" s="311"/>
      <c r="EP169" s="311"/>
      <c r="EQ169" s="311"/>
      <c r="ER169" s="311"/>
      <c r="ES169" s="311"/>
      <c r="ET169" s="311"/>
      <c r="EU169" s="311"/>
      <c r="EV169" s="311"/>
      <c r="EW169" s="311"/>
      <c r="EX169" s="311"/>
      <c r="EY169" s="311"/>
      <c r="EZ169" s="311"/>
      <c r="FA169" s="311"/>
      <c r="FB169" s="311"/>
      <c r="FC169" s="311"/>
      <c r="FD169" s="311"/>
      <c r="FE169" s="311"/>
      <c r="FF169" s="311"/>
      <c r="FG169" s="311"/>
      <c r="FH169" s="311"/>
      <c r="FI169" s="311"/>
      <c r="FJ169" s="311"/>
      <c r="FK169" s="311"/>
      <c r="FL169" s="311"/>
      <c r="FM169" s="311"/>
      <c r="FN169" s="311"/>
      <c r="FO169" s="311"/>
      <c r="FP169" s="311"/>
      <c r="FQ169" s="311"/>
      <c r="FR169" s="311"/>
      <c r="FS169" s="311"/>
      <c r="FT169" s="311"/>
      <c r="FU169" s="311"/>
      <c r="FV169" s="311"/>
      <c r="FW169" s="311"/>
      <c r="FX169" s="311"/>
      <c r="FY169" s="311"/>
      <c r="FZ169" s="311"/>
      <c r="GA169" s="311"/>
      <c r="GB169" s="311"/>
      <c r="GC169" s="311"/>
      <c r="GD169" s="311"/>
      <c r="GE169" s="311"/>
      <c r="GF169" s="311"/>
      <c r="GG169" s="311"/>
      <c r="GH169" s="311"/>
      <c r="GI169" s="311"/>
      <c r="GJ169" s="311"/>
      <c r="GK169" s="311"/>
    </row>
    <row r="170" spans="1:193" s="312" customFormat="1" ht="36" customHeight="1">
      <c r="A170" s="527"/>
      <c r="B170" s="303" t="s">
        <v>609</v>
      </c>
      <c r="C170" s="498" t="s">
        <v>610</v>
      </c>
      <c r="D170" s="499"/>
      <c r="E170" s="313"/>
      <c r="F170" s="224" t="s">
        <v>513</v>
      </c>
      <c r="G170" s="287" t="s">
        <v>611</v>
      </c>
      <c r="H170" s="311"/>
      <c r="I170" s="311"/>
      <c r="J170" s="311"/>
      <c r="K170" s="311"/>
      <c r="L170" s="311"/>
      <c r="M170" s="311"/>
      <c r="N170" s="311"/>
      <c r="O170" s="311"/>
      <c r="P170" s="311"/>
      <c r="Q170" s="311"/>
      <c r="R170" s="311"/>
      <c r="S170" s="311"/>
      <c r="T170" s="311"/>
      <c r="U170" s="311"/>
      <c r="V170" s="311"/>
      <c r="W170" s="311"/>
      <c r="X170" s="311"/>
      <c r="Y170" s="311"/>
      <c r="Z170" s="311"/>
      <c r="AA170" s="311"/>
      <c r="AB170" s="311"/>
      <c r="AC170" s="311"/>
      <c r="AD170" s="311"/>
      <c r="AE170" s="311"/>
      <c r="AF170" s="311"/>
      <c r="AG170" s="311"/>
      <c r="AH170" s="311"/>
      <c r="AI170" s="311"/>
      <c r="AJ170" s="311"/>
      <c r="AK170" s="311"/>
      <c r="AL170" s="311"/>
      <c r="AM170" s="311"/>
      <c r="AN170" s="311"/>
      <c r="AO170" s="311"/>
      <c r="AP170" s="311"/>
      <c r="AQ170" s="311"/>
      <c r="AR170" s="311"/>
      <c r="AS170" s="311"/>
      <c r="AT170" s="311"/>
      <c r="AU170" s="311"/>
      <c r="AV170" s="311"/>
      <c r="AW170" s="311"/>
      <c r="AX170" s="311"/>
      <c r="AY170" s="311"/>
      <c r="AZ170" s="311"/>
      <c r="BA170" s="311"/>
      <c r="BB170" s="311"/>
      <c r="BC170" s="311"/>
      <c r="BD170" s="311"/>
      <c r="BE170" s="311"/>
      <c r="BF170" s="311"/>
      <c r="BG170" s="311"/>
      <c r="BH170" s="311"/>
      <c r="BI170" s="311"/>
      <c r="BJ170" s="311"/>
      <c r="BK170" s="311"/>
      <c r="BL170" s="311"/>
      <c r="BM170" s="311"/>
      <c r="BN170" s="311"/>
      <c r="BO170" s="311"/>
      <c r="BP170" s="311"/>
      <c r="BQ170" s="311"/>
      <c r="BR170" s="311"/>
      <c r="BS170" s="311"/>
      <c r="BT170" s="311"/>
      <c r="BU170" s="311"/>
      <c r="BV170" s="311"/>
      <c r="BW170" s="311"/>
      <c r="BX170" s="311"/>
      <c r="BY170" s="311"/>
      <c r="BZ170" s="311"/>
      <c r="CA170" s="311"/>
      <c r="CB170" s="311"/>
      <c r="CC170" s="311"/>
      <c r="CD170" s="311"/>
      <c r="CE170" s="311"/>
      <c r="CF170" s="311"/>
      <c r="CG170" s="311"/>
      <c r="CH170" s="311"/>
      <c r="CI170" s="311"/>
      <c r="CJ170" s="311"/>
      <c r="CK170" s="311"/>
      <c r="CL170" s="311"/>
      <c r="CM170" s="311"/>
      <c r="CN170" s="311"/>
      <c r="CO170" s="311"/>
      <c r="CP170" s="311"/>
      <c r="CQ170" s="311"/>
      <c r="CR170" s="311"/>
      <c r="CS170" s="311"/>
      <c r="CT170" s="311"/>
      <c r="CU170" s="311"/>
      <c r="CV170" s="311"/>
      <c r="CW170" s="311"/>
      <c r="CX170" s="311"/>
      <c r="CY170" s="311"/>
      <c r="CZ170" s="311"/>
      <c r="DA170" s="311"/>
      <c r="DB170" s="311"/>
      <c r="DC170" s="311"/>
      <c r="DD170" s="311"/>
      <c r="DE170" s="311"/>
      <c r="DF170" s="311"/>
      <c r="DG170" s="311"/>
      <c r="DH170" s="311"/>
      <c r="DI170" s="311"/>
      <c r="DJ170" s="311"/>
      <c r="DK170" s="311"/>
      <c r="DL170" s="311"/>
      <c r="DM170" s="311"/>
      <c r="DN170" s="311"/>
      <c r="DO170" s="311"/>
      <c r="DP170" s="311"/>
      <c r="DQ170" s="311"/>
      <c r="DR170" s="311"/>
      <c r="DS170" s="311"/>
      <c r="DT170" s="311"/>
      <c r="DU170" s="311"/>
      <c r="DV170" s="311"/>
      <c r="DW170" s="311"/>
      <c r="DX170" s="311"/>
      <c r="DY170" s="311"/>
      <c r="DZ170" s="311"/>
      <c r="EA170" s="311"/>
      <c r="EB170" s="311"/>
      <c r="EC170" s="311"/>
      <c r="ED170" s="311"/>
      <c r="EE170" s="311"/>
      <c r="EF170" s="311"/>
      <c r="EG170" s="311"/>
      <c r="EH170" s="311"/>
      <c r="EI170" s="311"/>
      <c r="EJ170" s="311"/>
      <c r="EK170" s="311"/>
      <c r="EL170" s="311"/>
      <c r="EM170" s="311"/>
      <c r="EN170" s="311"/>
      <c r="EO170" s="311"/>
      <c r="EP170" s="311"/>
      <c r="EQ170" s="311"/>
      <c r="ER170" s="311"/>
      <c r="ES170" s="311"/>
      <c r="ET170" s="311"/>
      <c r="EU170" s="311"/>
      <c r="EV170" s="311"/>
      <c r="EW170" s="311"/>
      <c r="EX170" s="311"/>
      <c r="EY170" s="311"/>
      <c r="EZ170" s="311"/>
      <c r="FA170" s="311"/>
      <c r="FB170" s="311"/>
      <c r="FC170" s="311"/>
      <c r="FD170" s="311"/>
      <c r="FE170" s="311"/>
      <c r="FF170" s="311"/>
      <c r="FG170" s="311"/>
      <c r="FH170" s="311"/>
      <c r="FI170" s="311"/>
      <c r="FJ170" s="311"/>
      <c r="FK170" s="311"/>
      <c r="FL170" s="311"/>
      <c r="FM170" s="311"/>
      <c r="FN170" s="311"/>
      <c r="FO170" s="311"/>
      <c r="FP170" s="311"/>
      <c r="FQ170" s="311"/>
      <c r="FR170" s="311"/>
      <c r="FS170" s="311"/>
      <c r="FT170" s="311"/>
      <c r="FU170" s="311"/>
      <c r="FV170" s="311"/>
      <c r="FW170" s="311"/>
      <c r="FX170" s="311"/>
      <c r="FY170" s="311"/>
      <c r="FZ170" s="311"/>
      <c r="GA170" s="311"/>
      <c r="GB170" s="311"/>
      <c r="GC170" s="311"/>
      <c r="GD170" s="311"/>
      <c r="GE170" s="311"/>
      <c r="GF170" s="311"/>
      <c r="GG170" s="311"/>
      <c r="GH170" s="311"/>
      <c r="GI170" s="311"/>
      <c r="GJ170" s="311"/>
      <c r="GK170" s="311"/>
    </row>
    <row r="171" spans="1:193" s="312" customFormat="1" ht="49.5" customHeight="1">
      <c r="A171" s="527"/>
      <c r="B171" s="303"/>
      <c r="C171" s="498" t="s">
        <v>612</v>
      </c>
      <c r="D171" s="499"/>
      <c r="E171" s="313"/>
      <c r="F171" s="224" t="s">
        <v>510</v>
      </c>
      <c r="G171" s="287" t="s">
        <v>613</v>
      </c>
      <c r="H171" s="311"/>
      <c r="I171" s="311"/>
      <c r="J171" s="311"/>
      <c r="K171" s="311"/>
      <c r="L171" s="311"/>
      <c r="M171" s="311"/>
      <c r="N171" s="311"/>
      <c r="O171" s="311"/>
      <c r="P171" s="311"/>
      <c r="Q171" s="311"/>
      <c r="R171" s="311"/>
      <c r="S171" s="311"/>
      <c r="T171" s="311"/>
      <c r="U171" s="311"/>
      <c r="V171" s="311"/>
      <c r="W171" s="311"/>
      <c r="X171" s="311"/>
      <c r="Y171" s="311"/>
      <c r="Z171" s="311"/>
      <c r="AA171" s="311"/>
      <c r="AB171" s="311"/>
      <c r="AC171" s="311"/>
      <c r="AD171" s="311"/>
      <c r="AE171" s="311"/>
      <c r="AF171" s="311"/>
      <c r="AG171" s="311"/>
      <c r="AH171" s="311"/>
      <c r="AI171" s="311"/>
      <c r="AJ171" s="311"/>
      <c r="AK171" s="311"/>
      <c r="AL171" s="311"/>
      <c r="AM171" s="311"/>
      <c r="AN171" s="311"/>
      <c r="AO171" s="311"/>
      <c r="AP171" s="311"/>
      <c r="AQ171" s="311"/>
      <c r="AR171" s="311"/>
      <c r="AS171" s="311"/>
      <c r="AT171" s="311"/>
      <c r="AU171" s="311"/>
      <c r="AV171" s="311"/>
      <c r="AW171" s="311"/>
      <c r="AX171" s="311"/>
      <c r="AY171" s="311"/>
      <c r="AZ171" s="311"/>
      <c r="BA171" s="311"/>
      <c r="BB171" s="311"/>
      <c r="BC171" s="311"/>
      <c r="BD171" s="311"/>
      <c r="BE171" s="311"/>
      <c r="BF171" s="311"/>
      <c r="BG171" s="311"/>
      <c r="BH171" s="311"/>
      <c r="BI171" s="311"/>
      <c r="BJ171" s="311"/>
      <c r="BK171" s="311"/>
      <c r="BL171" s="311"/>
      <c r="BM171" s="311"/>
      <c r="BN171" s="311"/>
      <c r="BO171" s="311"/>
      <c r="BP171" s="311"/>
      <c r="BQ171" s="311"/>
      <c r="BR171" s="311"/>
      <c r="BS171" s="311"/>
      <c r="BT171" s="311"/>
      <c r="BU171" s="311"/>
      <c r="BV171" s="311"/>
      <c r="BW171" s="311"/>
      <c r="BX171" s="311"/>
      <c r="BY171" s="311"/>
      <c r="BZ171" s="311"/>
      <c r="CA171" s="311"/>
      <c r="CB171" s="311"/>
      <c r="CC171" s="311"/>
      <c r="CD171" s="311"/>
      <c r="CE171" s="311"/>
      <c r="CF171" s="311"/>
      <c r="CG171" s="311"/>
      <c r="CH171" s="311"/>
      <c r="CI171" s="311"/>
      <c r="CJ171" s="311"/>
      <c r="CK171" s="311"/>
      <c r="CL171" s="311"/>
      <c r="CM171" s="311"/>
      <c r="CN171" s="311"/>
      <c r="CO171" s="311"/>
      <c r="CP171" s="311"/>
      <c r="CQ171" s="311"/>
      <c r="CR171" s="311"/>
      <c r="CS171" s="311"/>
      <c r="CT171" s="311"/>
      <c r="CU171" s="311"/>
      <c r="CV171" s="311"/>
      <c r="CW171" s="311"/>
      <c r="CX171" s="311"/>
      <c r="CY171" s="311"/>
      <c r="CZ171" s="311"/>
      <c r="DA171" s="311"/>
      <c r="DB171" s="311"/>
      <c r="DC171" s="311"/>
      <c r="DD171" s="311"/>
      <c r="DE171" s="311"/>
      <c r="DF171" s="311"/>
      <c r="DG171" s="311"/>
      <c r="DH171" s="311"/>
      <c r="DI171" s="311"/>
      <c r="DJ171" s="311"/>
      <c r="DK171" s="311"/>
      <c r="DL171" s="311"/>
      <c r="DM171" s="311"/>
      <c r="DN171" s="311"/>
      <c r="DO171" s="311"/>
      <c r="DP171" s="311"/>
      <c r="DQ171" s="311"/>
      <c r="DR171" s="311"/>
      <c r="DS171" s="311"/>
      <c r="DT171" s="311"/>
      <c r="DU171" s="311"/>
      <c r="DV171" s="311"/>
      <c r="DW171" s="311"/>
      <c r="DX171" s="311"/>
      <c r="DY171" s="311"/>
      <c r="DZ171" s="311"/>
      <c r="EA171" s="311"/>
      <c r="EB171" s="311"/>
      <c r="EC171" s="311"/>
      <c r="ED171" s="311"/>
      <c r="EE171" s="311"/>
      <c r="EF171" s="311"/>
      <c r="EG171" s="311"/>
      <c r="EH171" s="311"/>
      <c r="EI171" s="311"/>
      <c r="EJ171" s="311"/>
      <c r="EK171" s="311"/>
      <c r="EL171" s="311"/>
      <c r="EM171" s="311"/>
      <c r="EN171" s="311"/>
      <c r="EO171" s="311"/>
      <c r="EP171" s="311"/>
      <c r="EQ171" s="311"/>
      <c r="ER171" s="311"/>
      <c r="ES171" s="311"/>
      <c r="ET171" s="311"/>
      <c r="EU171" s="311"/>
      <c r="EV171" s="311"/>
      <c r="EW171" s="311"/>
      <c r="EX171" s="311"/>
      <c r="EY171" s="311"/>
      <c r="EZ171" s="311"/>
      <c r="FA171" s="311"/>
      <c r="FB171" s="311"/>
      <c r="FC171" s="311"/>
      <c r="FD171" s="311"/>
      <c r="FE171" s="311"/>
      <c r="FF171" s="311"/>
      <c r="FG171" s="311"/>
      <c r="FH171" s="311"/>
      <c r="FI171" s="311"/>
      <c r="FJ171" s="311"/>
      <c r="FK171" s="311"/>
      <c r="FL171" s="311"/>
      <c r="FM171" s="311"/>
      <c r="FN171" s="311"/>
      <c r="FO171" s="311"/>
      <c r="FP171" s="311"/>
      <c r="FQ171" s="311"/>
      <c r="FR171" s="311"/>
      <c r="FS171" s="311"/>
      <c r="FT171" s="311"/>
      <c r="FU171" s="311"/>
      <c r="FV171" s="311"/>
      <c r="FW171" s="311"/>
      <c r="FX171" s="311"/>
      <c r="FY171" s="311"/>
      <c r="FZ171" s="311"/>
      <c r="GA171" s="311"/>
      <c r="GB171" s="311"/>
      <c r="GC171" s="311"/>
      <c r="GD171" s="311"/>
      <c r="GE171" s="311"/>
      <c r="GF171" s="311"/>
      <c r="GG171" s="311"/>
      <c r="GH171" s="311"/>
      <c r="GI171" s="311"/>
      <c r="GJ171" s="311"/>
      <c r="GK171" s="311"/>
    </row>
    <row r="172" spans="1:193" s="312" customFormat="1" ht="36" customHeight="1">
      <c r="A172" s="530"/>
      <c r="B172" s="305"/>
      <c r="C172" s="512" t="s">
        <v>614</v>
      </c>
      <c r="D172" s="513"/>
      <c r="E172" s="314"/>
      <c r="F172" s="237" t="s">
        <v>615</v>
      </c>
      <c r="G172" s="287" t="s">
        <v>616</v>
      </c>
      <c r="H172" s="311"/>
      <c r="I172" s="311"/>
      <c r="J172" s="311"/>
      <c r="K172" s="311"/>
      <c r="L172" s="311"/>
      <c r="M172" s="311"/>
      <c r="N172" s="311"/>
      <c r="O172" s="311"/>
      <c r="P172" s="311"/>
      <c r="Q172" s="311"/>
      <c r="R172" s="311"/>
      <c r="S172" s="311"/>
      <c r="T172" s="311"/>
      <c r="U172" s="311"/>
      <c r="V172" s="311"/>
      <c r="W172" s="311"/>
      <c r="X172" s="311"/>
      <c r="Y172" s="311"/>
      <c r="Z172" s="311"/>
      <c r="AA172" s="311"/>
      <c r="AB172" s="311"/>
      <c r="AC172" s="311"/>
      <c r="AD172" s="311"/>
      <c r="AE172" s="311"/>
      <c r="AF172" s="311"/>
      <c r="AG172" s="311"/>
      <c r="AH172" s="311"/>
      <c r="AI172" s="311"/>
      <c r="AJ172" s="311"/>
      <c r="AK172" s="311"/>
      <c r="AL172" s="311"/>
      <c r="AM172" s="311"/>
      <c r="AN172" s="311"/>
      <c r="AO172" s="311"/>
      <c r="AP172" s="311"/>
      <c r="AQ172" s="311"/>
      <c r="AR172" s="311"/>
      <c r="AS172" s="311"/>
      <c r="AT172" s="311"/>
      <c r="AU172" s="311"/>
      <c r="AV172" s="311"/>
      <c r="AW172" s="311"/>
      <c r="AX172" s="311"/>
      <c r="AY172" s="311"/>
      <c r="AZ172" s="311"/>
      <c r="BA172" s="311"/>
      <c r="BB172" s="311"/>
      <c r="BC172" s="311"/>
      <c r="BD172" s="311"/>
      <c r="BE172" s="311"/>
      <c r="BF172" s="311"/>
      <c r="BG172" s="311"/>
      <c r="BH172" s="311"/>
      <c r="BI172" s="311"/>
      <c r="BJ172" s="311"/>
      <c r="BK172" s="311"/>
      <c r="BL172" s="311"/>
      <c r="BM172" s="311"/>
      <c r="BN172" s="311"/>
      <c r="BO172" s="311"/>
      <c r="BP172" s="311"/>
      <c r="BQ172" s="311"/>
      <c r="BR172" s="311"/>
      <c r="BS172" s="311"/>
      <c r="BT172" s="311"/>
      <c r="BU172" s="311"/>
      <c r="BV172" s="311"/>
      <c r="BW172" s="311"/>
      <c r="BX172" s="311"/>
      <c r="BY172" s="311"/>
      <c r="BZ172" s="311"/>
      <c r="CA172" s="311"/>
      <c r="CB172" s="311"/>
      <c r="CC172" s="311"/>
      <c r="CD172" s="311"/>
      <c r="CE172" s="311"/>
      <c r="CF172" s="311"/>
      <c r="CG172" s="311"/>
      <c r="CH172" s="311"/>
      <c r="CI172" s="311"/>
      <c r="CJ172" s="311"/>
      <c r="CK172" s="311"/>
      <c r="CL172" s="311"/>
      <c r="CM172" s="311"/>
      <c r="CN172" s="311"/>
      <c r="CO172" s="311"/>
      <c r="CP172" s="311"/>
      <c r="CQ172" s="311"/>
      <c r="CR172" s="311"/>
      <c r="CS172" s="311"/>
      <c r="CT172" s="311"/>
      <c r="CU172" s="311"/>
      <c r="CV172" s="311"/>
      <c r="CW172" s="311"/>
      <c r="CX172" s="311"/>
      <c r="CY172" s="311"/>
      <c r="CZ172" s="311"/>
      <c r="DA172" s="311"/>
      <c r="DB172" s="311"/>
      <c r="DC172" s="311"/>
      <c r="DD172" s="311"/>
      <c r="DE172" s="311"/>
      <c r="DF172" s="311"/>
      <c r="DG172" s="311"/>
      <c r="DH172" s="311"/>
      <c r="DI172" s="311"/>
      <c r="DJ172" s="311"/>
      <c r="DK172" s="311"/>
      <c r="DL172" s="311"/>
      <c r="DM172" s="311"/>
      <c r="DN172" s="311"/>
      <c r="DO172" s="311"/>
      <c r="DP172" s="311"/>
      <c r="DQ172" s="311"/>
      <c r="DR172" s="311"/>
      <c r="DS172" s="311"/>
      <c r="DT172" s="311"/>
      <c r="DU172" s="311"/>
      <c r="DV172" s="311"/>
      <c r="DW172" s="311"/>
      <c r="DX172" s="311"/>
      <c r="DY172" s="311"/>
      <c r="DZ172" s="311"/>
      <c r="EA172" s="311"/>
      <c r="EB172" s="311"/>
      <c r="EC172" s="311"/>
      <c r="ED172" s="311"/>
      <c r="EE172" s="311"/>
      <c r="EF172" s="311"/>
      <c r="EG172" s="311"/>
      <c r="EH172" s="311"/>
      <c r="EI172" s="311"/>
      <c r="EJ172" s="311"/>
      <c r="EK172" s="311"/>
      <c r="EL172" s="311"/>
      <c r="EM172" s="311"/>
      <c r="EN172" s="311"/>
      <c r="EO172" s="311"/>
      <c r="EP172" s="311"/>
      <c r="EQ172" s="311"/>
      <c r="ER172" s="311"/>
      <c r="ES172" s="311"/>
      <c r="ET172" s="311"/>
      <c r="EU172" s="311"/>
      <c r="EV172" s="311"/>
      <c r="EW172" s="311"/>
      <c r="EX172" s="311"/>
      <c r="EY172" s="311"/>
      <c r="EZ172" s="311"/>
      <c r="FA172" s="311"/>
      <c r="FB172" s="311"/>
      <c r="FC172" s="311"/>
      <c r="FD172" s="311"/>
      <c r="FE172" s="311"/>
      <c r="FF172" s="311"/>
      <c r="FG172" s="311"/>
      <c r="FH172" s="311"/>
      <c r="FI172" s="311"/>
      <c r="FJ172" s="311"/>
      <c r="FK172" s="311"/>
      <c r="FL172" s="311"/>
      <c r="FM172" s="311"/>
      <c r="FN172" s="311"/>
      <c r="FO172" s="311"/>
      <c r="FP172" s="311"/>
      <c r="FQ172" s="311"/>
      <c r="FR172" s="311"/>
      <c r="FS172" s="311"/>
      <c r="FT172" s="311"/>
      <c r="FU172" s="311"/>
      <c r="FV172" s="311"/>
      <c r="FW172" s="311"/>
      <c r="FX172" s="311"/>
      <c r="FY172" s="311"/>
      <c r="FZ172" s="311"/>
      <c r="GA172" s="311"/>
      <c r="GB172" s="311"/>
      <c r="GC172" s="311"/>
      <c r="GD172" s="311"/>
      <c r="GE172" s="311"/>
      <c r="GF172" s="311"/>
      <c r="GG172" s="311"/>
      <c r="GH172" s="311"/>
      <c r="GI172" s="311"/>
      <c r="GJ172" s="311"/>
      <c r="GK172" s="311"/>
    </row>
    <row r="173" spans="1:193" s="312" customFormat="1" ht="21.75" customHeight="1">
      <c r="A173" s="526" t="s">
        <v>617</v>
      </c>
      <c r="B173" s="301" t="s">
        <v>363</v>
      </c>
      <c r="C173" s="506" t="s">
        <v>594</v>
      </c>
      <c r="D173" s="507"/>
      <c r="E173" s="309"/>
      <c r="F173" s="233" t="s">
        <v>513</v>
      </c>
      <c r="G173" s="310" t="s">
        <v>618</v>
      </c>
      <c r="H173" s="311"/>
      <c r="I173" s="311"/>
      <c r="J173" s="311"/>
      <c r="K173" s="311"/>
      <c r="L173" s="311"/>
      <c r="M173" s="311"/>
      <c r="N173" s="311"/>
      <c r="O173" s="311"/>
      <c r="P173" s="311"/>
      <c r="Q173" s="311"/>
      <c r="R173" s="311"/>
      <c r="S173" s="311"/>
      <c r="T173" s="311"/>
      <c r="U173" s="311"/>
      <c r="V173" s="311"/>
      <c r="W173" s="311"/>
      <c r="X173" s="311"/>
      <c r="Y173" s="311"/>
      <c r="Z173" s="311"/>
      <c r="AA173" s="311"/>
      <c r="AB173" s="311"/>
      <c r="AC173" s="311"/>
      <c r="AD173" s="311"/>
      <c r="AE173" s="311"/>
      <c r="AF173" s="311"/>
      <c r="AG173" s="311"/>
      <c r="AH173" s="311"/>
      <c r="AI173" s="311"/>
      <c r="AJ173" s="311"/>
      <c r="AK173" s="311"/>
      <c r="AL173" s="311"/>
      <c r="AM173" s="311"/>
      <c r="AN173" s="311"/>
      <c r="AO173" s="311"/>
      <c r="AP173" s="311"/>
      <c r="AQ173" s="311"/>
      <c r="AR173" s="311"/>
      <c r="AS173" s="311"/>
      <c r="AT173" s="311"/>
      <c r="AU173" s="311"/>
      <c r="AV173" s="311"/>
      <c r="AW173" s="311"/>
      <c r="AX173" s="311"/>
      <c r="AY173" s="311"/>
      <c r="AZ173" s="311"/>
      <c r="BA173" s="311"/>
      <c r="BB173" s="311"/>
      <c r="BC173" s="311"/>
      <c r="BD173" s="311"/>
      <c r="BE173" s="311"/>
      <c r="BF173" s="311"/>
      <c r="BG173" s="311"/>
      <c r="BH173" s="311"/>
      <c r="BI173" s="311"/>
      <c r="BJ173" s="311"/>
      <c r="BK173" s="311"/>
      <c r="BL173" s="311"/>
      <c r="BM173" s="311"/>
      <c r="BN173" s="311"/>
      <c r="BO173" s="311"/>
      <c r="BP173" s="311"/>
      <c r="BQ173" s="311"/>
      <c r="BR173" s="311"/>
      <c r="BS173" s="311"/>
      <c r="BT173" s="311"/>
      <c r="BU173" s="311"/>
      <c r="BV173" s="311"/>
      <c r="BW173" s="311"/>
      <c r="BX173" s="311"/>
      <c r="BY173" s="311"/>
      <c r="BZ173" s="311"/>
      <c r="CA173" s="311"/>
      <c r="CB173" s="311"/>
      <c r="CC173" s="311"/>
      <c r="CD173" s="311"/>
      <c r="CE173" s="311"/>
      <c r="CF173" s="311"/>
      <c r="CG173" s="311"/>
      <c r="CH173" s="311"/>
      <c r="CI173" s="311"/>
      <c r="CJ173" s="311"/>
      <c r="CK173" s="311"/>
      <c r="CL173" s="311"/>
      <c r="CM173" s="311"/>
      <c r="CN173" s="311"/>
      <c r="CO173" s="311"/>
      <c r="CP173" s="311"/>
      <c r="CQ173" s="311"/>
      <c r="CR173" s="311"/>
      <c r="CS173" s="311"/>
      <c r="CT173" s="311"/>
      <c r="CU173" s="311"/>
      <c r="CV173" s="311"/>
      <c r="CW173" s="311"/>
      <c r="CX173" s="311"/>
      <c r="CY173" s="311"/>
      <c r="CZ173" s="311"/>
      <c r="DA173" s="311"/>
      <c r="DB173" s="311"/>
      <c r="DC173" s="311"/>
      <c r="DD173" s="311"/>
      <c r="DE173" s="311"/>
      <c r="DF173" s="311"/>
      <c r="DG173" s="311"/>
      <c r="DH173" s="311"/>
      <c r="DI173" s="311"/>
      <c r="DJ173" s="311"/>
      <c r="DK173" s="311"/>
      <c r="DL173" s="311"/>
      <c r="DM173" s="311"/>
      <c r="DN173" s="311"/>
      <c r="DO173" s="311"/>
      <c r="DP173" s="311"/>
      <c r="DQ173" s="311"/>
      <c r="DR173" s="311"/>
      <c r="DS173" s="311"/>
      <c r="DT173" s="311"/>
      <c r="DU173" s="311"/>
      <c r="DV173" s="311"/>
      <c r="DW173" s="311"/>
      <c r="DX173" s="311"/>
      <c r="DY173" s="311"/>
      <c r="DZ173" s="311"/>
      <c r="EA173" s="311"/>
      <c r="EB173" s="311"/>
      <c r="EC173" s="311"/>
      <c r="ED173" s="311"/>
      <c r="EE173" s="311"/>
      <c r="EF173" s="311"/>
      <c r="EG173" s="311"/>
      <c r="EH173" s="311"/>
      <c r="EI173" s="311"/>
      <c r="EJ173" s="311"/>
      <c r="EK173" s="311"/>
      <c r="EL173" s="311"/>
      <c r="EM173" s="311"/>
      <c r="EN173" s="311"/>
      <c r="EO173" s="311"/>
      <c r="EP173" s="311"/>
      <c r="EQ173" s="311"/>
      <c r="ER173" s="311"/>
      <c r="ES173" s="311"/>
      <c r="ET173" s="311"/>
      <c r="EU173" s="311"/>
      <c r="EV173" s="311"/>
      <c r="EW173" s="311"/>
      <c r="EX173" s="311"/>
      <c r="EY173" s="311"/>
      <c r="EZ173" s="311"/>
      <c r="FA173" s="311"/>
      <c r="FB173" s="311"/>
      <c r="FC173" s="311"/>
      <c r="FD173" s="311"/>
      <c r="FE173" s="311"/>
      <c r="FF173" s="311"/>
      <c r="FG173" s="311"/>
      <c r="FH173" s="311"/>
      <c r="FI173" s="311"/>
      <c r="FJ173" s="311"/>
      <c r="FK173" s="311"/>
      <c r="FL173" s="311"/>
      <c r="FM173" s="311"/>
      <c r="FN173" s="311"/>
      <c r="FO173" s="311"/>
      <c r="FP173" s="311"/>
      <c r="FQ173" s="311"/>
      <c r="FR173" s="311"/>
      <c r="FS173" s="311"/>
      <c r="FT173" s="311"/>
      <c r="FU173" s="311"/>
      <c r="FV173" s="311"/>
      <c r="FW173" s="311"/>
      <c r="FX173" s="311"/>
      <c r="FY173" s="311"/>
      <c r="FZ173" s="311"/>
      <c r="GA173" s="311"/>
      <c r="GB173" s="311"/>
      <c r="GC173" s="311"/>
      <c r="GD173" s="311"/>
      <c r="GE173" s="311"/>
      <c r="GF173" s="311"/>
      <c r="GG173" s="311"/>
      <c r="GH173" s="311"/>
      <c r="GI173" s="311"/>
      <c r="GJ173" s="311"/>
      <c r="GK173" s="311"/>
    </row>
    <row r="174" spans="1:193" s="312" customFormat="1" ht="27" customHeight="1">
      <c r="A174" s="527"/>
      <c r="B174" s="303"/>
      <c r="C174" s="498" t="s">
        <v>619</v>
      </c>
      <c r="D174" s="499"/>
      <c r="E174" s="313"/>
      <c r="F174" s="224" t="s">
        <v>513</v>
      </c>
      <c r="G174" s="287" t="s">
        <v>620</v>
      </c>
      <c r="H174" s="311"/>
      <c r="I174" s="311"/>
      <c r="J174" s="311"/>
      <c r="K174" s="311"/>
      <c r="L174" s="311"/>
      <c r="M174" s="311"/>
      <c r="N174" s="311"/>
      <c r="O174" s="311"/>
      <c r="P174" s="311"/>
      <c r="Q174" s="311"/>
      <c r="R174" s="311"/>
      <c r="S174" s="311"/>
      <c r="T174" s="311"/>
      <c r="U174" s="311"/>
      <c r="V174" s="311"/>
      <c r="W174" s="311"/>
      <c r="X174" s="311"/>
      <c r="Y174" s="311"/>
      <c r="Z174" s="311"/>
      <c r="AA174" s="311"/>
      <c r="AB174" s="311"/>
      <c r="AC174" s="311"/>
      <c r="AD174" s="311"/>
      <c r="AE174" s="311"/>
      <c r="AF174" s="311"/>
      <c r="AG174" s="311"/>
      <c r="AH174" s="311"/>
      <c r="AI174" s="311"/>
      <c r="AJ174" s="311"/>
      <c r="AK174" s="311"/>
      <c r="AL174" s="311"/>
      <c r="AM174" s="311"/>
      <c r="AN174" s="311"/>
      <c r="AO174" s="311"/>
      <c r="AP174" s="311"/>
      <c r="AQ174" s="311"/>
      <c r="AR174" s="311"/>
      <c r="AS174" s="311"/>
      <c r="AT174" s="311"/>
      <c r="AU174" s="311"/>
      <c r="AV174" s="311"/>
      <c r="AW174" s="311"/>
      <c r="AX174" s="311"/>
      <c r="AY174" s="311"/>
      <c r="AZ174" s="311"/>
      <c r="BA174" s="311"/>
      <c r="BB174" s="311"/>
      <c r="BC174" s="311"/>
      <c r="BD174" s="311"/>
      <c r="BE174" s="311"/>
      <c r="BF174" s="311"/>
      <c r="BG174" s="311"/>
      <c r="BH174" s="311"/>
      <c r="BI174" s="311"/>
      <c r="BJ174" s="311"/>
      <c r="BK174" s="311"/>
      <c r="BL174" s="311"/>
      <c r="BM174" s="311"/>
      <c r="BN174" s="311"/>
      <c r="BO174" s="311"/>
      <c r="BP174" s="311"/>
      <c r="BQ174" s="311"/>
      <c r="BR174" s="311"/>
      <c r="BS174" s="311"/>
      <c r="BT174" s="311"/>
      <c r="BU174" s="311"/>
      <c r="BV174" s="311"/>
      <c r="BW174" s="311"/>
      <c r="BX174" s="311"/>
      <c r="BY174" s="311"/>
      <c r="BZ174" s="311"/>
      <c r="CA174" s="311"/>
      <c r="CB174" s="311"/>
      <c r="CC174" s="311"/>
      <c r="CD174" s="311"/>
      <c r="CE174" s="311"/>
      <c r="CF174" s="311"/>
      <c r="CG174" s="311"/>
      <c r="CH174" s="311"/>
      <c r="CI174" s="311"/>
      <c r="CJ174" s="311"/>
      <c r="CK174" s="311"/>
      <c r="CL174" s="311"/>
      <c r="CM174" s="311"/>
      <c r="CN174" s="311"/>
      <c r="CO174" s="311"/>
      <c r="CP174" s="311"/>
      <c r="CQ174" s="311"/>
      <c r="CR174" s="311"/>
      <c r="CS174" s="311"/>
      <c r="CT174" s="311"/>
      <c r="CU174" s="311"/>
      <c r="CV174" s="311"/>
      <c r="CW174" s="311"/>
      <c r="CX174" s="311"/>
      <c r="CY174" s="311"/>
      <c r="CZ174" s="311"/>
      <c r="DA174" s="311"/>
      <c r="DB174" s="311"/>
      <c r="DC174" s="311"/>
      <c r="DD174" s="311"/>
      <c r="DE174" s="311"/>
      <c r="DF174" s="311"/>
      <c r="DG174" s="311"/>
      <c r="DH174" s="311"/>
      <c r="DI174" s="311"/>
      <c r="DJ174" s="311"/>
      <c r="DK174" s="311"/>
      <c r="DL174" s="311"/>
      <c r="DM174" s="311"/>
      <c r="DN174" s="311"/>
      <c r="DO174" s="311"/>
      <c r="DP174" s="311"/>
      <c r="DQ174" s="311"/>
      <c r="DR174" s="311"/>
      <c r="DS174" s="311"/>
      <c r="DT174" s="311"/>
      <c r="DU174" s="311"/>
      <c r="DV174" s="311"/>
      <c r="DW174" s="311"/>
      <c r="DX174" s="311"/>
      <c r="DY174" s="311"/>
      <c r="DZ174" s="311"/>
      <c r="EA174" s="311"/>
      <c r="EB174" s="311"/>
      <c r="EC174" s="311"/>
      <c r="ED174" s="311"/>
      <c r="EE174" s="311"/>
      <c r="EF174" s="311"/>
      <c r="EG174" s="311"/>
      <c r="EH174" s="311"/>
      <c r="EI174" s="311"/>
      <c r="EJ174" s="311"/>
      <c r="EK174" s="311"/>
      <c r="EL174" s="311"/>
      <c r="EM174" s="311"/>
      <c r="EN174" s="311"/>
      <c r="EO174" s="311"/>
      <c r="EP174" s="311"/>
      <c r="EQ174" s="311"/>
      <c r="ER174" s="311"/>
      <c r="ES174" s="311"/>
      <c r="ET174" s="311"/>
      <c r="EU174" s="311"/>
      <c r="EV174" s="311"/>
      <c r="EW174" s="311"/>
      <c r="EX174" s="311"/>
      <c r="EY174" s="311"/>
      <c r="EZ174" s="311"/>
      <c r="FA174" s="311"/>
      <c r="FB174" s="311"/>
      <c r="FC174" s="311"/>
      <c r="FD174" s="311"/>
      <c r="FE174" s="311"/>
      <c r="FF174" s="311"/>
      <c r="FG174" s="311"/>
      <c r="FH174" s="311"/>
      <c r="FI174" s="311"/>
      <c r="FJ174" s="311"/>
      <c r="FK174" s="311"/>
      <c r="FL174" s="311"/>
      <c r="FM174" s="311"/>
      <c r="FN174" s="311"/>
      <c r="FO174" s="311"/>
      <c r="FP174" s="311"/>
      <c r="FQ174" s="311"/>
      <c r="FR174" s="311"/>
      <c r="FS174" s="311"/>
      <c r="FT174" s="311"/>
      <c r="FU174" s="311"/>
      <c r="FV174" s="311"/>
      <c r="FW174" s="311"/>
      <c r="FX174" s="311"/>
      <c r="FY174" s="311"/>
      <c r="FZ174" s="311"/>
      <c r="GA174" s="311"/>
      <c r="GB174" s="311"/>
      <c r="GC174" s="311"/>
      <c r="GD174" s="311"/>
      <c r="GE174" s="311"/>
      <c r="GF174" s="311"/>
      <c r="GG174" s="311"/>
      <c r="GH174" s="311"/>
      <c r="GI174" s="311"/>
      <c r="GJ174" s="311"/>
      <c r="GK174" s="311"/>
    </row>
    <row r="175" spans="1:193" s="312" customFormat="1" ht="21.75" customHeight="1">
      <c r="A175" s="527"/>
      <c r="B175" s="303"/>
      <c r="C175" s="498" t="s">
        <v>598</v>
      </c>
      <c r="D175" s="499"/>
      <c r="E175" s="313"/>
      <c r="F175" s="224" t="s">
        <v>513</v>
      </c>
      <c r="G175" s="287" t="s">
        <v>599</v>
      </c>
      <c r="H175" s="311"/>
      <c r="I175" s="311"/>
      <c r="J175" s="311"/>
      <c r="K175" s="311"/>
      <c r="L175" s="311"/>
      <c r="M175" s="311"/>
      <c r="N175" s="311"/>
      <c r="O175" s="311"/>
      <c r="P175" s="311"/>
      <c r="Q175" s="311"/>
      <c r="R175" s="311"/>
      <c r="S175" s="311"/>
      <c r="T175" s="311"/>
      <c r="U175" s="311"/>
      <c r="V175" s="311"/>
      <c r="W175" s="311"/>
      <c r="X175" s="311"/>
      <c r="Y175" s="311"/>
      <c r="Z175" s="311"/>
      <c r="AA175" s="311"/>
      <c r="AB175" s="311"/>
      <c r="AC175" s="311"/>
      <c r="AD175" s="311"/>
      <c r="AE175" s="311"/>
      <c r="AF175" s="311"/>
      <c r="AG175" s="311"/>
      <c r="AH175" s="311"/>
      <c r="AI175" s="311"/>
      <c r="AJ175" s="311"/>
      <c r="AK175" s="311"/>
      <c r="AL175" s="311"/>
      <c r="AM175" s="311"/>
      <c r="AN175" s="311"/>
      <c r="AO175" s="311"/>
      <c r="AP175" s="311"/>
      <c r="AQ175" s="311"/>
      <c r="AR175" s="311"/>
      <c r="AS175" s="311"/>
      <c r="AT175" s="311"/>
      <c r="AU175" s="311"/>
      <c r="AV175" s="311"/>
      <c r="AW175" s="311"/>
      <c r="AX175" s="311"/>
      <c r="AY175" s="311"/>
      <c r="AZ175" s="311"/>
      <c r="BA175" s="311"/>
      <c r="BB175" s="311"/>
      <c r="BC175" s="311"/>
      <c r="BD175" s="311"/>
      <c r="BE175" s="311"/>
      <c r="BF175" s="311"/>
      <c r="BG175" s="311"/>
      <c r="BH175" s="311"/>
      <c r="BI175" s="311"/>
      <c r="BJ175" s="311"/>
      <c r="BK175" s="311"/>
      <c r="BL175" s="311"/>
      <c r="BM175" s="311"/>
      <c r="BN175" s="311"/>
      <c r="BO175" s="311"/>
      <c r="BP175" s="311"/>
      <c r="BQ175" s="311"/>
      <c r="BR175" s="311"/>
      <c r="BS175" s="311"/>
      <c r="BT175" s="311"/>
      <c r="BU175" s="311"/>
      <c r="BV175" s="311"/>
      <c r="BW175" s="311"/>
      <c r="BX175" s="311"/>
      <c r="BY175" s="311"/>
      <c r="BZ175" s="311"/>
      <c r="CA175" s="311"/>
      <c r="CB175" s="311"/>
      <c r="CC175" s="311"/>
      <c r="CD175" s="311"/>
      <c r="CE175" s="311"/>
      <c r="CF175" s="311"/>
      <c r="CG175" s="311"/>
      <c r="CH175" s="311"/>
      <c r="CI175" s="311"/>
      <c r="CJ175" s="311"/>
      <c r="CK175" s="311"/>
      <c r="CL175" s="311"/>
      <c r="CM175" s="311"/>
      <c r="CN175" s="311"/>
      <c r="CO175" s="311"/>
      <c r="CP175" s="311"/>
      <c r="CQ175" s="311"/>
      <c r="CR175" s="311"/>
      <c r="CS175" s="311"/>
      <c r="CT175" s="311"/>
      <c r="CU175" s="311"/>
      <c r="CV175" s="311"/>
      <c r="CW175" s="311"/>
      <c r="CX175" s="311"/>
      <c r="CY175" s="311"/>
      <c r="CZ175" s="311"/>
      <c r="DA175" s="311"/>
      <c r="DB175" s="311"/>
      <c r="DC175" s="311"/>
      <c r="DD175" s="311"/>
      <c r="DE175" s="311"/>
      <c r="DF175" s="311"/>
      <c r="DG175" s="311"/>
      <c r="DH175" s="311"/>
      <c r="DI175" s="311"/>
      <c r="DJ175" s="311"/>
      <c r="DK175" s="311"/>
      <c r="DL175" s="311"/>
      <c r="DM175" s="311"/>
      <c r="DN175" s="311"/>
      <c r="DO175" s="311"/>
      <c r="DP175" s="311"/>
      <c r="DQ175" s="311"/>
      <c r="DR175" s="311"/>
      <c r="DS175" s="311"/>
      <c r="DT175" s="311"/>
      <c r="DU175" s="311"/>
      <c r="DV175" s="311"/>
      <c r="DW175" s="311"/>
      <c r="DX175" s="311"/>
      <c r="DY175" s="311"/>
      <c r="DZ175" s="311"/>
      <c r="EA175" s="311"/>
      <c r="EB175" s="311"/>
      <c r="EC175" s="311"/>
      <c r="ED175" s="311"/>
      <c r="EE175" s="311"/>
      <c r="EF175" s="311"/>
      <c r="EG175" s="311"/>
      <c r="EH175" s="311"/>
      <c r="EI175" s="311"/>
      <c r="EJ175" s="311"/>
      <c r="EK175" s="311"/>
      <c r="EL175" s="311"/>
      <c r="EM175" s="311"/>
      <c r="EN175" s="311"/>
      <c r="EO175" s="311"/>
      <c r="EP175" s="311"/>
      <c r="EQ175" s="311"/>
      <c r="ER175" s="311"/>
      <c r="ES175" s="311"/>
      <c r="ET175" s="311"/>
      <c r="EU175" s="311"/>
      <c r="EV175" s="311"/>
      <c r="EW175" s="311"/>
      <c r="EX175" s="311"/>
      <c r="EY175" s="311"/>
      <c r="EZ175" s="311"/>
      <c r="FA175" s="311"/>
      <c r="FB175" s="311"/>
      <c r="FC175" s="311"/>
      <c r="FD175" s="311"/>
      <c r="FE175" s="311"/>
      <c r="FF175" s="311"/>
      <c r="FG175" s="311"/>
      <c r="FH175" s="311"/>
      <c r="FI175" s="311"/>
      <c r="FJ175" s="311"/>
      <c r="FK175" s="311"/>
      <c r="FL175" s="311"/>
      <c r="FM175" s="311"/>
      <c r="FN175" s="311"/>
      <c r="FO175" s="311"/>
      <c r="FP175" s="311"/>
      <c r="FQ175" s="311"/>
      <c r="FR175" s="311"/>
      <c r="FS175" s="311"/>
      <c r="FT175" s="311"/>
      <c r="FU175" s="311"/>
      <c r="FV175" s="311"/>
      <c r="FW175" s="311"/>
      <c r="FX175" s="311"/>
      <c r="FY175" s="311"/>
      <c r="FZ175" s="311"/>
      <c r="GA175" s="311"/>
      <c r="GB175" s="311"/>
      <c r="GC175" s="311"/>
      <c r="GD175" s="311"/>
      <c r="GE175" s="311"/>
      <c r="GF175" s="311"/>
      <c r="GG175" s="311"/>
      <c r="GH175" s="311"/>
      <c r="GI175" s="311"/>
      <c r="GJ175" s="311"/>
      <c r="GK175" s="311"/>
    </row>
    <row r="176" spans="1:193" s="312" customFormat="1" ht="21.75" customHeight="1">
      <c r="A176" s="527"/>
      <c r="B176" s="303"/>
      <c r="C176" s="498" t="s">
        <v>600</v>
      </c>
      <c r="D176" s="499"/>
      <c r="E176" s="313"/>
      <c r="F176" s="224" t="s">
        <v>615</v>
      </c>
      <c r="G176" s="287" t="s">
        <v>601</v>
      </c>
      <c r="H176" s="311"/>
      <c r="I176" s="311"/>
      <c r="J176" s="311"/>
      <c r="K176" s="311"/>
      <c r="L176" s="311"/>
      <c r="M176" s="311"/>
      <c r="N176" s="311"/>
      <c r="O176" s="311"/>
      <c r="P176" s="311"/>
      <c r="Q176" s="311"/>
      <c r="R176" s="311"/>
      <c r="S176" s="311"/>
      <c r="T176" s="311"/>
      <c r="U176" s="311"/>
      <c r="V176" s="311"/>
      <c r="W176" s="311"/>
      <c r="X176" s="311"/>
      <c r="Y176" s="311"/>
      <c r="Z176" s="311"/>
      <c r="AA176" s="311"/>
      <c r="AB176" s="311"/>
      <c r="AC176" s="311"/>
      <c r="AD176" s="311"/>
      <c r="AE176" s="311"/>
      <c r="AF176" s="311"/>
      <c r="AG176" s="311"/>
      <c r="AH176" s="311"/>
      <c r="AI176" s="311"/>
      <c r="AJ176" s="311"/>
      <c r="AK176" s="311"/>
      <c r="AL176" s="311"/>
      <c r="AM176" s="311"/>
      <c r="AN176" s="311"/>
      <c r="AO176" s="311"/>
      <c r="AP176" s="311"/>
      <c r="AQ176" s="311"/>
      <c r="AR176" s="311"/>
      <c r="AS176" s="311"/>
      <c r="AT176" s="311"/>
      <c r="AU176" s="311"/>
      <c r="AV176" s="311"/>
      <c r="AW176" s="311"/>
      <c r="AX176" s="311"/>
      <c r="AY176" s="311"/>
      <c r="AZ176" s="311"/>
      <c r="BA176" s="311"/>
      <c r="BB176" s="311"/>
      <c r="BC176" s="311"/>
      <c r="BD176" s="311"/>
      <c r="BE176" s="311"/>
      <c r="BF176" s="311"/>
      <c r="BG176" s="311"/>
      <c r="BH176" s="311"/>
      <c r="BI176" s="311"/>
      <c r="BJ176" s="311"/>
      <c r="BK176" s="311"/>
      <c r="BL176" s="311"/>
      <c r="BM176" s="311"/>
      <c r="BN176" s="311"/>
      <c r="BO176" s="311"/>
      <c r="BP176" s="311"/>
      <c r="BQ176" s="311"/>
      <c r="BR176" s="311"/>
      <c r="BS176" s="311"/>
      <c r="BT176" s="311"/>
      <c r="BU176" s="311"/>
      <c r="BV176" s="311"/>
      <c r="BW176" s="311"/>
      <c r="BX176" s="311"/>
      <c r="BY176" s="311"/>
      <c r="BZ176" s="311"/>
      <c r="CA176" s="311"/>
      <c r="CB176" s="311"/>
      <c r="CC176" s="311"/>
      <c r="CD176" s="311"/>
      <c r="CE176" s="311"/>
      <c r="CF176" s="311"/>
      <c r="CG176" s="311"/>
      <c r="CH176" s="311"/>
      <c r="CI176" s="311"/>
      <c r="CJ176" s="311"/>
      <c r="CK176" s="311"/>
      <c r="CL176" s="311"/>
      <c r="CM176" s="311"/>
      <c r="CN176" s="311"/>
      <c r="CO176" s="311"/>
      <c r="CP176" s="311"/>
      <c r="CQ176" s="311"/>
      <c r="CR176" s="311"/>
      <c r="CS176" s="311"/>
      <c r="CT176" s="311"/>
      <c r="CU176" s="311"/>
      <c r="CV176" s="311"/>
      <c r="CW176" s="311"/>
      <c r="CX176" s="311"/>
      <c r="CY176" s="311"/>
      <c r="CZ176" s="311"/>
      <c r="DA176" s="311"/>
      <c r="DB176" s="311"/>
      <c r="DC176" s="311"/>
      <c r="DD176" s="311"/>
      <c r="DE176" s="311"/>
      <c r="DF176" s="311"/>
      <c r="DG176" s="311"/>
      <c r="DH176" s="311"/>
      <c r="DI176" s="311"/>
      <c r="DJ176" s="311"/>
      <c r="DK176" s="311"/>
      <c r="DL176" s="311"/>
      <c r="DM176" s="311"/>
      <c r="DN176" s="311"/>
      <c r="DO176" s="311"/>
      <c r="DP176" s="311"/>
      <c r="DQ176" s="311"/>
      <c r="DR176" s="311"/>
      <c r="DS176" s="311"/>
      <c r="DT176" s="311"/>
      <c r="DU176" s="311"/>
      <c r="DV176" s="311"/>
      <c r="DW176" s="311"/>
      <c r="DX176" s="311"/>
      <c r="DY176" s="311"/>
      <c r="DZ176" s="311"/>
      <c r="EA176" s="311"/>
      <c r="EB176" s="311"/>
      <c r="EC176" s="311"/>
      <c r="ED176" s="311"/>
      <c r="EE176" s="311"/>
      <c r="EF176" s="311"/>
      <c r="EG176" s="311"/>
      <c r="EH176" s="311"/>
      <c r="EI176" s="311"/>
      <c r="EJ176" s="311"/>
      <c r="EK176" s="311"/>
      <c r="EL176" s="311"/>
      <c r="EM176" s="311"/>
      <c r="EN176" s="311"/>
      <c r="EO176" s="311"/>
      <c r="EP176" s="311"/>
      <c r="EQ176" s="311"/>
      <c r="ER176" s="311"/>
      <c r="ES176" s="311"/>
      <c r="ET176" s="311"/>
      <c r="EU176" s="311"/>
      <c r="EV176" s="311"/>
      <c r="EW176" s="311"/>
      <c r="EX176" s="311"/>
      <c r="EY176" s="311"/>
      <c r="EZ176" s="311"/>
      <c r="FA176" s="311"/>
      <c r="FB176" s="311"/>
      <c r="FC176" s="311"/>
      <c r="FD176" s="311"/>
      <c r="FE176" s="311"/>
      <c r="FF176" s="311"/>
      <c r="FG176" s="311"/>
      <c r="FH176" s="311"/>
      <c r="FI176" s="311"/>
      <c r="FJ176" s="311"/>
      <c r="FK176" s="311"/>
      <c r="FL176" s="311"/>
      <c r="FM176" s="311"/>
      <c r="FN176" s="311"/>
      <c r="FO176" s="311"/>
      <c r="FP176" s="311"/>
      <c r="FQ176" s="311"/>
      <c r="FR176" s="311"/>
      <c r="FS176" s="311"/>
      <c r="FT176" s="311"/>
      <c r="FU176" s="311"/>
      <c r="FV176" s="311"/>
      <c r="FW176" s="311"/>
      <c r="FX176" s="311"/>
      <c r="FY176" s="311"/>
      <c r="FZ176" s="311"/>
      <c r="GA176" s="311"/>
      <c r="GB176" s="311"/>
      <c r="GC176" s="311"/>
      <c r="GD176" s="311"/>
      <c r="GE176" s="311"/>
      <c r="GF176" s="311"/>
      <c r="GG176" s="311"/>
      <c r="GH176" s="311"/>
      <c r="GI176" s="311"/>
      <c r="GJ176" s="311"/>
      <c r="GK176" s="311"/>
    </row>
    <row r="177" spans="1:193" s="312" customFormat="1" ht="21.75" customHeight="1">
      <c r="A177" s="527"/>
      <c r="B177" s="303"/>
      <c r="C177" s="498" t="s">
        <v>602</v>
      </c>
      <c r="D177" s="499"/>
      <c r="E177" s="313"/>
      <c r="F177" s="224" t="s">
        <v>543</v>
      </c>
      <c r="G177" s="287"/>
      <c r="H177" s="311"/>
      <c r="I177" s="311"/>
      <c r="J177" s="311"/>
      <c r="K177" s="311"/>
      <c r="L177" s="311"/>
      <c r="M177" s="311"/>
      <c r="N177" s="311"/>
      <c r="O177" s="311"/>
      <c r="P177" s="311"/>
      <c r="Q177" s="311"/>
      <c r="R177" s="311"/>
      <c r="S177" s="311"/>
      <c r="T177" s="311"/>
      <c r="U177" s="311"/>
      <c r="V177" s="311"/>
      <c r="W177" s="311"/>
      <c r="X177" s="311"/>
      <c r="Y177" s="311"/>
      <c r="Z177" s="311"/>
      <c r="AA177" s="311"/>
      <c r="AB177" s="311"/>
      <c r="AC177" s="311"/>
      <c r="AD177" s="311"/>
      <c r="AE177" s="311"/>
      <c r="AF177" s="311"/>
      <c r="AG177" s="311"/>
      <c r="AH177" s="311"/>
      <c r="AI177" s="311"/>
      <c r="AJ177" s="311"/>
      <c r="AK177" s="311"/>
      <c r="AL177" s="311"/>
      <c r="AM177" s="311"/>
      <c r="AN177" s="311"/>
      <c r="AO177" s="311"/>
      <c r="AP177" s="311"/>
      <c r="AQ177" s="311"/>
      <c r="AR177" s="311"/>
      <c r="AS177" s="311"/>
      <c r="AT177" s="311"/>
      <c r="AU177" s="311"/>
      <c r="AV177" s="311"/>
      <c r="AW177" s="311"/>
      <c r="AX177" s="311"/>
      <c r="AY177" s="311"/>
      <c r="AZ177" s="311"/>
      <c r="BA177" s="311"/>
      <c r="BB177" s="311"/>
      <c r="BC177" s="311"/>
      <c r="BD177" s="311"/>
      <c r="BE177" s="311"/>
      <c r="BF177" s="311"/>
      <c r="BG177" s="311"/>
      <c r="BH177" s="311"/>
      <c r="BI177" s="311"/>
      <c r="BJ177" s="311"/>
      <c r="BK177" s="311"/>
      <c r="BL177" s="311"/>
      <c r="BM177" s="311"/>
      <c r="BN177" s="311"/>
      <c r="BO177" s="311"/>
      <c r="BP177" s="311"/>
      <c r="BQ177" s="311"/>
      <c r="BR177" s="311"/>
      <c r="BS177" s="311"/>
      <c r="BT177" s="311"/>
      <c r="BU177" s="311"/>
      <c r="BV177" s="311"/>
      <c r="BW177" s="311"/>
      <c r="BX177" s="311"/>
      <c r="BY177" s="311"/>
      <c r="BZ177" s="311"/>
      <c r="CA177" s="311"/>
      <c r="CB177" s="311"/>
      <c r="CC177" s="311"/>
      <c r="CD177" s="311"/>
      <c r="CE177" s="311"/>
      <c r="CF177" s="311"/>
      <c r="CG177" s="311"/>
      <c r="CH177" s="311"/>
      <c r="CI177" s="311"/>
      <c r="CJ177" s="311"/>
      <c r="CK177" s="311"/>
      <c r="CL177" s="311"/>
      <c r="CM177" s="311"/>
      <c r="CN177" s="311"/>
      <c r="CO177" s="311"/>
      <c r="CP177" s="311"/>
      <c r="CQ177" s="311"/>
      <c r="CR177" s="311"/>
      <c r="CS177" s="311"/>
      <c r="CT177" s="311"/>
      <c r="CU177" s="311"/>
      <c r="CV177" s="311"/>
      <c r="CW177" s="311"/>
      <c r="CX177" s="311"/>
      <c r="CY177" s="311"/>
      <c r="CZ177" s="311"/>
      <c r="DA177" s="311"/>
      <c r="DB177" s="311"/>
      <c r="DC177" s="311"/>
      <c r="DD177" s="311"/>
      <c r="DE177" s="311"/>
      <c r="DF177" s="311"/>
      <c r="DG177" s="311"/>
      <c r="DH177" s="311"/>
      <c r="DI177" s="311"/>
      <c r="DJ177" s="311"/>
      <c r="DK177" s="311"/>
      <c r="DL177" s="311"/>
      <c r="DM177" s="311"/>
      <c r="DN177" s="311"/>
      <c r="DO177" s="311"/>
      <c r="DP177" s="311"/>
      <c r="DQ177" s="311"/>
      <c r="DR177" s="311"/>
      <c r="DS177" s="311"/>
      <c r="DT177" s="311"/>
      <c r="DU177" s="311"/>
      <c r="DV177" s="311"/>
      <c r="DW177" s="311"/>
      <c r="DX177" s="311"/>
      <c r="DY177" s="311"/>
      <c r="DZ177" s="311"/>
      <c r="EA177" s="311"/>
      <c r="EB177" s="311"/>
      <c r="EC177" s="311"/>
      <c r="ED177" s="311"/>
      <c r="EE177" s="311"/>
      <c r="EF177" s="311"/>
      <c r="EG177" s="311"/>
      <c r="EH177" s="311"/>
      <c r="EI177" s="311"/>
      <c r="EJ177" s="311"/>
      <c r="EK177" s="311"/>
      <c r="EL177" s="311"/>
      <c r="EM177" s="311"/>
      <c r="EN177" s="311"/>
      <c r="EO177" s="311"/>
      <c r="EP177" s="311"/>
      <c r="EQ177" s="311"/>
      <c r="ER177" s="311"/>
      <c r="ES177" s="311"/>
      <c r="ET177" s="311"/>
      <c r="EU177" s="311"/>
      <c r="EV177" s="311"/>
      <c r="EW177" s="311"/>
      <c r="EX177" s="311"/>
      <c r="EY177" s="311"/>
      <c r="EZ177" s="311"/>
      <c r="FA177" s="311"/>
      <c r="FB177" s="311"/>
      <c r="FC177" s="311"/>
      <c r="FD177" s="311"/>
      <c r="FE177" s="311"/>
      <c r="FF177" s="311"/>
      <c r="FG177" s="311"/>
      <c r="FH177" s="311"/>
      <c r="FI177" s="311"/>
      <c r="FJ177" s="311"/>
      <c r="FK177" s="311"/>
      <c r="FL177" s="311"/>
      <c r="FM177" s="311"/>
      <c r="FN177" s="311"/>
      <c r="FO177" s="311"/>
      <c r="FP177" s="311"/>
      <c r="FQ177" s="311"/>
      <c r="FR177" s="311"/>
      <c r="FS177" s="311"/>
      <c r="FT177" s="311"/>
      <c r="FU177" s="311"/>
      <c r="FV177" s="311"/>
      <c r="FW177" s="311"/>
      <c r="FX177" s="311"/>
      <c r="FY177" s="311"/>
      <c r="FZ177" s="311"/>
      <c r="GA177" s="311"/>
      <c r="GB177" s="311"/>
      <c r="GC177" s="311"/>
      <c r="GD177" s="311"/>
      <c r="GE177" s="311"/>
      <c r="GF177" s="311"/>
      <c r="GG177" s="311"/>
      <c r="GH177" s="311"/>
      <c r="GI177" s="311"/>
      <c r="GJ177" s="311"/>
      <c r="GK177" s="311"/>
    </row>
    <row r="178" spans="1:193" s="312" customFormat="1" ht="21.75" customHeight="1">
      <c r="A178" s="527"/>
      <c r="B178" s="303"/>
      <c r="C178" s="498" t="s">
        <v>603</v>
      </c>
      <c r="D178" s="499"/>
      <c r="E178" s="313"/>
      <c r="F178" s="224" t="s">
        <v>604</v>
      </c>
      <c r="G178" s="287"/>
      <c r="H178" s="311"/>
      <c r="I178" s="311"/>
      <c r="J178" s="311"/>
      <c r="K178" s="311"/>
      <c r="L178" s="311"/>
      <c r="M178" s="311"/>
      <c r="N178" s="311"/>
      <c r="O178" s="311"/>
      <c r="P178" s="311"/>
      <c r="Q178" s="311"/>
      <c r="R178" s="311"/>
      <c r="S178" s="311"/>
      <c r="T178" s="311"/>
      <c r="U178" s="311"/>
      <c r="V178" s="311"/>
      <c r="W178" s="311"/>
      <c r="X178" s="311"/>
      <c r="Y178" s="311"/>
      <c r="Z178" s="311"/>
      <c r="AA178" s="311"/>
      <c r="AB178" s="311"/>
      <c r="AC178" s="311"/>
      <c r="AD178" s="311"/>
      <c r="AE178" s="311"/>
      <c r="AF178" s="311"/>
      <c r="AG178" s="311"/>
      <c r="AH178" s="311"/>
      <c r="AI178" s="311"/>
      <c r="AJ178" s="311"/>
      <c r="AK178" s="311"/>
      <c r="AL178" s="311"/>
      <c r="AM178" s="311"/>
      <c r="AN178" s="311"/>
      <c r="AO178" s="311"/>
      <c r="AP178" s="311"/>
      <c r="AQ178" s="311"/>
      <c r="AR178" s="311"/>
      <c r="AS178" s="311"/>
      <c r="AT178" s="311"/>
      <c r="AU178" s="311"/>
      <c r="AV178" s="311"/>
      <c r="AW178" s="311"/>
      <c r="AX178" s="311"/>
      <c r="AY178" s="311"/>
      <c r="AZ178" s="311"/>
      <c r="BA178" s="311"/>
      <c r="BB178" s="311"/>
      <c r="BC178" s="311"/>
      <c r="BD178" s="311"/>
      <c r="BE178" s="311"/>
      <c r="BF178" s="311"/>
      <c r="BG178" s="311"/>
      <c r="BH178" s="311"/>
      <c r="BI178" s="311"/>
      <c r="BJ178" s="311"/>
      <c r="BK178" s="311"/>
      <c r="BL178" s="311"/>
      <c r="BM178" s="311"/>
      <c r="BN178" s="311"/>
      <c r="BO178" s="311"/>
      <c r="BP178" s="311"/>
      <c r="BQ178" s="311"/>
      <c r="BR178" s="311"/>
      <c r="BS178" s="311"/>
      <c r="BT178" s="311"/>
      <c r="BU178" s="311"/>
      <c r="BV178" s="311"/>
      <c r="BW178" s="311"/>
      <c r="BX178" s="311"/>
      <c r="BY178" s="311"/>
      <c r="BZ178" s="311"/>
      <c r="CA178" s="311"/>
      <c r="CB178" s="311"/>
      <c r="CC178" s="311"/>
      <c r="CD178" s="311"/>
      <c r="CE178" s="311"/>
      <c r="CF178" s="311"/>
      <c r="CG178" s="311"/>
      <c r="CH178" s="311"/>
      <c r="CI178" s="311"/>
      <c r="CJ178" s="311"/>
      <c r="CK178" s="311"/>
      <c r="CL178" s="311"/>
      <c r="CM178" s="311"/>
      <c r="CN178" s="311"/>
      <c r="CO178" s="311"/>
      <c r="CP178" s="311"/>
      <c r="CQ178" s="311"/>
      <c r="CR178" s="311"/>
      <c r="CS178" s="311"/>
      <c r="CT178" s="311"/>
      <c r="CU178" s="311"/>
      <c r="CV178" s="311"/>
      <c r="CW178" s="311"/>
      <c r="CX178" s="311"/>
      <c r="CY178" s="311"/>
      <c r="CZ178" s="311"/>
      <c r="DA178" s="311"/>
      <c r="DB178" s="311"/>
      <c r="DC178" s="311"/>
      <c r="DD178" s="311"/>
      <c r="DE178" s="311"/>
      <c r="DF178" s="311"/>
      <c r="DG178" s="311"/>
      <c r="DH178" s="311"/>
      <c r="DI178" s="311"/>
      <c r="DJ178" s="311"/>
      <c r="DK178" s="311"/>
      <c r="DL178" s="311"/>
      <c r="DM178" s="311"/>
      <c r="DN178" s="311"/>
      <c r="DO178" s="311"/>
      <c r="DP178" s="311"/>
      <c r="DQ178" s="311"/>
      <c r="DR178" s="311"/>
      <c r="DS178" s="311"/>
      <c r="DT178" s="311"/>
      <c r="DU178" s="311"/>
      <c r="DV178" s="311"/>
      <c r="DW178" s="311"/>
      <c r="DX178" s="311"/>
      <c r="DY178" s="311"/>
      <c r="DZ178" s="311"/>
      <c r="EA178" s="311"/>
      <c r="EB178" s="311"/>
      <c r="EC178" s="311"/>
      <c r="ED178" s="311"/>
      <c r="EE178" s="311"/>
      <c r="EF178" s="311"/>
      <c r="EG178" s="311"/>
      <c r="EH178" s="311"/>
      <c r="EI178" s="311"/>
      <c r="EJ178" s="311"/>
      <c r="EK178" s="311"/>
      <c r="EL178" s="311"/>
      <c r="EM178" s="311"/>
      <c r="EN178" s="311"/>
      <c r="EO178" s="311"/>
      <c r="EP178" s="311"/>
      <c r="EQ178" s="311"/>
      <c r="ER178" s="311"/>
      <c r="ES178" s="311"/>
      <c r="ET178" s="311"/>
      <c r="EU178" s="311"/>
      <c r="EV178" s="311"/>
      <c r="EW178" s="311"/>
      <c r="EX178" s="311"/>
      <c r="EY178" s="311"/>
      <c r="EZ178" s="311"/>
      <c r="FA178" s="311"/>
      <c r="FB178" s="311"/>
      <c r="FC178" s="311"/>
      <c r="FD178" s="311"/>
      <c r="FE178" s="311"/>
      <c r="FF178" s="311"/>
      <c r="FG178" s="311"/>
      <c r="FH178" s="311"/>
      <c r="FI178" s="311"/>
      <c r="FJ178" s="311"/>
      <c r="FK178" s="311"/>
      <c r="FL178" s="311"/>
      <c r="FM178" s="311"/>
      <c r="FN178" s="311"/>
      <c r="FO178" s="311"/>
      <c r="FP178" s="311"/>
      <c r="FQ178" s="311"/>
      <c r="FR178" s="311"/>
      <c r="FS178" s="311"/>
      <c r="FT178" s="311"/>
      <c r="FU178" s="311"/>
      <c r="FV178" s="311"/>
      <c r="FW178" s="311"/>
      <c r="FX178" s="311"/>
      <c r="FY178" s="311"/>
      <c r="FZ178" s="311"/>
      <c r="GA178" s="311"/>
      <c r="GB178" s="311"/>
      <c r="GC178" s="311"/>
      <c r="GD178" s="311"/>
      <c r="GE178" s="311"/>
      <c r="GF178" s="311"/>
      <c r="GG178" s="311"/>
      <c r="GH178" s="311"/>
      <c r="GI178" s="311"/>
      <c r="GJ178" s="311"/>
      <c r="GK178" s="311"/>
    </row>
    <row r="179" spans="1:193" s="312" customFormat="1" ht="21.75" customHeight="1">
      <c r="A179" s="527"/>
      <c r="B179" s="303"/>
      <c r="C179" s="531" t="s">
        <v>621</v>
      </c>
      <c r="D179" s="532"/>
      <c r="E179" s="315"/>
      <c r="F179" s="230"/>
      <c r="G179" s="316"/>
      <c r="H179" s="311"/>
      <c r="I179" s="311"/>
      <c r="J179" s="311"/>
      <c r="K179" s="311"/>
      <c r="L179" s="311"/>
      <c r="M179" s="311"/>
      <c r="N179" s="311"/>
      <c r="O179" s="311"/>
      <c r="P179" s="311"/>
      <c r="Q179" s="311"/>
      <c r="R179" s="311"/>
      <c r="S179" s="311"/>
      <c r="T179" s="311"/>
      <c r="U179" s="311"/>
      <c r="V179" s="311"/>
      <c r="W179" s="311"/>
      <c r="X179" s="311"/>
      <c r="Y179" s="311"/>
      <c r="Z179" s="311"/>
      <c r="AA179" s="311"/>
      <c r="AB179" s="311"/>
      <c r="AC179" s="311"/>
      <c r="AD179" s="311"/>
      <c r="AE179" s="311"/>
      <c r="AF179" s="311"/>
      <c r="AG179" s="311"/>
      <c r="AH179" s="311"/>
      <c r="AI179" s="311"/>
      <c r="AJ179" s="311"/>
      <c r="AK179" s="311"/>
      <c r="AL179" s="311"/>
      <c r="AM179" s="311"/>
      <c r="AN179" s="311"/>
      <c r="AO179" s="311"/>
      <c r="AP179" s="311"/>
      <c r="AQ179" s="311"/>
      <c r="AR179" s="311"/>
      <c r="AS179" s="311"/>
      <c r="AT179" s="311"/>
      <c r="AU179" s="311"/>
      <c r="AV179" s="311"/>
      <c r="AW179" s="311"/>
      <c r="AX179" s="311"/>
      <c r="AY179" s="311"/>
      <c r="AZ179" s="311"/>
      <c r="BA179" s="311"/>
      <c r="BB179" s="311"/>
      <c r="BC179" s="311"/>
      <c r="BD179" s="311"/>
      <c r="BE179" s="311"/>
      <c r="BF179" s="311"/>
      <c r="BG179" s="311"/>
      <c r="BH179" s="311"/>
      <c r="BI179" s="311"/>
      <c r="BJ179" s="311"/>
      <c r="BK179" s="311"/>
      <c r="BL179" s="311"/>
      <c r="BM179" s="311"/>
      <c r="BN179" s="311"/>
      <c r="BO179" s="311"/>
      <c r="BP179" s="311"/>
      <c r="BQ179" s="311"/>
      <c r="BR179" s="311"/>
      <c r="BS179" s="311"/>
      <c r="BT179" s="311"/>
      <c r="BU179" s="311"/>
      <c r="BV179" s="311"/>
      <c r="BW179" s="311"/>
      <c r="BX179" s="311"/>
      <c r="BY179" s="311"/>
      <c r="BZ179" s="311"/>
      <c r="CA179" s="311"/>
      <c r="CB179" s="311"/>
      <c r="CC179" s="311"/>
      <c r="CD179" s="311"/>
      <c r="CE179" s="311"/>
      <c r="CF179" s="311"/>
      <c r="CG179" s="311"/>
      <c r="CH179" s="311"/>
      <c r="CI179" s="311"/>
      <c r="CJ179" s="311"/>
      <c r="CK179" s="311"/>
      <c r="CL179" s="311"/>
      <c r="CM179" s="311"/>
      <c r="CN179" s="311"/>
      <c r="CO179" s="311"/>
      <c r="CP179" s="311"/>
      <c r="CQ179" s="311"/>
      <c r="CR179" s="311"/>
      <c r="CS179" s="311"/>
      <c r="CT179" s="311"/>
      <c r="CU179" s="311"/>
      <c r="CV179" s="311"/>
      <c r="CW179" s="311"/>
      <c r="CX179" s="311"/>
      <c r="CY179" s="311"/>
      <c r="CZ179" s="311"/>
      <c r="DA179" s="311"/>
      <c r="DB179" s="311"/>
      <c r="DC179" s="311"/>
      <c r="DD179" s="311"/>
      <c r="DE179" s="311"/>
      <c r="DF179" s="311"/>
      <c r="DG179" s="311"/>
      <c r="DH179" s="311"/>
      <c r="DI179" s="311"/>
      <c r="DJ179" s="311"/>
      <c r="DK179" s="311"/>
      <c r="DL179" s="311"/>
      <c r="DM179" s="311"/>
      <c r="DN179" s="311"/>
      <c r="DO179" s="311"/>
      <c r="DP179" s="311"/>
      <c r="DQ179" s="311"/>
      <c r="DR179" s="311"/>
      <c r="DS179" s="311"/>
      <c r="DT179" s="311"/>
      <c r="DU179" s="311"/>
      <c r="DV179" s="311"/>
      <c r="DW179" s="311"/>
      <c r="DX179" s="311"/>
      <c r="DY179" s="311"/>
      <c r="DZ179" s="311"/>
      <c r="EA179" s="311"/>
      <c r="EB179" s="311"/>
      <c r="EC179" s="311"/>
      <c r="ED179" s="311"/>
      <c r="EE179" s="311"/>
      <c r="EF179" s="311"/>
      <c r="EG179" s="311"/>
      <c r="EH179" s="311"/>
      <c r="EI179" s="311"/>
      <c r="EJ179" s="311"/>
      <c r="EK179" s="311"/>
      <c r="EL179" s="311"/>
      <c r="EM179" s="311"/>
      <c r="EN179" s="311"/>
      <c r="EO179" s="311"/>
      <c r="EP179" s="311"/>
      <c r="EQ179" s="311"/>
      <c r="ER179" s="311"/>
      <c r="ES179" s="311"/>
      <c r="ET179" s="311"/>
      <c r="EU179" s="311"/>
      <c r="EV179" s="311"/>
      <c r="EW179" s="311"/>
      <c r="EX179" s="311"/>
      <c r="EY179" s="311"/>
      <c r="EZ179" s="311"/>
      <c r="FA179" s="311"/>
      <c r="FB179" s="311"/>
      <c r="FC179" s="311"/>
      <c r="FD179" s="311"/>
      <c r="FE179" s="311"/>
      <c r="FF179" s="311"/>
      <c r="FG179" s="311"/>
      <c r="FH179" s="311"/>
      <c r="FI179" s="311"/>
      <c r="FJ179" s="311"/>
      <c r="FK179" s="311"/>
      <c r="FL179" s="311"/>
      <c r="FM179" s="311"/>
      <c r="FN179" s="311"/>
      <c r="FO179" s="311"/>
      <c r="FP179" s="311"/>
      <c r="FQ179" s="311"/>
      <c r="FR179" s="311"/>
      <c r="FS179" s="311"/>
      <c r="FT179" s="311"/>
      <c r="FU179" s="311"/>
      <c r="FV179" s="311"/>
      <c r="FW179" s="311"/>
      <c r="FX179" s="311"/>
      <c r="FY179" s="311"/>
      <c r="FZ179" s="311"/>
      <c r="GA179" s="311"/>
      <c r="GB179" s="311"/>
      <c r="GC179" s="311"/>
      <c r="GD179" s="311"/>
      <c r="GE179" s="311"/>
      <c r="GF179" s="311"/>
      <c r="GG179" s="311"/>
      <c r="GH179" s="311"/>
      <c r="GI179" s="311"/>
      <c r="GJ179" s="311"/>
      <c r="GK179" s="311"/>
    </row>
    <row r="180" spans="1:193" s="312" customFormat="1" ht="36" customHeight="1">
      <c r="A180" s="527"/>
      <c r="B180" s="303"/>
      <c r="C180" s="520" t="s">
        <v>622</v>
      </c>
      <c r="D180" s="521"/>
      <c r="E180" s="317"/>
      <c r="F180" s="240" t="s">
        <v>513</v>
      </c>
      <c r="G180" s="318" t="s">
        <v>623</v>
      </c>
      <c r="H180" s="311"/>
      <c r="I180" s="311"/>
      <c r="J180" s="311"/>
      <c r="K180" s="311"/>
      <c r="L180" s="311"/>
      <c r="M180" s="311"/>
      <c r="N180" s="311"/>
      <c r="O180" s="311"/>
      <c r="P180" s="311"/>
      <c r="Q180" s="311"/>
      <c r="R180" s="311"/>
      <c r="S180" s="311"/>
      <c r="T180" s="311"/>
      <c r="U180" s="311"/>
      <c r="V180" s="311"/>
      <c r="W180" s="311"/>
      <c r="X180" s="311"/>
      <c r="Y180" s="311"/>
      <c r="Z180" s="311"/>
      <c r="AA180" s="311"/>
      <c r="AB180" s="311"/>
      <c r="AC180" s="311"/>
      <c r="AD180" s="311"/>
      <c r="AE180" s="311"/>
      <c r="AF180" s="311"/>
      <c r="AG180" s="311"/>
      <c r="AH180" s="311"/>
      <c r="AI180" s="311"/>
      <c r="AJ180" s="311"/>
      <c r="AK180" s="311"/>
      <c r="AL180" s="311"/>
      <c r="AM180" s="311"/>
      <c r="AN180" s="311"/>
      <c r="AO180" s="311"/>
      <c r="AP180" s="311"/>
      <c r="AQ180" s="311"/>
      <c r="AR180" s="311"/>
      <c r="AS180" s="311"/>
      <c r="AT180" s="311"/>
      <c r="AU180" s="311"/>
      <c r="AV180" s="311"/>
      <c r="AW180" s="311"/>
      <c r="AX180" s="311"/>
      <c r="AY180" s="311"/>
      <c r="AZ180" s="311"/>
      <c r="BA180" s="311"/>
      <c r="BB180" s="311"/>
      <c r="BC180" s="311"/>
      <c r="BD180" s="311"/>
      <c r="BE180" s="311"/>
      <c r="BF180" s="311"/>
      <c r="BG180" s="311"/>
      <c r="BH180" s="311"/>
      <c r="BI180" s="311"/>
      <c r="BJ180" s="311"/>
      <c r="BK180" s="311"/>
      <c r="BL180" s="311"/>
      <c r="BM180" s="311"/>
      <c r="BN180" s="311"/>
      <c r="BO180" s="311"/>
      <c r="BP180" s="311"/>
      <c r="BQ180" s="311"/>
      <c r="BR180" s="311"/>
      <c r="BS180" s="311"/>
      <c r="BT180" s="311"/>
      <c r="BU180" s="311"/>
      <c r="BV180" s="311"/>
      <c r="BW180" s="311"/>
      <c r="BX180" s="311"/>
      <c r="BY180" s="311"/>
      <c r="BZ180" s="311"/>
      <c r="CA180" s="311"/>
      <c r="CB180" s="311"/>
      <c r="CC180" s="311"/>
      <c r="CD180" s="311"/>
      <c r="CE180" s="311"/>
      <c r="CF180" s="311"/>
      <c r="CG180" s="311"/>
      <c r="CH180" s="311"/>
      <c r="CI180" s="311"/>
      <c r="CJ180" s="311"/>
      <c r="CK180" s="311"/>
      <c r="CL180" s="311"/>
      <c r="CM180" s="311"/>
      <c r="CN180" s="311"/>
      <c r="CO180" s="311"/>
      <c r="CP180" s="311"/>
      <c r="CQ180" s="311"/>
      <c r="CR180" s="311"/>
      <c r="CS180" s="311"/>
      <c r="CT180" s="311"/>
      <c r="CU180" s="311"/>
      <c r="CV180" s="311"/>
      <c r="CW180" s="311"/>
      <c r="CX180" s="311"/>
      <c r="CY180" s="311"/>
      <c r="CZ180" s="311"/>
      <c r="DA180" s="311"/>
      <c r="DB180" s="311"/>
      <c r="DC180" s="311"/>
      <c r="DD180" s="311"/>
      <c r="DE180" s="311"/>
      <c r="DF180" s="311"/>
      <c r="DG180" s="311"/>
      <c r="DH180" s="311"/>
      <c r="DI180" s="311"/>
      <c r="DJ180" s="311"/>
      <c r="DK180" s="311"/>
      <c r="DL180" s="311"/>
      <c r="DM180" s="311"/>
      <c r="DN180" s="311"/>
      <c r="DO180" s="311"/>
      <c r="DP180" s="311"/>
      <c r="DQ180" s="311"/>
      <c r="DR180" s="311"/>
      <c r="DS180" s="311"/>
      <c r="DT180" s="311"/>
      <c r="DU180" s="311"/>
      <c r="DV180" s="311"/>
      <c r="DW180" s="311"/>
      <c r="DX180" s="311"/>
      <c r="DY180" s="311"/>
      <c r="DZ180" s="311"/>
      <c r="EA180" s="311"/>
      <c r="EB180" s="311"/>
      <c r="EC180" s="311"/>
      <c r="ED180" s="311"/>
      <c r="EE180" s="311"/>
      <c r="EF180" s="311"/>
      <c r="EG180" s="311"/>
      <c r="EH180" s="311"/>
      <c r="EI180" s="311"/>
      <c r="EJ180" s="311"/>
      <c r="EK180" s="311"/>
      <c r="EL180" s="311"/>
      <c r="EM180" s="311"/>
      <c r="EN180" s="311"/>
      <c r="EO180" s="311"/>
      <c r="EP180" s="311"/>
      <c r="EQ180" s="311"/>
      <c r="ER180" s="311"/>
      <c r="ES180" s="311"/>
      <c r="ET180" s="311"/>
      <c r="EU180" s="311"/>
      <c r="EV180" s="311"/>
      <c r="EW180" s="311"/>
      <c r="EX180" s="311"/>
      <c r="EY180" s="311"/>
      <c r="EZ180" s="311"/>
      <c r="FA180" s="311"/>
      <c r="FB180" s="311"/>
      <c r="FC180" s="311"/>
      <c r="FD180" s="311"/>
      <c r="FE180" s="311"/>
      <c r="FF180" s="311"/>
      <c r="FG180" s="311"/>
      <c r="FH180" s="311"/>
      <c r="FI180" s="311"/>
      <c r="FJ180" s="311"/>
      <c r="FK180" s="311"/>
      <c r="FL180" s="311"/>
      <c r="FM180" s="311"/>
      <c r="FN180" s="311"/>
      <c r="FO180" s="311"/>
      <c r="FP180" s="311"/>
      <c r="FQ180" s="311"/>
      <c r="FR180" s="311"/>
      <c r="FS180" s="311"/>
      <c r="FT180" s="311"/>
      <c r="FU180" s="311"/>
      <c r="FV180" s="311"/>
      <c r="FW180" s="311"/>
      <c r="FX180" s="311"/>
      <c r="FY180" s="311"/>
      <c r="FZ180" s="311"/>
      <c r="GA180" s="311"/>
      <c r="GB180" s="311"/>
      <c r="GC180" s="311"/>
      <c r="GD180" s="311"/>
      <c r="GE180" s="311"/>
      <c r="GF180" s="311"/>
      <c r="GG180" s="311"/>
      <c r="GH180" s="311"/>
      <c r="GI180" s="311"/>
      <c r="GJ180" s="311"/>
      <c r="GK180" s="311"/>
    </row>
    <row r="181" spans="1:193" s="312" customFormat="1" ht="36" customHeight="1">
      <c r="A181" s="527"/>
      <c r="B181" s="303"/>
      <c r="C181" s="498" t="s">
        <v>624</v>
      </c>
      <c r="D181" s="499"/>
      <c r="E181" s="313"/>
      <c r="F181" s="224" t="s">
        <v>513</v>
      </c>
      <c r="G181" s="287" t="s">
        <v>625</v>
      </c>
      <c r="H181" s="311"/>
      <c r="I181" s="311"/>
      <c r="J181" s="311"/>
      <c r="K181" s="311"/>
      <c r="L181" s="311"/>
      <c r="M181" s="311"/>
      <c r="N181" s="311"/>
      <c r="O181" s="311"/>
      <c r="P181" s="311"/>
      <c r="Q181" s="311"/>
      <c r="R181" s="311"/>
      <c r="S181" s="311"/>
      <c r="T181" s="311"/>
      <c r="U181" s="311"/>
      <c r="V181" s="311"/>
      <c r="W181" s="311"/>
      <c r="X181" s="311"/>
      <c r="Y181" s="311"/>
      <c r="Z181" s="311"/>
      <c r="AA181" s="311"/>
      <c r="AB181" s="311"/>
      <c r="AC181" s="311"/>
      <c r="AD181" s="311"/>
      <c r="AE181" s="311"/>
      <c r="AF181" s="311"/>
      <c r="AG181" s="311"/>
      <c r="AH181" s="311"/>
      <c r="AI181" s="311"/>
      <c r="AJ181" s="311"/>
      <c r="AK181" s="311"/>
      <c r="AL181" s="311"/>
      <c r="AM181" s="311"/>
      <c r="AN181" s="311"/>
      <c r="AO181" s="311"/>
      <c r="AP181" s="311"/>
      <c r="AQ181" s="311"/>
      <c r="AR181" s="311"/>
      <c r="AS181" s="311"/>
      <c r="AT181" s="311"/>
      <c r="AU181" s="311"/>
      <c r="AV181" s="311"/>
      <c r="AW181" s="311"/>
      <c r="AX181" s="311"/>
      <c r="AY181" s="311"/>
      <c r="AZ181" s="311"/>
      <c r="BA181" s="311"/>
      <c r="BB181" s="311"/>
      <c r="BC181" s="311"/>
      <c r="BD181" s="311"/>
      <c r="BE181" s="311"/>
      <c r="BF181" s="311"/>
      <c r="BG181" s="311"/>
      <c r="BH181" s="311"/>
      <c r="BI181" s="311"/>
      <c r="BJ181" s="311"/>
      <c r="BK181" s="311"/>
      <c r="BL181" s="311"/>
      <c r="BM181" s="311"/>
      <c r="BN181" s="311"/>
      <c r="BO181" s="311"/>
      <c r="BP181" s="311"/>
      <c r="BQ181" s="311"/>
      <c r="BR181" s="311"/>
      <c r="BS181" s="311"/>
      <c r="BT181" s="311"/>
      <c r="BU181" s="311"/>
      <c r="BV181" s="311"/>
      <c r="BW181" s="311"/>
      <c r="BX181" s="311"/>
      <c r="BY181" s="311"/>
      <c r="BZ181" s="311"/>
      <c r="CA181" s="311"/>
      <c r="CB181" s="311"/>
      <c r="CC181" s="311"/>
      <c r="CD181" s="311"/>
      <c r="CE181" s="311"/>
      <c r="CF181" s="311"/>
      <c r="CG181" s="311"/>
      <c r="CH181" s="311"/>
      <c r="CI181" s="311"/>
      <c r="CJ181" s="311"/>
      <c r="CK181" s="311"/>
      <c r="CL181" s="311"/>
      <c r="CM181" s="311"/>
      <c r="CN181" s="311"/>
      <c r="CO181" s="311"/>
      <c r="CP181" s="311"/>
      <c r="CQ181" s="311"/>
      <c r="CR181" s="311"/>
      <c r="CS181" s="311"/>
      <c r="CT181" s="311"/>
      <c r="CU181" s="311"/>
      <c r="CV181" s="311"/>
      <c r="CW181" s="311"/>
      <c r="CX181" s="311"/>
      <c r="CY181" s="311"/>
      <c r="CZ181" s="311"/>
      <c r="DA181" s="311"/>
      <c r="DB181" s="311"/>
      <c r="DC181" s="311"/>
      <c r="DD181" s="311"/>
      <c r="DE181" s="311"/>
      <c r="DF181" s="311"/>
      <c r="DG181" s="311"/>
      <c r="DH181" s="311"/>
      <c r="DI181" s="311"/>
      <c r="DJ181" s="311"/>
      <c r="DK181" s="311"/>
      <c r="DL181" s="311"/>
      <c r="DM181" s="311"/>
      <c r="DN181" s="311"/>
      <c r="DO181" s="311"/>
      <c r="DP181" s="311"/>
      <c r="DQ181" s="311"/>
      <c r="DR181" s="311"/>
      <c r="DS181" s="311"/>
      <c r="DT181" s="311"/>
      <c r="DU181" s="311"/>
      <c r="DV181" s="311"/>
      <c r="DW181" s="311"/>
      <c r="DX181" s="311"/>
      <c r="DY181" s="311"/>
      <c r="DZ181" s="311"/>
      <c r="EA181" s="311"/>
      <c r="EB181" s="311"/>
      <c r="EC181" s="311"/>
      <c r="ED181" s="311"/>
      <c r="EE181" s="311"/>
      <c r="EF181" s="311"/>
      <c r="EG181" s="311"/>
      <c r="EH181" s="311"/>
      <c r="EI181" s="311"/>
      <c r="EJ181" s="311"/>
      <c r="EK181" s="311"/>
      <c r="EL181" s="311"/>
      <c r="EM181" s="311"/>
      <c r="EN181" s="311"/>
      <c r="EO181" s="311"/>
      <c r="EP181" s="311"/>
      <c r="EQ181" s="311"/>
      <c r="ER181" s="311"/>
      <c r="ES181" s="311"/>
      <c r="ET181" s="311"/>
      <c r="EU181" s="311"/>
      <c r="EV181" s="311"/>
      <c r="EW181" s="311"/>
      <c r="EX181" s="311"/>
      <c r="EY181" s="311"/>
      <c r="EZ181" s="311"/>
      <c r="FA181" s="311"/>
      <c r="FB181" s="311"/>
      <c r="FC181" s="311"/>
      <c r="FD181" s="311"/>
      <c r="FE181" s="311"/>
      <c r="FF181" s="311"/>
      <c r="FG181" s="311"/>
      <c r="FH181" s="311"/>
      <c r="FI181" s="311"/>
      <c r="FJ181" s="311"/>
      <c r="FK181" s="311"/>
      <c r="FL181" s="311"/>
      <c r="FM181" s="311"/>
      <c r="FN181" s="311"/>
      <c r="FO181" s="311"/>
      <c r="FP181" s="311"/>
      <c r="FQ181" s="311"/>
      <c r="FR181" s="311"/>
      <c r="FS181" s="311"/>
      <c r="FT181" s="311"/>
      <c r="FU181" s="311"/>
      <c r="FV181" s="311"/>
      <c r="FW181" s="311"/>
      <c r="FX181" s="311"/>
      <c r="FY181" s="311"/>
      <c r="FZ181" s="311"/>
      <c r="GA181" s="311"/>
      <c r="GB181" s="311"/>
      <c r="GC181" s="311"/>
      <c r="GD181" s="311"/>
      <c r="GE181" s="311"/>
      <c r="GF181" s="311"/>
      <c r="GG181" s="311"/>
      <c r="GH181" s="311"/>
      <c r="GI181" s="311"/>
      <c r="GJ181" s="311"/>
      <c r="GK181" s="311"/>
    </row>
    <row r="182" spans="1:193" s="312" customFormat="1" ht="36" customHeight="1">
      <c r="A182" s="528"/>
      <c r="B182" s="305"/>
      <c r="C182" s="512" t="s">
        <v>614</v>
      </c>
      <c r="D182" s="513"/>
      <c r="E182" s="314"/>
      <c r="F182" s="237" t="s">
        <v>615</v>
      </c>
      <c r="G182" s="287" t="s">
        <v>616</v>
      </c>
      <c r="H182" s="311"/>
      <c r="I182" s="311"/>
      <c r="J182" s="311"/>
      <c r="K182" s="311"/>
      <c r="L182" s="311"/>
      <c r="M182" s="311"/>
      <c r="N182" s="311"/>
      <c r="O182" s="311"/>
      <c r="P182" s="311"/>
      <c r="Q182" s="311"/>
      <c r="R182" s="311"/>
      <c r="S182" s="311"/>
      <c r="T182" s="311"/>
      <c r="U182" s="311"/>
      <c r="V182" s="311"/>
      <c r="W182" s="311"/>
      <c r="X182" s="311"/>
      <c r="Y182" s="311"/>
      <c r="Z182" s="311"/>
      <c r="AA182" s="311"/>
      <c r="AB182" s="311"/>
      <c r="AC182" s="311"/>
      <c r="AD182" s="311"/>
      <c r="AE182" s="311"/>
      <c r="AF182" s="311"/>
      <c r="AG182" s="311"/>
      <c r="AH182" s="311"/>
      <c r="AI182" s="311"/>
      <c r="AJ182" s="311"/>
      <c r="AK182" s="311"/>
      <c r="AL182" s="311"/>
      <c r="AM182" s="311"/>
      <c r="AN182" s="311"/>
      <c r="AO182" s="311"/>
      <c r="AP182" s="311"/>
      <c r="AQ182" s="311"/>
      <c r="AR182" s="311"/>
      <c r="AS182" s="311"/>
      <c r="AT182" s="311"/>
      <c r="AU182" s="311"/>
      <c r="AV182" s="311"/>
      <c r="AW182" s="311"/>
      <c r="AX182" s="311"/>
      <c r="AY182" s="311"/>
      <c r="AZ182" s="311"/>
      <c r="BA182" s="311"/>
      <c r="BB182" s="311"/>
      <c r="BC182" s="311"/>
      <c r="BD182" s="311"/>
      <c r="BE182" s="311"/>
      <c r="BF182" s="311"/>
      <c r="BG182" s="311"/>
      <c r="BH182" s="311"/>
      <c r="BI182" s="311"/>
      <c r="BJ182" s="311"/>
      <c r="BK182" s="311"/>
      <c r="BL182" s="311"/>
      <c r="BM182" s="311"/>
      <c r="BN182" s="311"/>
      <c r="BO182" s="311"/>
      <c r="BP182" s="311"/>
      <c r="BQ182" s="311"/>
      <c r="BR182" s="311"/>
      <c r="BS182" s="311"/>
      <c r="BT182" s="311"/>
      <c r="BU182" s="311"/>
      <c r="BV182" s="311"/>
      <c r="BW182" s="311"/>
      <c r="BX182" s="311"/>
      <c r="BY182" s="311"/>
      <c r="BZ182" s="311"/>
      <c r="CA182" s="311"/>
      <c r="CB182" s="311"/>
      <c r="CC182" s="311"/>
      <c r="CD182" s="311"/>
      <c r="CE182" s="311"/>
      <c r="CF182" s="311"/>
      <c r="CG182" s="311"/>
      <c r="CH182" s="311"/>
      <c r="CI182" s="311"/>
      <c r="CJ182" s="311"/>
      <c r="CK182" s="311"/>
      <c r="CL182" s="311"/>
      <c r="CM182" s="311"/>
      <c r="CN182" s="311"/>
      <c r="CO182" s="311"/>
      <c r="CP182" s="311"/>
      <c r="CQ182" s="311"/>
      <c r="CR182" s="311"/>
      <c r="CS182" s="311"/>
      <c r="CT182" s="311"/>
      <c r="CU182" s="311"/>
      <c r="CV182" s="311"/>
      <c r="CW182" s="311"/>
      <c r="CX182" s="311"/>
      <c r="CY182" s="311"/>
      <c r="CZ182" s="311"/>
      <c r="DA182" s="311"/>
      <c r="DB182" s="311"/>
      <c r="DC182" s="311"/>
      <c r="DD182" s="311"/>
      <c r="DE182" s="311"/>
      <c r="DF182" s="311"/>
      <c r="DG182" s="311"/>
      <c r="DH182" s="311"/>
      <c r="DI182" s="311"/>
      <c r="DJ182" s="311"/>
      <c r="DK182" s="311"/>
      <c r="DL182" s="311"/>
      <c r="DM182" s="311"/>
      <c r="DN182" s="311"/>
      <c r="DO182" s="311"/>
      <c r="DP182" s="311"/>
      <c r="DQ182" s="311"/>
      <c r="DR182" s="311"/>
      <c r="DS182" s="311"/>
      <c r="DT182" s="311"/>
      <c r="DU182" s="311"/>
      <c r="DV182" s="311"/>
      <c r="DW182" s="311"/>
      <c r="DX182" s="311"/>
      <c r="DY182" s="311"/>
      <c r="DZ182" s="311"/>
      <c r="EA182" s="311"/>
      <c r="EB182" s="311"/>
      <c r="EC182" s="311"/>
      <c r="ED182" s="311"/>
      <c r="EE182" s="311"/>
      <c r="EF182" s="311"/>
      <c r="EG182" s="311"/>
      <c r="EH182" s="311"/>
      <c r="EI182" s="311"/>
      <c r="EJ182" s="311"/>
      <c r="EK182" s="311"/>
      <c r="EL182" s="311"/>
      <c r="EM182" s="311"/>
      <c r="EN182" s="311"/>
      <c r="EO182" s="311"/>
      <c r="EP182" s="311"/>
      <c r="EQ182" s="311"/>
      <c r="ER182" s="311"/>
      <c r="ES182" s="311"/>
      <c r="ET182" s="311"/>
      <c r="EU182" s="311"/>
      <c r="EV182" s="311"/>
      <c r="EW182" s="311"/>
      <c r="EX182" s="311"/>
      <c r="EY182" s="311"/>
      <c r="EZ182" s="311"/>
      <c r="FA182" s="311"/>
      <c r="FB182" s="311"/>
      <c r="FC182" s="311"/>
      <c r="FD182" s="311"/>
      <c r="FE182" s="311"/>
      <c r="FF182" s="311"/>
      <c r="FG182" s="311"/>
      <c r="FH182" s="311"/>
      <c r="FI182" s="311"/>
      <c r="FJ182" s="311"/>
      <c r="FK182" s="311"/>
      <c r="FL182" s="311"/>
      <c r="FM182" s="311"/>
      <c r="FN182" s="311"/>
      <c r="FO182" s="311"/>
      <c r="FP182" s="311"/>
      <c r="FQ182" s="311"/>
      <c r="FR182" s="311"/>
      <c r="FS182" s="311"/>
      <c r="FT182" s="311"/>
      <c r="FU182" s="311"/>
      <c r="FV182" s="311"/>
      <c r="FW182" s="311"/>
      <c r="FX182" s="311"/>
      <c r="FY182" s="311"/>
      <c r="FZ182" s="311"/>
      <c r="GA182" s="311"/>
      <c r="GB182" s="311"/>
      <c r="GC182" s="311"/>
      <c r="GD182" s="311"/>
      <c r="GE182" s="311"/>
      <c r="GF182" s="311"/>
      <c r="GG182" s="311"/>
      <c r="GH182" s="311"/>
      <c r="GI182" s="311"/>
      <c r="GJ182" s="311"/>
      <c r="GK182" s="311"/>
    </row>
    <row r="183" spans="1:193" s="312" customFormat="1" ht="21.75" customHeight="1">
      <c r="A183" s="529" t="s">
        <v>626</v>
      </c>
      <c r="B183" s="301" t="s">
        <v>363</v>
      </c>
      <c r="C183" s="506" t="s">
        <v>594</v>
      </c>
      <c r="D183" s="507"/>
      <c r="E183" s="317"/>
      <c r="F183" s="240" t="s">
        <v>627</v>
      </c>
      <c r="G183" s="318" t="s">
        <v>618</v>
      </c>
      <c r="H183" s="311"/>
      <c r="I183" s="311"/>
      <c r="J183" s="311"/>
      <c r="K183" s="311"/>
      <c r="L183" s="311"/>
      <c r="M183" s="311"/>
      <c r="N183" s="311"/>
      <c r="O183" s="311"/>
      <c r="P183" s="311"/>
      <c r="Q183" s="311"/>
      <c r="R183" s="311"/>
      <c r="S183" s="311"/>
      <c r="T183" s="311"/>
      <c r="U183" s="311"/>
      <c r="V183" s="311"/>
      <c r="W183" s="311"/>
      <c r="X183" s="311"/>
      <c r="Y183" s="311"/>
      <c r="Z183" s="311"/>
      <c r="AA183" s="311"/>
      <c r="AB183" s="311"/>
      <c r="AC183" s="311"/>
      <c r="AD183" s="311"/>
      <c r="AE183" s="311"/>
      <c r="AF183" s="311"/>
      <c r="AG183" s="311"/>
      <c r="AH183" s="311"/>
      <c r="AI183" s="311"/>
      <c r="AJ183" s="311"/>
      <c r="AK183" s="311"/>
      <c r="AL183" s="311"/>
      <c r="AM183" s="311"/>
      <c r="AN183" s="311"/>
      <c r="AO183" s="311"/>
      <c r="AP183" s="311"/>
      <c r="AQ183" s="311"/>
      <c r="AR183" s="311"/>
      <c r="AS183" s="311"/>
      <c r="AT183" s="311"/>
      <c r="AU183" s="311"/>
      <c r="AV183" s="311"/>
      <c r="AW183" s="311"/>
      <c r="AX183" s="311"/>
      <c r="AY183" s="311"/>
      <c r="AZ183" s="311"/>
      <c r="BA183" s="311"/>
      <c r="BB183" s="311"/>
      <c r="BC183" s="311"/>
      <c r="BD183" s="311"/>
      <c r="BE183" s="311"/>
      <c r="BF183" s="311"/>
      <c r="BG183" s="311"/>
      <c r="BH183" s="311"/>
      <c r="BI183" s="311"/>
      <c r="BJ183" s="311"/>
      <c r="BK183" s="311"/>
      <c r="BL183" s="311"/>
      <c r="BM183" s="311"/>
      <c r="BN183" s="311"/>
      <c r="BO183" s="311"/>
      <c r="BP183" s="311"/>
      <c r="BQ183" s="311"/>
      <c r="BR183" s="311"/>
      <c r="BS183" s="311"/>
      <c r="BT183" s="311"/>
      <c r="BU183" s="311"/>
      <c r="BV183" s="311"/>
      <c r="BW183" s="311"/>
      <c r="BX183" s="311"/>
      <c r="BY183" s="311"/>
      <c r="BZ183" s="311"/>
      <c r="CA183" s="311"/>
      <c r="CB183" s="311"/>
      <c r="CC183" s="311"/>
      <c r="CD183" s="311"/>
      <c r="CE183" s="311"/>
      <c r="CF183" s="311"/>
      <c r="CG183" s="311"/>
      <c r="CH183" s="311"/>
      <c r="CI183" s="311"/>
      <c r="CJ183" s="311"/>
      <c r="CK183" s="311"/>
      <c r="CL183" s="311"/>
      <c r="CM183" s="311"/>
      <c r="CN183" s="311"/>
      <c r="CO183" s="311"/>
      <c r="CP183" s="311"/>
      <c r="CQ183" s="311"/>
      <c r="CR183" s="311"/>
      <c r="CS183" s="311"/>
      <c r="CT183" s="311"/>
      <c r="CU183" s="311"/>
      <c r="CV183" s="311"/>
      <c r="CW183" s="311"/>
      <c r="CX183" s="311"/>
      <c r="CY183" s="311"/>
      <c r="CZ183" s="311"/>
      <c r="DA183" s="311"/>
      <c r="DB183" s="311"/>
      <c r="DC183" s="311"/>
      <c r="DD183" s="311"/>
      <c r="DE183" s="311"/>
      <c r="DF183" s="311"/>
      <c r="DG183" s="311"/>
      <c r="DH183" s="311"/>
      <c r="DI183" s="311"/>
      <c r="DJ183" s="311"/>
      <c r="DK183" s="311"/>
      <c r="DL183" s="311"/>
      <c r="DM183" s="311"/>
      <c r="DN183" s="311"/>
      <c r="DO183" s="311"/>
      <c r="DP183" s="311"/>
      <c r="DQ183" s="311"/>
      <c r="DR183" s="311"/>
      <c r="DS183" s="311"/>
      <c r="DT183" s="311"/>
      <c r="DU183" s="311"/>
      <c r="DV183" s="311"/>
      <c r="DW183" s="311"/>
      <c r="DX183" s="311"/>
      <c r="DY183" s="311"/>
      <c r="DZ183" s="311"/>
      <c r="EA183" s="311"/>
      <c r="EB183" s="311"/>
      <c r="EC183" s="311"/>
      <c r="ED183" s="311"/>
      <c r="EE183" s="311"/>
      <c r="EF183" s="311"/>
      <c r="EG183" s="311"/>
      <c r="EH183" s="311"/>
      <c r="EI183" s="311"/>
      <c r="EJ183" s="311"/>
      <c r="EK183" s="311"/>
      <c r="EL183" s="311"/>
      <c r="EM183" s="311"/>
      <c r="EN183" s="311"/>
      <c r="EO183" s="311"/>
      <c r="EP183" s="311"/>
      <c r="EQ183" s="311"/>
      <c r="ER183" s="311"/>
      <c r="ES183" s="311"/>
      <c r="ET183" s="311"/>
      <c r="EU183" s="311"/>
      <c r="EV183" s="311"/>
      <c r="EW183" s="311"/>
      <c r="EX183" s="311"/>
      <c r="EY183" s="311"/>
      <c r="EZ183" s="311"/>
      <c r="FA183" s="311"/>
      <c r="FB183" s="311"/>
      <c r="FC183" s="311"/>
      <c r="FD183" s="311"/>
      <c r="FE183" s="311"/>
      <c r="FF183" s="311"/>
      <c r="FG183" s="311"/>
      <c r="FH183" s="311"/>
      <c r="FI183" s="311"/>
      <c r="FJ183" s="311"/>
      <c r="FK183" s="311"/>
      <c r="FL183" s="311"/>
      <c r="FM183" s="311"/>
      <c r="FN183" s="311"/>
      <c r="FO183" s="311"/>
      <c r="FP183" s="311"/>
      <c r="FQ183" s="311"/>
      <c r="FR183" s="311"/>
      <c r="FS183" s="311"/>
      <c r="FT183" s="311"/>
      <c r="FU183" s="311"/>
      <c r="FV183" s="311"/>
      <c r="FW183" s="311"/>
      <c r="FX183" s="311"/>
      <c r="FY183" s="311"/>
      <c r="FZ183" s="311"/>
      <c r="GA183" s="311"/>
      <c r="GB183" s="311"/>
      <c r="GC183" s="311"/>
      <c r="GD183" s="311"/>
      <c r="GE183" s="311"/>
      <c r="GF183" s="311"/>
      <c r="GG183" s="311"/>
      <c r="GH183" s="311"/>
      <c r="GI183" s="311"/>
      <c r="GJ183" s="311"/>
      <c r="GK183" s="311"/>
    </row>
    <row r="184" spans="1:193" s="312" customFormat="1" ht="21.75" customHeight="1">
      <c r="A184" s="527"/>
      <c r="B184" s="303"/>
      <c r="C184" s="498" t="s">
        <v>596</v>
      </c>
      <c r="D184" s="499"/>
      <c r="E184" s="313"/>
      <c r="F184" s="224" t="s">
        <v>627</v>
      </c>
      <c r="G184" s="287" t="s">
        <v>628</v>
      </c>
      <c r="H184" s="311"/>
      <c r="I184" s="311"/>
      <c r="J184" s="311"/>
      <c r="K184" s="311"/>
      <c r="L184" s="311"/>
      <c r="M184" s="311"/>
      <c r="N184" s="311"/>
      <c r="O184" s="311"/>
      <c r="P184" s="311"/>
      <c r="Q184" s="311"/>
      <c r="R184" s="311"/>
      <c r="S184" s="311"/>
      <c r="T184" s="311"/>
      <c r="U184" s="311"/>
      <c r="V184" s="311"/>
      <c r="W184" s="311"/>
      <c r="X184" s="311"/>
      <c r="Y184" s="311"/>
      <c r="Z184" s="311"/>
      <c r="AA184" s="311"/>
      <c r="AB184" s="311"/>
      <c r="AC184" s="311"/>
      <c r="AD184" s="311"/>
      <c r="AE184" s="311"/>
      <c r="AF184" s="311"/>
      <c r="AG184" s="311"/>
      <c r="AH184" s="311"/>
      <c r="AI184" s="311"/>
      <c r="AJ184" s="311"/>
      <c r="AK184" s="311"/>
      <c r="AL184" s="311"/>
      <c r="AM184" s="311"/>
      <c r="AN184" s="311"/>
      <c r="AO184" s="311"/>
      <c r="AP184" s="311"/>
      <c r="AQ184" s="311"/>
      <c r="AR184" s="311"/>
      <c r="AS184" s="311"/>
      <c r="AT184" s="311"/>
      <c r="AU184" s="311"/>
      <c r="AV184" s="311"/>
      <c r="AW184" s="311"/>
      <c r="AX184" s="311"/>
      <c r="AY184" s="311"/>
      <c r="AZ184" s="311"/>
      <c r="BA184" s="311"/>
      <c r="BB184" s="311"/>
      <c r="BC184" s="311"/>
      <c r="BD184" s="311"/>
      <c r="BE184" s="311"/>
      <c r="BF184" s="311"/>
      <c r="BG184" s="311"/>
      <c r="BH184" s="311"/>
      <c r="BI184" s="311"/>
      <c r="BJ184" s="311"/>
      <c r="BK184" s="311"/>
      <c r="BL184" s="311"/>
      <c r="BM184" s="311"/>
      <c r="BN184" s="311"/>
      <c r="BO184" s="311"/>
      <c r="BP184" s="311"/>
      <c r="BQ184" s="311"/>
      <c r="BR184" s="311"/>
      <c r="BS184" s="311"/>
      <c r="BT184" s="311"/>
      <c r="BU184" s="311"/>
      <c r="BV184" s="311"/>
      <c r="BW184" s="311"/>
      <c r="BX184" s="311"/>
      <c r="BY184" s="311"/>
      <c r="BZ184" s="311"/>
      <c r="CA184" s="311"/>
      <c r="CB184" s="311"/>
      <c r="CC184" s="311"/>
      <c r="CD184" s="311"/>
      <c r="CE184" s="311"/>
      <c r="CF184" s="311"/>
      <c r="CG184" s="311"/>
      <c r="CH184" s="311"/>
      <c r="CI184" s="311"/>
      <c r="CJ184" s="311"/>
      <c r="CK184" s="311"/>
      <c r="CL184" s="311"/>
      <c r="CM184" s="311"/>
      <c r="CN184" s="311"/>
      <c r="CO184" s="311"/>
      <c r="CP184" s="311"/>
      <c r="CQ184" s="311"/>
      <c r="CR184" s="311"/>
      <c r="CS184" s="311"/>
      <c r="CT184" s="311"/>
      <c r="CU184" s="311"/>
      <c r="CV184" s="311"/>
      <c r="CW184" s="311"/>
      <c r="CX184" s="311"/>
      <c r="CY184" s="311"/>
      <c r="CZ184" s="311"/>
      <c r="DA184" s="311"/>
      <c r="DB184" s="311"/>
      <c r="DC184" s="311"/>
      <c r="DD184" s="311"/>
      <c r="DE184" s="311"/>
      <c r="DF184" s="311"/>
      <c r="DG184" s="311"/>
      <c r="DH184" s="311"/>
      <c r="DI184" s="311"/>
      <c r="DJ184" s="311"/>
      <c r="DK184" s="311"/>
      <c r="DL184" s="311"/>
      <c r="DM184" s="311"/>
      <c r="DN184" s="311"/>
      <c r="DO184" s="311"/>
      <c r="DP184" s="311"/>
      <c r="DQ184" s="311"/>
      <c r="DR184" s="311"/>
      <c r="DS184" s="311"/>
      <c r="DT184" s="311"/>
      <c r="DU184" s="311"/>
      <c r="DV184" s="311"/>
      <c r="DW184" s="311"/>
      <c r="DX184" s="311"/>
      <c r="DY184" s="311"/>
      <c r="DZ184" s="311"/>
      <c r="EA184" s="311"/>
      <c r="EB184" s="311"/>
      <c r="EC184" s="311"/>
      <c r="ED184" s="311"/>
      <c r="EE184" s="311"/>
      <c r="EF184" s="311"/>
      <c r="EG184" s="311"/>
      <c r="EH184" s="311"/>
      <c r="EI184" s="311"/>
      <c r="EJ184" s="311"/>
      <c r="EK184" s="311"/>
      <c r="EL184" s="311"/>
      <c r="EM184" s="311"/>
      <c r="EN184" s="311"/>
      <c r="EO184" s="311"/>
      <c r="EP184" s="311"/>
      <c r="EQ184" s="311"/>
      <c r="ER184" s="311"/>
      <c r="ES184" s="311"/>
      <c r="ET184" s="311"/>
      <c r="EU184" s="311"/>
      <c r="EV184" s="311"/>
      <c r="EW184" s="311"/>
      <c r="EX184" s="311"/>
      <c r="EY184" s="311"/>
      <c r="EZ184" s="311"/>
      <c r="FA184" s="311"/>
      <c r="FB184" s="311"/>
      <c r="FC184" s="311"/>
      <c r="FD184" s="311"/>
      <c r="FE184" s="311"/>
      <c r="FF184" s="311"/>
      <c r="FG184" s="311"/>
      <c r="FH184" s="311"/>
      <c r="FI184" s="311"/>
      <c r="FJ184" s="311"/>
      <c r="FK184" s="311"/>
      <c r="FL184" s="311"/>
      <c r="FM184" s="311"/>
      <c r="FN184" s="311"/>
      <c r="FO184" s="311"/>
      <c r="FP184" s="311"/>
      <c r="FQ184" s="311"/>
      <c r="FR184" s="311"/>
      <c r="FS184" s="311"/>
      <c r="FT184" s="311"/>
      <c r="FU184" s="311"/>
      <c r="FV184" s="311"/>
      <c r="FW184" s="311"/>
      <c r="FX184" s="311"/>
      <c r="FY184" s="311"/>
      <c r="FZ184" s="311"/>
      <c r="GA184" s="311"/>
      <c r="GB184" s="311"/>
      <c r="GC184" s="311"/>
      <c r="GD184" s="311"/>
      <c r="GE184" s="311"/>
      <c r="GF184" s="311"/>
      <c r="GG184" s="311"/>
      <c r="GH184" s="311"/>
      <c r="GI184" s="311"/>
      <c r="GJ184" s="311"/>
      <c r="GK184" s="311"/>
    </row>
    <row r="185" spans="1:193" s="312" customFormat="1" ht="21.75" customHeight="1">
      <c r="A185" s="527"/>
      <c r="B185" s="303"/>
      <c r="C185" s="498" t="s">
        <v>598</v>
      </c>
      <c r="D185" s="499"/>
      <c r="E185" s="313"/>
      <c r="F185" s="224" t="s">
        <v>629</v>
      </c>
      <c r="G185" s="287" t="s">
        <v>630</v>
      </c>
      <c r="H185" s="311"/>
      <c r="I185" s="311"/>
      <c r="J185" s="311"/>
      <c r="K185" s="311"/>
      <c r="L185" s="311"/>
      <c r="M185" s="311"/>
      <c r="N185" s="311"/>
      <c r="O185" s="311"/>
      <c r="P185" s="311"/>
      <c r="Q185" s="311"/>
      <c r="R185" s="311"/>
      <c r="S185" s="311"/>
      <c r="T185" s="311"/>
      <c r="U185" s="311"/>
      <c r="V185" s="311"/>
      <c r="W185" s="311"/>
      <c r="X185" s="311"/>
      <c r="Y185" s="311"/>
      <c r="Z185" s="311"/>
      <c r="AA185" s="311"/>
      <c r="AB185" s="311"/>
      <c r="AC185" s="311"/>
      <c r="AD185" s="311"/>
      <c r="AE185" s="311"/>
      <c r="AF185" s="311"/>
      <c r="AG185" s="311"/>
      <c r="AH185" s="311"/>
      <c r="AI185" s="311"/>
      <c r="AJ185" s="311"/>
      <c r="AK185" s="311"/>
      <c r="AL185" s="311"/>
      <c r="AM185" s="311"/>
      <c r="AN185" s="311"/>
      <c r="AO185" s="311"/>
      <c r="AP185" s="311"/>
      <c r="AQ185" s="311"/>
      <c r="AR185" s="311"/>
      <c r="AS185" s="311"/>
      <c r="AT185" s="311"/>
      <c r="AU185" s="311"/>
      <c r="AV185" s="311"/>
      <c r="AW185" s="311"/>
      <c r="AX185" s="311"/>
      <c r="AY185" s="311"/>
      <c r="AZ185" s="311"/>
      <c r="BA185" s="311"/>
      <c r="BB185" s="311"/>
      <c r="BC185" s="311"/>
      <c r="BD185" s="311"/>
      <c r="BE185" s="311"/>
      <c r="BF185" s="311"/>
      <c r="BG185" s="311"/>
      <c r="BH185" s="311"/>
      <c r="BI185" s="311"/>
      <c r="BJ185" s="311"/>
      <c r="BK185" s="311"/>
      <c r="BL185" s="311"/>
      <c r="BM185" s="311"/>
      <c r="BN185" s="311"/>
      <c r="BO185" s="311"/>
      <c r="BP185" s="311"/>
      <c r="BQ185" s="311"/>
      <c r="BR185" s="311"/>
      <c r="BS185" s="311"/>
      <c r="BT185" s="311"/>
      <c r="BU185" s="311"/>
      <c r="BV185" s="311"/>
      <c r="BW185" s="311"/>
      <c r="BX185" s="311"/>
      <c r="BY185" s="311"/>
      <c r="BZ185" s="311"/>
      <c r="CA185" s="311"/>
      <c r="CB185" s="311"/>
      <c r="CC185" s="311"/>
      <c r="CD185" s="311"/>
      <c r="CE185" s="311"/>
      <c r="CF185" s="311"/>
      <c r="CG185" s="311"/>
      <c r="CH185" s="311"/>
      <c r="CI185" s="311"/>
      <c r="CJ185" s="311"/>
      <c r="CK185" s="311"/>
      <c r="CL185" s="311"/>
      <c r="CM185" s="311"/>
      <c r="CN185" s="311"/>
      <c r="CO185" s="311"/>
      <c r="CP185" s="311"/>
      <c r="CQ185" s="311"/>
      <c r="CR185" s="311"/>
      <c r="CS185" s="311"/>
      <c r="CT185" s="311"/>
      <c r="CU185" s="311"/>
      <c r="CV185" s="311"/>
      <c r="CW185" s="311"/>
      <c r="CX185" s="311"/>
      <c r="CY185" s="311"/>
      <c r="CZ185" s="311"/>
      <c r="DA185" s="311"/>
      <c r="DB185" s="311"/>
      <c r="DC185" s="311"/>
      <c r="DD185" s="311"/>
      <c r="DE185" s="311"/>
      <c r="DF185" s="311"/>
      <c r="DG185" s="311"/>
      <c r="DH185" s="311"/>
      <c r="DI185" s="311"/>
      <c r="DJ185" s="311"/>
      <c r="DK185" s="311"/>
      <c r="DL185" s="311"/>
      <c r="DM185" s="311"/>
      <c r="DN185" s="311"/>
      <c r="DO185" s="311"/>
      <c r="DP185" s="311"/>
      <c r="DQ185" s="311"/>
      <c r="DR185" s="311"/>
      <c r="DS185" s="311"/>
      <c r="DT185" s="311"/>
      <c r="DU185" s="311"/>
      <c r="DV185" s="311"/>
      <c r="DW185" s="311"/>
      <c r="DX185" s="311"/>
      <c r="DY185" s="311"/>
      <c r="DZ185" s="311"/>
      <c r="EA185" s="311"/>
      <c r="EB185" s="311"/>
      <c r="EC185" s="311"/>
      <c r="ED185" s="311"/>
      <c r="EE185" s="311"/>
      <c r="EF185" s="311"/>
      <c r="EG185" s="311"/>
      <c r="EH185" s="311"/>
      <c r="EI185" s="311"/>
      <c r="EJ185" s="311"/>
      <c r="EK185" s="311"/>
      <c r="EL185" s="311"/>
      <c r="EM185" s="311"/>
      <c r="EN185" s="311"/>
      <c r="EO185" s="311"/>
      <c r="EP185" s="311"/>
      <c r="EQ185" s="311"/>
      <c r="ER185" s="311"/>
      <c r="ES185" s="311"/>
      <c r="ET185" s="311"/>
      <c r="EU185" s="311"/>
      <c r="EV185" s="311"/>
      <c r="EW185" s="311"/>
      <c r="EX185" s="311"/>
      <c r="EY185" s="311"/>
      <c r="EZ185" s="311"/>
      <c r="FA185" s="311"/>
      <c r="FB185" s="311"/>
      <c r="FC185" s="311"/>
      <c r="FD185" s="311"/>
      <c r="FE185" s="311"/>
      <c r="FF185" s="311"/>
      <c r="FG185" s="311"/>
      <c r="FH185" s="311"/>
      <c r="FI185" s="311"/>
      <c r="FJ185" s="311"/>
      <c r="FK185" s="311"/>
      <c r="FL185" s="311"/>
      <c r="FM185" s="311"/>
      <c r="FN185" s="311"/>
      <c r="FO185" s="311"/>
      <c r="FP185" s="311"/>
      <c r="FQ185" s="311"/>
      <c r="FR185" s="311"/>
      <c r="FS185" s="311"/>
      <c r="FT185" s="311"/>
      <c r="FU185" s="311"/>
      <c r="FV185" s="311"/>
      <c r="FW185" s="311"/>
      <c r="FX185" s="311"/>
      <c r="FY185" s="311"/>
      <c r="FZ185" s="311"/>
      <c r="GA185" s="311"/>
      <c r="GB185" s="311"/>
      <c r="GC185" s="311"/>
      <c r="GD185" s="311"/>
      <c r="GE185" s="311"/>
      <c r="GF185" s="311"/>
      <c r="GG185" s="311"/>
      <c r="GH185" s="311"/>
      <c r="GI185" s="311"/>
      <c r="GJ185" s="311"/>
      <c r="GK185" s="311"/>
    </row>
    <row r="186" spans="1:193" s="312" customFormat="1" ht="21.75" customHeight="1">
      <c r="A186" s="527"/>
      <c r="B186" s="303"/>
      <c r="C186" s="498" t="s">
        <v>600</v>
      </c>
      <c r="D186" s="499"/>
      <c r="E186" s="313"/>
      <c r="F186" s="224" t="s">
        <v>513</v>
      </c>
      <c r="G186" s="287" t="s">
        <v>601</v>
      </c>
      <c r="H186" s="311"/>
      <c r="I186" s="311"/>
      <c r="J186" s="311"/>
      <c r="K186" s="311"/>
      <c r="L186" s="311"/>
      <c r="M186" s="311"/>
      <c r="N186" s="311"/>
      <c r="O186" s="311"/>
      <c r="P186" s="311"/>
      <c r="Q186" s="311"/>
      <c r="R186" s="311"/>
      <c r="S186" s="311"/>
      <c r="T186" s="311"/>
      <c r="U186" s="311"/>
      <c r="V186" s="311"/>
      <c r="W186" s="311"/>
      <c r="X186" s="311"/>
      <c r="Y186" s="311"/>
      <c r="Z186" s="311"/>
      <c r="AA186" s="311"/>
      <c r="AB186" s="311"/>
      <c r="AC186" s="311"/>
      <c r="AD186" s="311"/>
      <c r="AE186" s="311"/>
      <c r="AF186" s="311"/>
      <c r="AG186" s="311"/>
      <c r="AH186" s="311"/>
      <c r="AI186" s="311"/>
      <c r="AJ186" s="311"/>
      <c r="AK186" s="311"/>
      <c r="AL186" s="311"/>
      <c r="AM186" s="311"/>
      <c r="AN186" s="311"/>
      <c r="AO186" s="311"/>
      <c r="AP186" s="311"/>
      <c r="AQ186" s="311"/>
      <c r="AR186" s="311"/>
      <c r="AS186" s="311"/>
      <c r="AT186" s="311"/>
      <c r="AU186" s="311"/>
      <c r="AV186" s="311"/>
      <c r="AW186" s="311"/>
      <c r="AX186" s="311"/>
      <c r="AY186" s="311"/>
      <c r="AZ186" s="311"/>
      <c r="BA186" s="311"/>
      <c r="BB186" s="311"/>
      <c r="BC186" s="311"/>
      <c r="BD186" s="311"/>
      <c r="BE186" s="311"/>
      <c r="BF186" s="311"/>
      <c r="BG186" s="311"/>
      <c r="BH186" s="311"/>
      <c r="BI186" s="311"/>
      <c r="BJ186" s="311"/>
      <c r="BK186" s="311"/>
      <c r="BL186" s="311"/>
      <c r="BM186" s="311"/>
      <c r="BN186" s="311"/>
      <c r="BO186" s="311"/>
      <c r="BP186" s="311"/>
      <c r="BQ186" s="311"/>
      <c r="BR186" s="311"/>
      <c r="BS186" s="311"/>
      <c r="BT186" s="311"/>
      <c r="BU186" s="311"/>
      <c r="BV186" s="311"/>
      <c r="BW186" s="311"/>
      <c r="BX186" s="311"/>
      <c r="BY186" s="311"/>
      <c r="BZ186" s="311"/>
      <c r="CA186" s="311"/>
      <c r="CB186" s="311"/>
      <c r="CC186" s="311"/>
      <c r="CD186" s="311"/>
      <c r="CE186" s="311"/>
      <c r="CF186" s="311"/>
      <c r="CG186" s="311"/>
      <c r="CH186" s="311"/>
      <c r="CI186" s="311"/>
      <c r="CJ186" s="311"/>
      <c r="CK186" s="311"/>
      <c r="CL186" s="311"/>
      <c r="CM186" s="311"/>
      <c r="CN186" s="311"/>
      <c r="CO186" s="311"/>
      <c r="CP186" s="311"/>
      <c r="CQ186" s="311"/>
      <c r="CR186" s="311"/>
      <c r="CS186" s="311"/>
      <c r="CT186" s="311"/>
      <c r="CU186" s="311"/>
      <c r="CV186" s="311"/>
      <c r="CW186" s="311"/>
      <c r="CX186" s="311"/>
      <c r="CY186" s="311"/>
      <c r="CZ186" s="311"/>
      <c r="DA186" s="311"/>
      <c r="DB186" s="311"/>
      <c r="DC186" s="311"/>
      <c r="DD186" s="311"/>
      <c r="DE186" s="311"/>
      <c r="DF186" s="311"/>
      <c r="DG186" s="311"/>
      <c r="DH186" s="311"/>
      <c r="DI186" s="311"/>
      <c r="DJ186" s="311"/>
      <c r="DK186" s="311"/>
      <c r="DL186" s="311"/>
      <c r="DM186" s="311"/>
      <c r="DN186" s="311"/>
      <c r="DO186" s="311"/>
      <c r="DP186" s="311"/>
      <c r="DQ186" s="311"/>
      <c r="DR186" s="311"/>
      <c r="DS186" s="311"/>
      <c r="DT186" s="311"/>
      <c r="DU186" s="311"/>
      <c r="DV186" s="311"/>
      <c r="DW186" s="311"/>
      <c r="DX186" s="311"/>
      <c r="DY186" s="311"/>
      <c r="DZ186" s="311"/>
      <c r="EA186" s="311"/>
      <c r="EB186" s="311"/>
      <c r="EC186" s="311"/>
      <c r="ED186" s="311"/>
      <c r="EE186" s="311"/>
      <c r="EF186" s="311"/>
      <c r="EG186" s="311"/>
      <c r="EH186" s="311"/>
      <c r="EI186" s="311"/>
      <c r="EJ186" s="311"/>
      <c r="EK186" s="311"/>
      <c r="EL186" s="311"/>
      <c r="EM186" s="311"/>
      <c r="EN186" s="311"/>
      <c r="EO186" s="311"/>
      <c r="EP186" s="311"/>
      <c r="EQ186" s="311"/>
      <c r="ER186" s="311"/>
      <c r="ES186" s="311"/>
      <c r="ET186" s="311"/>
      <c r="EU186" s="311"/>
      <c r="EV186" s="311"/>
      <c r="EW186" s="311"/>
      <c r="EX186" s="311"/>
      <c r="EY186" s="311"/>
      <c r="EZ186" s="311"/>
      <c r="FA186" s="311"/>
      <c r="FB186" s="311"/>
      <c r="FC186" s="311"/>
      <c r="FD186" s="311"/>
      <c r="FE186" s="311"/>
      <c r="FF186" s="311"/>
      <c r="FG186" s="311"/>
      <c r="FH186" s="311"/>
      <c r="FI186" s="311"/>
      <c r="FJ186" s="311"/>
      <c r="FK186" s="311"/>
      <c r="FL186" s="311"/>
      <c r="FM186" s="311"/>
      <c r="FN186" s="311"/>
      <c r="FO186" s="311"/>
      <c r="FP186" s="311"/>
      <c r="FQ186" s="311"/>
      <c r="FR186" s="311"/>
      <c r="FS186" s="311"/>
      <c r="FT186" s="311"/>
      <c r="FU186" s="311"/>
      <c r="FV186" s="311"/>
      <c r="FW186" s="311"/>
      <c r="FX186" s="311"/>
      <c r="FY186" s="311"/>
      <c r="FZ186" s="311"/>
      <c r="GA186" s="311"/>
      <c r="GB186" s="311"/>
      <c r="GC186" s="311"/>
      <c r="GD186" s="311"/>
      <c r="GE186" s="311"/>
      <c r="GF186" s="311"/>
      <c r="GG186" s="311"/>
      <c r="GH186" s="311"/>
      <c r="GI186" s="311"/>
      <c r="GJ186" s="311"/>
      <c r="GK186" s="311"/>
    </row>
    <row r="187" spans="1:193" s="312" customFormat="1" ht="21.75" customHeight="1">
      <c r="A187" s="527"/>
      <c r="B187" s="303"/>
      <c r="C187" s="498" t="s">
        <v>602</v>
      </c>
      <c r="D187" s="499"/>
      <c r="E187" s="313"/>
      <c r="F187" s="224" t="s">
        <v>631</v>
      </c>
      <c r="G187" s="287"/>
      <c r="H187" s="311"/>
      <c r="I187" s="311"/>
      <c r="J187" s="311"/>
      <c r="K187" s="311"/>
      <c r="L187" s="311"/>
      <c r="M187" s="311"/>
      <c r="N187" s="311"/>
      <c r="O187" s="311"/>
      <c r="P187" s="311"/>
      <c r="Q187" s="311"/>
      <c r="R187" s="311"/>
      <c r="S187" s="311"/>
      <c r="T187" s="311"/>
      <c r="U187" s="311"/>
      <c r="V187" s="311"/>
      <c r="W187" s="311"/>
      <c r="X187" s="311"/>
      <c r="Y187" s="311"/>
      <c r="Z187" s="311"/>
      <c r="AA187" s="311"/>
      <c r="AB187" s="311"/>
      <c r="AC187" s="311"/>
      <c r="AD187" s="311"/>
      <c r="AE187" s="311"/>
      <c r="AF187" s="311"/>
      <c r="AG187" s="311"/>
      <c r="AH187" s="311"/>
      <c r="AI187" s="311"/>
      <c r="AJ187" s="311"/>
      <c r="AK187" s="311"/>
      <c r="AL187" s="311"/>
      <c r="AM187" s="311"/>
      <c r="AN187" s="311"/>
      <c r="AO187" s="311"/>
      <c r="AP187" s="311"/>
      <c r="AQ187" s="311"/>
      <c r="AR187" s="311"/>
      <c r="AS187" s="311"/>
      <c r="AT187" s="311"/>
      <c r="AU187" s="311"/>
      <c r="AV187" s="311"/>
      <c r="AW187" s="311"/>
      <c r="AX187" s="311"/>
      <c r="AY187" s="311"/>
      <c r="AZ187" s="311"/>
      <c r="BA187" s="311"/>
      <c r="BB187" s="311"/>
      <c r="BC187" s="311"/>
      <c r="BD187" s="311"/>
      <c r="BE187" s="311"/>
      <c r="BF187" s="311"/>
      <c r="BG187" s="311"/>
      <c r="BH187" s="311"/>
      <c r="BI187" s="311"/>
      <c r="BJ187" s="311"/>
      <c r="BK187" s="311"/>
      <c r="BL187" s="311"/>
      <c r="BM187" s="311"/>
      <c r="BN187" s="311"/>
      <c r="BO187" s="311"/>
      <c r="BP187" s="311"/>
      <c r="BQ187" s="311"/>
      <c r="BR187" s="311"/>
      <c r="BS187" s="311"/>
      <c r="BT187" s="311"/>
      <c r="BU187" s="311"/>
      <c r="BV187" s="311"/>
      <c r="BW187" s="311"/>
      <c r="BX187" s="311"/>
      <c r="BY187" s="311"/>
      <c r="BZ187" s="311"/>
      <c r="CA187" s="311"/>
      <c r="CB187" s="311"/>
      <c r="CC187" s="311"/>
      <c r="CD187" s="311"/>
      <c r="CE187" s="311"/>
      <c r="CF187" s="311"/>
      <c r="CG187" s="311"/>
      <c r="CH187" s="311"/>
      <c r="CI187" s="311"/>
      <c r="CJ187" s="311"/>
      <c r="CK187" s="311"/>
      <c r="CL187" s="311"/>
      <c r="CM187" s="311"/>
      <c r="CN187" s="311"/>
      <c r="CO187" s="311"/>
      <c r="CP187" s="311"/>
      <c r="CQ187" s="311"/>
      <c r="CR187" s="311"/>
      <c r="CS187" s="311"/>
      <c r="CT187" s="311"/>
      <c r="CU187" s="311"/>
      <c r="CV187" s="311"/>
      <c r="CW187" s="311"/>
      <c r="CX187" s="311"/>
      <c r="CY187" s="311"/>
      <c r="CZ187" s="311"/>
      <c r="DA187" s="311"/>
      <c r="DB187" s="311"/>
      <c r="DC187" s="311"/>
      <c r="DD187" s="311"/>
      <c r="DE187" s="311"/>
      <c r="DF187" s="311"/>
      <c r="DG187" s="311"/>
      <c r="DH187" s="311"/>
      <c r="DI187" s="311"/>
      <c r="DJ187" s="311"/>
      <c r="DK187" s="311"/>
      <c r="DL187" s="311"/>
      <c r="DM187" s="311"/>
      <c r="DN187" s="311"/>
      <c r="DO187" s="311"/>
      <c r="DP187" s="311"/>
      <c r="DQ187" s="311"/>
      <c r="DR187" s="311"/>
      <c r="DS187" s="311"/>
      <c r="DT187" s="311"/>
      <c r="DU187" s="311"/>
      <c r="DV187" s="311"/>
      <c r="DW187" s="311"/>
      <c r="DX187" s="311"/>
      <c r="DY187" s="311"/>
      <c r="DZ187" s="311"/>
      <c r="EA187" s="311"/>
      <c r="EB187" s="311"/>
      <c r="EC187" s="311"/>
      <c r="ED187" s="311"/>
      <c r="EE187" s="311"/>
      <c r="EF187" s="311"/>
      <c r="EG187" s="311"/>
      <c r="EH187" s="311"/>
      <c r="EI187" s="311"/>
      <c r="EJ187" s="311"/>
      <c r="EK187" s="311"/>
      <c r="EL187" s="311"/>
      <c r="EM187" s="311"/>
      <c r="EN187" s="311"/>
      <c r="EO187" s="311"/>
      <c r="EP187" s="311"/>
      <c r="EQ187" s="311"/>
      <c r="ER187" s="311"/>
      <c r="ES187" s="311"/>
      <c r="ET187" s="311"/>
      <c r="EU187" s="311"/>
      <c r="EV187" s="311"/>
      <c r="EW187" s="311"/>
      <c r="EX187" s="311"/>
      <c r="EY187" s="311"/>
      <c r="EZ187" s="311"/>
      <c r="FA187" s="311"/>
      <c r="FB187" s="311"/>
      <c r="FC187" s="311"/>
      <c r="FD187" s="311"/>
      <c r="FE187" s="311"/>
      <c r="FF187" s="311"/>
      <c r="FG187" s="311"/>
      <c r="FH187" s="311"/>
      <c r="FI187" s="311"/>
      <c r="FJ187" s="311"/>
      <c r="FK187" s="311"/>
      <c r="FL187" s="311"/>
      <c r="FM187" s="311"/>
      <c r="FN187" s="311"/>
      <c r="FO187" s="311"/>
      <c r="FP187" s="311"/>
      <c r="FQ187" s="311"/>
      <c r="FR187" s="311"/>
      <c r="FS187" s="311"/>
      <c r="FT187" s="311"/>
      <c r="FU187" s="311"/>
      <c r="FV187" s="311"/>
      <c r="FW187" s="311"/>
      <c r="FX187" s="311"/>
      <c r="FY187" s="311"/>
      <c r="FZ187" s="311"/>
      <c r="GA187" s="311"/>
      <c r="GB187" s="311"/>
      <c r="GC187" s="311"/>
      <c r="GD187" s="311"/>
      <c r="GE187" s="311"/>
      <c r="GF187" s="311"/>
      <c r="GG187" s="311"/>
      <c r="GH187" s="311"/>
      <c r="GI187" s="311"/>
      <c r="GJ187" s="311"/>
      <c r="GK187" s="311"/>
    </row>
    <row r="188" spans="1:193" s="312" customFormat="1" ht="21.75" customHeight="1">
      <c r="A188" s="527"/>
      <c r="B188" s="303"/>
      <c r="C188" s="498" t="s">
        <v>603</v>
      </c>
      <c r="D188" s="499"/>
      <c r="E188" s="313"/>
      <c r="F188" s="224" t="s">
        <v>604</v>
      </c>
      <c r="G188" s="287" t="s">
        <v>632</v>
      </c>
      <c r="H188" s="311"/>
      <c r="I188" s="311"/>
      <c r="J188" s="311"/>
      <c r="K188" s="311"/>
      <c r="L188" s="311"/>
      <c r="M188" s="311"/>
      <c r="N188" s="311"/>
      <c r="O188" s="311"/>
      <c r="P188" s="311"/>
      <c r="Q188" s="311"/>
      <c r="R188" s="311"/>
      <c r="S188" s="311"/>
      <c r="T188" s="311"/>
      <c r="U188" s="311"/>
      <c r="V188" s="311"/>
      <c r="W188" s="311"/>
      <c r="X188" s="311"/>
      <c r="Y188" s="311"/>
      <c r="Z188" s="311"/>
      <c r="AA188" s="311"/>
      <c r="AB188" s="311"/>
      <c r="AC188" s="311"/>
      <c r="AD188" s="311"/>
      <c r="AE188" s="311"/>
      <c r="AF188" s="311"/>
      <c r="AG188" s="311"/>
      <c r="AH188" s="311"/>
      <c r="AI188" s="311"/>
      <c r="AJ188" s="311"/>
      <c r="AK188" s="311"/>
      <c r="AL188" s="311"/>
      <c r="AM188" s="311"/>
      <c r="AN188" s="311"/>
      <c r="AO188" s="311"/>
      <c r="AP188" s="311"/>
      <c r="AQ188" s="311"/>
      <c r="AR188" s="311"/>
      <c r="AS188" s="311"/>
      <c r="AT188" s="311"/>
      <c r="AU188" s="311"/>
      <c r="AV188" s="311"/>
      <c r="AW188" s="311"/>
      <c r="AX188" s="311"/>
      <c r="AY188" s="311"/>
      <c r="AZ188" s="311"/>
      <c r="BA188" s="311"/>
      <c r="BB188" s="311"/>
      <c r="BC188" s="311"/>
      <c r="BD188" s="311"/>
      <c r="BE188" s="311"/>
      <c r="BF188" s="311"/>
      <c r="BG188" s="311"/>
      <c r="BH188" s="311"/>
      <c r="BI188" s="311"/>
      <c r="BJ188" s="311"/>
      <c r="BK188" s="311"/>
      <c r="BL188" s="311"/>
      <c r="BM188" s="311"/>
      <c r="BN188" s="311"/>
      <c r="BO188" s="311"/>
      <c r="BP188" s="311"/>
      <c r="BQ188" s="311"/>
      <c r="BR188" s="311"/>
      <c r="BS188" s="311"/>
      <c r="BT188" s="311"/>
      <c r="BU188" s="311"/>
      <c r="BV188" s="311"/>
      <c r="BW188" s="311"/>
      <c r="BX188" s="311"/>
      <c r="BY188" s="311"/>
      <c r="BZ188" s="311"/>
      <c r="CA188" s="311"/>
      <c r="CB188" s="311"/>
      <c r="CC188" s="311"/>
      <c r="CD188" s="311"/>
      <c r="CE188" s="311"/>
      <c r="CF188" s="311"/>
      <c r="CG188" s="311"/>
      <c r="CH188" s="311"/>
      <c r="CI188" s="311"/>
      <c r="CJ188" s="311"/>
      <c r="CK188" s="311"/>
      <c r="CL188" s="311"/>
      <c r="CM188" s="311"/>
      <c r="CN188" s="311"/>
      <c r="CO188" s="311"/>
      <c r="CP188" s="311"/>
      <c r="CQ188" s="311"/>
      <c r="CR188" s="311"/>
      <c r="CS188" s="311"/>
      <c r="CT188" s="311"/>
      <c r="CU188" s="311"/>
      <c r="CV188" s="311"/>
      <c r="CW188" s="311"/>
      <c r="CX188" s="311"/>
      <c r="CY188" s="311"/>
      <c r="CZ188" s="311"/>
      <c r="DA188" s="311"/>
      <c r="DB188" s="311"/>
      <c r="DC188" s="311"/>
      <c r="DD188" s="311"/>
      <c r="DE188" s="311"/>
      <c r="DF188" s="311"/>
      <c r="DG188" s="311"/>
      <c r="DH188" s="311"/>
      <c r="DI188" s="311"/>
      <c r="DJ188" s="311"/>
      <c r="DK188" s="311"/>
      <c r="DL188" s="311"/>
      <c r="DM188" s="311"/>
      <c r="DN188" s="311"/>
      <c r="DO188" s="311"/>
      <c r="DP188" s="311"/>
      <c r="DQ188" s="311"/>
      <c r="DR188" s="311"/>
      <c r="DS188" s="311"/>
      <c r="DT188" s="311"/>
      <c r="DU188" s="311"/>
      <c r="DV188" s="311"/>
      <c r="DW188" s="311"/>
      <c r="DX188" s="311"/>
      <c r="DY188" s="311"/>
      <c r="DZ188" s="311"/>
      <c r="EA188" s="311"/>
      <c r="EB188" s="311"/>
      <c r="EC188" s="311"/>
      <c r="ED188" s="311"/>
      <c r="EE188" s="311"/>
      <c r="EF188" s="311"/>
      <c r="EG188" s="311"/>
      <c r="EH188" s="311"/>
      <c r="EI188" s="311"/>
      <c r="EJ188" s="311"/>
      <c r="EK188" s="311"/>
      <c r="EL188" s="311"/>
      <c r="EM188" s="311"/>
      <c r="EN188" s="311"/>
      <c r="EO188" s="311"/>
      <c r="EP188" s="311"/>
      <c r="EQ188" s="311"/>
      <c r="ER188" s="311"/>
      <c r="ES188" s="311"/>
      <c r="ET188" s="311"/>
      <c r="EU188" s="311"/>
      <c r="EV188" s="311"/>
      <c r="EW188" s="311"/>
      <c r="EX188" s="311"/>
      <c r="EY188" s="311"/>
      <c r="EZ188" s="311"/>
      <c r="FA188" s="311"/>
      <c r="FB188" s="311"/>
      <c r="FC188" s="311"/>
      <c r="FD188" s="311"/>
      <c r="FE188" s="311"/>
      <c r="FF188" s="311"/>
      <c r="FG188" s="311"/>
      <c r="FH188" s="311"/>
      <c r="FI188" s="311"/>
      <c r="FJ188" s="311"/>
      <c r="FK188" s="311"/>
      <c r="FL188" s="311"/>
      <c r="FM188" s="311"/>
      <c r="FN188" s="311"/>
      <c r="FO188" s="311"/>
      <c r="FP188" s="311"/>
      <c r="FQ188" s="311"/>
      <c r="FR188" s="311"/>
      <c r="FS188" s="311"/>
      <c r="FT188" s="311"/>
      <c r="FU188" s="311"/>
      <c r="FV188" s="311"/>
      <c r="FW188" s="311"/>
      <c r="FX188" s="311"/>
      <c r="FY188" s="311"/>
      <c r="FZ188" s="311"/>
      <c r="GA188" s="311"/>
      <c r="GB188" s="311"/>
      <c r="GC188" s="311"/>
      <c r="GD188" s="311"/>
      <c r="GE188" s="311"/>
      <c r="GF188" s="311"/>
      <c r="GG188" s="311"/>
      <c r="GH188" s="311"/>
      <c r="GI188" s="311"/>
      <c r="GJ188" s="311"/>
      <c r="GK188" s="311"/>
    </row>
    <row r="189" spans="1:193" s="312" customFormat="1" ht="21.75" customHeight="1">
      <c r="A189" s="527"/>
      <c r="B189" s="303"/>
      <c r="C189" s="531" t="s">
        <v>633</v>
      </c>
      <c r="D189" s="532"/>
      <c r="E189" s="315"/>
      <c r="F189" s="230"/>
      <c r="G189" s="316"/>
      <c r="H189" s="311"/>
      <c r="I189" s="311"/>
      <c r="J189" s="311"/>
      <c r="K189" s="311"/>
      <c r="L189" s="311"/>
      <c r="M189" s="311"/>
      <c r="N189" s="311"/>
      <c r="O189" s="311"/>
      <c r="P189" s="311"/>
      <c r="Q189" s="311"/>
      <c r="R189" s="311"/>
      <c r="S189" s="311"/>
      <c r="T189" s="311"/>
      <c r="U189" s="311"/>
      <c r="V189" s="311"/>
      <c r="W189" s="311"/>
      <c r="X189" s="311"/>
      <c r="Y189" s="311"/>
      <c r="Z189" s="311"/>
      <c r="AA189" s="311"/>
      <c r="AB189" s="311"/>
      <c r="AC189" s="311"/>
      <c r="AD189" s="311"/>
      <c r="AE189" s="311"/>
      <c r="AF189" s="311"/>
      <c r="AG189" s="311"/>
      <c r="AH189" s="311"/>
      <c r="AI189" s="311"/>
      <c r="AJ189" s="311"/>
      <c r="AK189" s="311"/>
      <c r="AL189" s="311"/>
      <c r="AM189" s="311"/>
      <c r="AN189" s="311"/>
      <c r="AO189" s="311"/>
      <c r="AP189" s="311"/>
      <c r="AQ189" s="311"/>
      <c r="AR189" s="311"/>
      <c r="AS189" s="311"/>
      <c r="AT189" s="311"/>
      <c r="AU189" s="311"/>
      <c r="AV189" s="311"/>
      <c r="AW189" s="311"/>
      <c r="AX189" s="311"/>
      <c r="AY189" s="311"/>
      <c r="AZ189" s="311"/>
      <c r="BA189" s="311"/>
      <c r="BB189" s="311"/>
      <c r="BC189" s="311"/>
      <c r="BD189" s="311"/>
      <c r="BE189" s="311"/>
      <c r="BF189" s="311"/>
      <c r="BG189" s="311"/>
      <c r="BH189" s="311"/>
      <c r="BI189" s="311"/>
      <c r="BJ189" s="311"/>
      <c r="BK189" s="311"/>
      <c r="BL189" s="311"/>
      <c r="BM189" s="311"/>
      <c r="BN189" s="311"/>
      <c r="BO189" s="311"/>
      <c r="BP189" s="311"/>
      <c r="BQ189" s="311"/>
      <c r="BR189" s="311"/>
      <c r="BS189" s="311"/>
      <c r="BT189" s="311"/>
      <c r="BU189" s="311"/>
      <c r="BV189" s="311"/>
      <c r="BW189" s="311"/>
      <c r="BX189" s="311"/>
      <c r="BY189" s="311"/>
      <c r="BZ189" s="311"/>
      <c r="CA189" s="311"/>
      <c r="CB189" s="311"/>
      <c r="CC189" s="311"/>
      <c r="CD189" s="311"/>
      <c r="CE189" s="311"/>
      <c r="CF189" s="311"/>
      <c r="CG189" s="311"/>
      <c r="CH189" s="311"/>
      <c r="CI189" s="311"/>
      <c r="CJ189" s="311"/>
      <c r="CK189" s="311"/>
      <c r="CL189" s="311"/>
      <c r="CM189" s="311"/>
      <c r="CN189" s="311"/>
      <c r="CO189" s="311"/>
      <c r="CP189" s="311"/>
      <c r="CQ189" s="311"/>
      <c r="CR189" s="311"/>
      <c r="CS189" s="311"/>
      <c r="CT189" s="311"/>
      <c r="CU189" s="311"/>
      <c r="CV189" s="311"/>
      <c r="CW189" s="311"/>
      <c r="CX189" s="311"/>
      <c r="CY189" s="311"/>
      <c r="CZ189" s="311"/>
      <c r="DA189" s="311"/>
      <c r="DB189" s="311"/>
      <c r="DC189" s="311"/>
      <c r="DD189" s="311"/>
      <c r="DE189" s="311"/>
      <c r="DF189" s="311"/>
      <c r="DG189" s="311"/>
      <c r="DH189" s="311"/>
      <c r="DI189" s="311"/>
      <c r="DJ189" s="311"/>
      <c r="DK189" s="311"/>
      <c r="DL189" s="311"/>
      <c r="DM189" s="311"/>
      <c r="DN189" s="311"/>
      <c r="DO189" s="311"/>
      <c r="DP189" s="311"/>
      <c r="DQ189" s="311"/>
      <c r="DR189" s="311"/>
      <c r="DS189" s="311"/>
      <c r="DT189" s="311"/>
      <c r="DU189" s="311"/>
      <c r="DV189" s="311"/>
      <c r="DW189" s="311"/>
      <c r="DX189" s="311"/>
      <c r="DY189" s="311"/>
      <c r="DZ189" s="311"/>
      <c r="EA189" s="311"/>
      <c r="EB189" s="311"/>
      <c r="EC189" s="311"/>
      <c r="ED189" s="311"/>
      <c r="EE189" s="311"/>
      <c r="EF189" s="311"/>
      <c r="EG189" s="311"/>
      <c r="EH189" s="311"/>
      <c r="EI189" s="311"/>
      <c r="EJ189" s="311"/>
      <c r="EK189" s="311"/>
      <c r="EL189" s="311"/>
      <c r="EM189" s="311"/>
      <c r="EN189" s="311"/>
      <c r="EO189" s="311"/>
      <c r="EP189" s="311"/>
      <c r="EQ189" s="311"/>
      <c r="ER189" s="311"/>
      <c r="ES189" s="311"/>
      <c r="ET189" s="311"/>
      <c r="EU189" s="311"/>
      <c r="EV189" s="311"/>
      <c r="EW189" s="311"/>
      <c r="EX189" s="311"/>
      <c r="EY189" s="311"/>
      <c r="EZ189" s="311"/>
      <c r="FA189" s="311"/>
      <c r="FB189" s="311"/>
      <c r="FC189" s="311"/>
      <c r="FD189" s="311"/>
      <c r="FE189" s="311"/>
      <c r="FF189" s="311"/>
      <c r="FG189" s="311"/>
      <c r="FH189" s="311"/>
      <c r="FI189" s="311"/>
      <c r="FJ189" s="311"/>
      <c r="FK189" s="311"/>
      <c r="FL189" s="311"/>
      <c r="FM189" s="311"/>
      <c r="FN189" s="311"/>
      <c r="FO189" s="311"/>
      <c r="FP189" s="311"/>
      <c r="FQ189" s="311"/>
      <c r="FR189" s="311"/>
      <c r="FS189" s="311"/>
      <c r="FT189" s="311"/>
      <c r="FU189" s="311"/>
      <c r="FV189" s="311"/>
      <c r="FW189" s="311"/>
      <c r="FX189" s="311"/>
      <c r="FY189" s="311"/>
      <c r="FZ189" s="311"/>
      <c r="GA189" s="311"/>
      <c r="GB189" s="311"/>
      <c r="GC189" s="311"/>
      <c r="GD189" s="311"/>
      <c r="GE189" s="311"/>
      <c r="GF189" s="311"/>
      <c r="GG189" s="311"/>
      <c r="GH189" s="311"/>
      <c r="GI189" s="311"/>
      <c r="GJ189" s="311"/>
      <c r="GK189" s="311"/>
    </row>
    <row r="190" spans="1:193" s="312" customFormat="1" ht="36" customHeight="1">
      <c r="A190" s="527"/>
      <c r="B190" s="303"/>
      <c r="C190" s="520" t="s">
        <v>607</v>
      </c>
      <c r="D190" s="521"/>
      <c r="E190" s="317"/>
      <c r="F190" s="240" t="s">
        <v>513</v>
      </c>
      <c r="G190" s="318" t="s">
        <v>623</v>
      </c>
      <c r="H190" s="311"/>
      <c r="I190" s="311"/>
      <c r="J190" s="311"/>
      <c r="K190" s="311"/>
      <c r="L190" s="311"/>
      <c r="M190" s="311"/>
      <c r="N190" s="311"/>
      <c r="O190" s="311"/>
      <c r="P190" s="311"/>
      <c r="Q190" s="311"/>
      <c r="R190" s="311"/>
      <c r="S190" s="311"/>
      <c r="T190" s="311"/>
      <c r="U190" s="311"/>
      <c r="V190" s="311"/>
      <c r="W190" s="311"/>
      <c r="X190" s="311"/>
      <c r="Y190" s="311"/>
      <c r="Z190" s="311"/>
      <c r="AA190" s="311"/>
      <c r="AB190" s="311"/>
      <c r="AC190" s="311"/>
      <c r="AD190" s="311"/>
      <c r="AE190" s="311"/>
      <c r="AF190" s="311"/>
      <c r="AG190" s="311"/>
      <c r="AH190" s="311"/>
      <c r="AI190" s="311"/>
      <c r="AJ190" s="311"/>
      <c r="AK190" s="311"/>
      <c r="AL190" s="311"/>
      <c r="AM190" s="311"/>
      <c r="AN190" s="311"/>
      <c r="AO190" s="311"/>
      <c r="AP190" s="311"/>
      <c r="AQ190" s="311"/>
      <c r="AR190" s="311"/>
      <c r="AS190" s="311"/>
      <c r="AT190" s="311"/>
      <c r="AU190" s="311"/>
      <c r="AV190" s="311"/>
      <c r="AW190" s="311"/>
      <c r="AX190" s="311"/>
      <c r="AY190" s="311"/>
      <c r="AZ190" s="311"/>
      <c r="BA190" s="311"/>
      <c r="BB190" s="311"/>
      <c r="BC190" s="311"/>
      <c r="BD190" s="311"/>
      <c r="BE190" s="311"/>
      <c r="BF190" s="311"/>
      <c r="BG190" s="311"/>
      <c r="BH190" s="311"/>
      <c r="BI190" s="311"/>
      <c r="BJ190" s="311"/>
      <c r="BK190" s="311"/>
      <c r="BL190" s="311"/>
      <c r="BM190" s="311"/>
      <c r="BN190" s="311"/>
      <c r="BO190" s="311"/>
      <c r="BP190" s="311"/>
      <c r="BQ190" s="311"/>
      <c r="BR190" s="311"/>
      <c r="BS190" s="311"/>
      <c r="BT190" s="311"/>
      <c r="BU190" s="311"/>
      <c r="BV190" s="311"/>
      <c r="BW190" s="311"/>
      <c r="BX190" s="311"/>
      <c r="BY190" s="311"/>
      <c r="BZ190" s="311"/>
      <c r="CA190" s="311"/>
      <c r="CB190" s="311"/>
      <c r="CC190" s="311"/>
      <c r="CD190" s="311"/>
      <c r="CE190" s="311"/>
      <c r="CF190" s="311"/>
      <c r="CG190" s="311"/>
      <c r="CH190" s="311"/>
      <c r="CI190" s="311"/>
      <c r="CJ190" s="311"/>
      <c r="CK190" s="311"/>
      <c r="CL190" s="311"/>
      <c r="CM190" s="311"/>
      <c r="CN190" s="311"/>
      <c r="CO190" s="311"/>
      <c r="CP190" s="311"/>
      <c r="CQ190" s="311"/>
      <c r="CR190" s="311"/>
      <c r="CS190" s="311"/>
      <c r="CT190" s="311"/>
      <c r="CU190" s="311"/>
      <c r="CV190" s="311"/>
      <c r="CW190" s="311"/>
      <c r="CX190" s="311"/>
      <c r="CY190" s="311"/>
      <c r="CZ190" s="311"/>
      <c r="DA190" s="311"/>
      <c r="DB190" s="311"/>
      <c r="DC190" s="311"/>
      <c r="DD190" s="311"/>
      <c r="DE190" s="311"/>
      <c r="DF190" s="311"/>
      <c r="DG190" s="311"/>
      <c r="DH190" s="311"/>
      <c r="DI190" s="311"/>
      <c r="DJ190" s="311"/>
      <c r="DK190" s="311"/>
      <c r="DL190" s="311"/>
      <c r="DM190" s="311"/>
      <c r="DN190" s="311"/>
      <c r="DO190" s="311"/>
      <c r="DP190" s="311"/>
      <c r="DQ190" s="311"/>
      <c r="DR190" s="311"/>
      <c r="DS190" s="311"/>
      <c r="DT190" s="311"/>
      <c r="DU190" s="311"/>
      <c r="DV190" s="311"/>
      <c r="DW190" s="311"/>
      <c r="DX190" s="311"/>
      <c r="DY190" s="311"/>
      <c r="DZ190" s="311"/>
      <c r="EA190" s="311"/>
      <c r="EB190" s="311"/>
      <c r="EC190" s="311"/>
      <c r="ED190" s="311"/>
      <c r="EE190" s="311"/>
      <c r="EF190" s="311"/>
      <c r="EG190" s="311"/>
      <c r="EH190" s="311"/>
      <c r="EI190" s="311"/>
      <c r="EJ190" s="311"/>
      <c r="EK190" s="311"/>
      <c r="EL190" s="311"/>
      <c r="EM190" s="311"/>
      <c r="EN190" s="311"/>
      <c r="EO190" s="311"/>
      <c r="EP190" s="311"/>
      <c r="EQ190" s="311"/>
      <c r="ER190" s="311"/>
      <c r="ES190" s="311"/>
      <c r="ET190" s="311"/>
      <c r="EU190" s="311"/>
      <c r="EV190" s="311"/>
      <c r="EW190" s="311"/>
      <c r="EX190" s="311"/>
      <c r="EY190" s="311"/>
      <c r="EZ190" s="311"/>
      <c r="FA190" s="311"/>
      <c r="FB190" s="311"/>
      <c r="FC190" s="311"/>
      <c r="FD190" s="311"/>
      <c r="FE190" s="311"/>
      <c r="FF190" s="311"/>
      <c r="FG190" s="311"/>
      <c r="FH190" s="311"/>
      <c r="FI190" s="311"/>
      <c r="FJ190" s="311"/>
      <c r="FK190" s="311"/>
      <c r="FL190" s="311"/>
      <c r="FM190" s="311"/>
      <c r="FN190" s="311"/>
      <c r="FO190" s="311"/>
      <c r="FP190" s="311"/>
      <c r="FQ190" s="311"/>
      <c r="FR190" s="311"/>
      <c r="FS190" s="311"/>
      <c r="FT190" s="311"/>
      <c r="FU190" s="311"/>
      <c r="FV190" s="311"/>
      <c r="FW190" s="311"/>
      <c r="FX190" s="311"/>
      <c r="FY190" s="311"/>
      <c r="FZ190" s="311"/>
      <c r="GA190" s="311"/>
      <c r="GB190" s="311"/>
      <c r="GC190" s="311"/>
      <c r="GD190" s="311"/>
      <c r="GE190" s="311"/>
      <c r="GF190" s="311"/>
      <c r="GG190" s="311"/>
      <c r="GH190" s="311"/>
      <c r="GI190" s="311"/>
      <c r="GJ190" s="311"/>
      <c r="GK190" s="311"/>
    </row>
    <row r="191" spans="1:193" s="312" customFormat="1" ht="36" customHeight="1">
      <c r="A191" s="527"/>
      <c r="B191" s="303"/>
      <c r="C191" s="498" t="s">
        <v>634</v>
      </c>
      <c r="D191" s="499"/>
      <c r="E191" s="313"/>
      <c r="F191" s="224" t="s">
        <v>627</v>
      </c>
      <c r="G191" s="287" t="s">
        <v>635</v>
      </c>
      <c r="H191" s="311"/>
      <c r="I191" s="311"/>
      <c r="J191" s="311"/>
      <c r="K191" s="311"/>
      <c r="L191" s="311"/>
      <c r="M191" s="311"/>
      <c r="N191" s="311"/>
      <c r="O191" s="311"/>
      <c r="P191" s="311"/>
      <c r="Q191" s="311"/>
      <c r="R191" s="311"/>
      <c r="S191" s="311"/>
      <c r="T191" s="311"/>
      <c r="U191" s="311"/>
      <c r="V191" s="311"/>
      <c r="W191" s="311"/>
      <c r="X191" s="311"/>
      <c r="Y191" s="311"/>
      <c r="Z191" s="311"/>
      <c r="AA191" s="311"/>
      <c r="AB191" s="311"/>
      <c r="AC191" s="311"/>
      <c r="AD191" s="311"/>
      <c r="AE191" s="311"/>
      <c r="AF191" s="311"/>
      <c r="AG191" s="311"/>
      <c r="AH191" s="311"/>
      <c r="AI191" s="311"/>
      <c r="AJ191" s="311"/>
      <c r="AK191" s="311"/>
      <c r="AL191" s="311"/>
      <c r="AM191" s="311"/>
      <c r="AN191" s="311"/>
      <c r="AO191" s="311"/>
      <c r="AP191" s="311"/>
      <c r="AQ191" s="311"/>
      <c r="AR191" s="311"/>
      <c r="AS191" s="311"/>
      <c r="AT191" s="311"/>
      <c r="AU191" s="311"/>
      <c r="AV191" s="311"/>
      <c r="AW191" s="311"/>
      <c r="AX191" s="311"/>
      <c r="AY191" s="311"/>
      <c r="AZ191" s="311"/>
      <c r="BA191" s="311"/>
      <c r="BB191" s="311"/>
      <c r="BC191" s="311"/>
      <c r="BD191" s="311"/>
      <c r="BE191" s="311"/>
      <c r="BF191" s="311"/>
      <c r="BG191" s="311"/>
      <c r="BH191" s="311"/>
      <c r="BI191" s="311"/>
      <c r="BJ191" s="311"/>
      <c r="BK191" s="311"/>
      <c r="BL191" s="311"/>
      <c r="BM191" s="311"/>
      <c r="BN191" s="311"/>
      <c r="BO191" s="311"/>
      <c r="BP191" s="311"/>
      <c r="BQ191" s="311"/>
      <c r="BR191" s="311"/>
      <c r="BS191" s="311"/>
      <c r="BT191" s="311"/>
      <c r="BU191" s="311"/>
      <c r="BV191" s="311"/>
      <c r="BW191" s="311"/>
      <c r="BX191" s="311"/>
      <c r="BY191" s="311"/>
      <c r="BZ191" s="311"/>
      <c r="CA191" s="311"/>
      <c r="CB191" s="311"/>
      <c r="CC191" s="311"/>
      <c r="CD191" s="311"/>
      <c r="CE191" s="311"/>
      <c r="CF191" s="311"/>
      <c r="CG191" s="311"/>
      <c r="CH191" s="311"/>
      <c r="CI191" s="311"/>
      <c r="CJ191" s="311"/>
      <c r="CK191" s="311"/>
      <c r="CL191" s="311"/>
      <c r="CM191" s="311"/>
      <c r="CN191" s="311"/>
      <c r="CO191" s="311"/>
      <c r="CP191" s="311"/>
      <c r="CQ191" s="311"/>
      <c r="CR191" s="311"/>
      <c r="CS191" s="311"/>
      <c r="CT191" s="311"/>
      <c r="CU191" s="311"/>
      <c r="CV191" s="311"/>
      <c r="CW191" s="311"/>
      <c r="CX191" s="311"/>
      <c r="CY191" s="311"/>
      <c r="CZ191" s="311"/>
      <c r="DA191" s="311"/>
      <c r="DB191" s="311"/>
      <c r="DC191" s="311"/>
      <c r="DD191" s="311"/>
      <c r="DE191" s="311"/>
      <c r="DF191" s="311"/>
      <c r="DG191" s="311"/>
      <c r="DH191" s="311"/>
      <c r="DI191" s="311"/>
      <c r="DJ191" s="311"/>
      <c r="DK191" s="311"/>
      <c r="DL191" s="311"/>
      <c r="DM191" s="311"/>
      <c r="DN191" s="311"/>
      <c r="DO191" s="311"/>
      <c r="DP191" s="311"/>
      <c r="DQ191" s="311"/>
      <c r="DR191" s="311"/>
      <c r="DS191" s="311"/>
      <c r="DT191" s="311"/>
      <c r="DU191" s="311"/>
      <c r="DV191" s="311"/>
      <c r="DW191" s="311"/>
      <c r="DX191" s="311"/>
      <c r="DY191" s="311"/>
      <c r="DZ191" s="311"/>
      <c r="EA191" s="311"/>
      <c r="EB191" s="311"/>
      <c r="EC191" s="311"/>
      <c r="ED191" s="311"/>
      <c r="EE191" s="311"/>
      <c r="EF191" s="311"/>
      <c r="EG191" s="311"/>
      <c r="EH191" s="311"/>
      <c r="EI191" s="311"/>
      <c r="EJ191" s="311"/>
      <c r="EK191" s="311"/>
      <c r="EL191" s="311"/>
      <c r="EM191" s="311"/>
      <c r="EN191" s="311"/>
      <c r="EO191" s="311"/>
      <c r="EP191" s="311"/>
      <c r="EQ191" s="311"/>
      <c r="ER191" s="311"/>
      <c r="ES191" s="311"/>
      <c r="ET191" s="311"/>
      <c r="EU191" s="311"/>
      <c r="EV191" s="311"/>
      <c r="EW191" s="311"/>
      <c r="EX191" s="311"/>
      <c r="EY191" s="311"/>
      <c r="EZ191" s="311"/>
      <c r="FA191" s="311"/>
      <c r="FB191" s="311"/>
      <c r="FC191" s="311"/>
      <c r="FD191" s="311"/>
      <c r="FE191" s="311"/>
      <c r="FF191" s="311"/>
      <c r="FG191" s="311"/>
      <c r="FH191" s="311"/>
      <c r="FI191" s="311"/>
      <c r="FJ191" s="311"/>
      <c r="FK191" s="311"/>
      <c r="FL191" s="311"/>
      <c r="FM191" s="311"/>
      <c r="FN191" s="311"/>
      <c r="FO191" s="311"/>
      <c r="FP191" s="311"/>
      <c r="FQ191" s="311"/>
      <c r="FR191" s="311"/>
      <c r="FS191" s="311"/>
      <c r="FT191" s="311"/>
      <c r="FU191" s="311"/>
      <c r="FV191" s="311"/>
      <c r="FW191" s="311"/>
      <c r="FX191" s="311"/>
      <c r="FY191" s="311"/>
      <c r="FZ191" s="311"/>
      <c r="GA191" s="311"/>
      <c r="GB191" s="311"/>
      <c r="GC191" s="311"/>
      <c r="GD191" s="311"/>
      <c r="GE191" s="311"/>
      <c r="GF191" s="311"/>
      <c r="GG191" s="311"/>
      <c r="GH191" s="311"/>
      <c r="GI191" s="311"/>
      <c r="GJ191" s="311"/>
      <c r="GK191" s="311"/>
    </row>
    <row r="192" spans="1:193" s="312" customFormat="1" ht="36" customHeight="1">
      <c r="A192" s="530"/>
      <c r="B192" s="305"/>
      <c r="C192" s="512" t="s">
        <v>614</v>
      </c>
      <c r="D192" s="513"/>
      <c r="E192" s="319"/>
      <c r="F192" s="320" t="s">
        <v>627</v>
      </c>
      <c r="G192" s="287" t="s">
        <v>636</v>
      </c>
      <c r="H192" s="311"/>
      <c r="I192" s="311"/>
      <c r="J192" s="311"/>
      <c r="K192" s="311"/>
      <c r="L192" s="311"/>
      <c r="M192" s="311"/>
      <c r="N192" s="311"/>
      <c r="O192" s="311"/>
      <c r="P192" s="311"/>
      <c r="Q192" s="311"/>
      <c r="R192" s="311"/>
      <c r="S192" s="311"/>
      <c r="T192" s="311"/>
      <c r="U192" s="311"/>
      <c r="V192" s="311"/>
      <c r="W192" s="311"/>
      <c r="X192" s="311"/>
      <c r="Y192" s="311"/>
      <c r="Z192" s="311"/>
      <c r="AA192" s="311"/>
      <c r="AB192" s="311"/>
      <c r="AC192" s="311"/>
      <c r="AD192" s="311"/>
      <c r="AE192" s="311"/>
      <c r="AF192" s="311"/>
      <c r="AG192" s="311"/>
      <c r="AH192" s="311"/>
      <c r="AI192" s="311"/>
      <c r="AJ192" s="311"/>
      <c r="AK192" s="311"/>
      <c r="AL192" s="311"/>
      <c r="AM192" s="311"/>
      <c r="AN192" s="311"/>
      <c r="AO192" s="311"/>
      <c r="AP192" s="311"/>
      <c r="AQ192" s="311"/>
      <c r="AR192" s="311"/>
      <c r="AS192" s="311"/>
      <c r="AT192" s="311"/>
      <c r="AU192" s="311"/>
      <c r="AV192" s="311"/>
      <c r="AW192" s="311"/>
      <c r="AX192" s="311"/>
      <c r="AY192" s="311"/>
      <c r="AZ192" s="311"/>
      <c r="BA192" s="311"/>
      <c r="BB192" s="311"/>
      <c r="BC192" s="311"/>
      <c r="BD192" s="311"/>
      <c r="BE192" s="311"/>
      <c r="BF192" s="311"/>
      <c r="BG192" s="311"/>
      <c r="BH192" s="311"/>
      <c r="BI192" s="311"/>
      <c r="BJ192" s="311"/>
      <c r="BK192" s="311"/>
      <c r="BL192" s="311"/>
      <c r="BM192" s="311"/>
      <c r="BN192" s="311"/>
      <c r="BO192" s="311"/>
      <c r="BP192" s="311"/>
      <c r="BQ192" s="311"/>
      <c r="BR192" s="311"/>
      <c r="BS192" s="311"/>
      <c r="BT192" s="311"/>
      <c r="BU192" s="311"/>
      <c r="BV192" s="311"/>
      <c r="BW192" s="311"/>
      <c r="BX192" s="311"/>
      <c r="BY192" s="311"/>
      <c r="BZ192" s="311"/>
      <c r="CA192" s="311"/>
      <c r="CB192" s="311"/>
      <c r="CC192" s="311"/>
      <c r="CD192" s="311"/>
      <c r="CE192" s="311"/>
      <c r="CF192" s="311"/>
      <c r="CG192" s="311"/>
      <c r="CH192" s="311"/>
      <c r="CI192" s="311"/>
      <c r="CJ192" s="311"/>
      <c r="CK192" s="311"/>
      <c r="CL192" s="311"/>
      <c r="CM192" s="311"/>
      <c r="CN192" s="311"/>
      <c r="CO192" s="311"/>
      <c r="CP192" s="311"/>
      <c r="CQ192" s="311"/>
      <c r="CR192" s="311"/>
      <c r="CS192" s="311"/>
      <c r="CT192" s="311"/>
      <c r="CU192" s="311"/>
      <c r="CV192" s="311"/>
      <c r="CW192" s="311"/>
      <c r="CX192" s="311"/>
      <c r="CY192" s="311"/>
      <c r="CZ192" s="311"/>
      <c r="DA192" s="311"/>
      <c r="DB192" s="311"/>
      <c r="DC192" s="311"/>
      <c r="DD192" s="311"/>
      <c r="DE192" s="311"/>
      <c r="DF192" s="311"/>
      <c r="DG192" s="311"/>
      <c r="DH192" s="311"/>
      <c r="DI192" s="311"/>
      <c r="DJ192" s="311"/>
      <c r="DK192" s="311"/>
      <c r="DL192" s="311"/>
      <c r="DM192" s="311"/>
      <c r="DN192" s="311"/>
      <c r="DO192" s="311"/>
      <c r="DP192" s="311"/>
      <c r="DQ192" s="311"/>
      <c r="DR192" s="311"/>
      <c r="DS192" s="311"/>
      <c r="DT192" s="311"/>
      <c r="DU192" s="311"/>
      <c r="DV192" s="311"/>
      <c r="DW192" s="311"/>
      <c r="DX192" s="311"/>
      <c r="DY192" s="311"/>
      <c r="DZ192" s="311"/>
      <c r="EA192" s="311"/>
      <c r="EB192" s="311"/>
      <c r="EC192" s="311"/>
      <c r="ED192" s="311"/>
      <c r="EE192" s="311"/>
      <c r="EF192" s="311"/>
      <c r="EG192" s="311"/>
      <c r="EH192" s="311"/>
      <c r="EI192" s="311"/>
      <c r="EJ192" s="311"/>
      <c r="EK192" s="311"/>
      <c r="EL192" s="311"/>
      <c r="EM192" s="311"/>
      <c r="EN192" s="311"/>
      <c r="EO192" s="311"/>
      <c r="EP192" s="311"/>
      <c r="EQ192" s="311"/>
      <c r="ER192" s="311"/>
      <c r="ES192" s="311"/>
      <c r="ET192" s="311"/>
      <c r="EU192" s="311"/>
      <c r="EV192" s="311"/>
      <c r="EW192" s="311"/>
      <c r="EX192" s="311"/>
      <c r="EY192" s="311"/>
      <c r="EZ192" s="311"/>
      <c r="FA192" s="311"/>
      <c r="FB192" s="311"/>
      <c r="FC192" s="311"/>
      <c r="FD192" s="311"/>
      <c r="FE192" s="311"/>
      <c r="FF192" s="311"/>
      <c r="FG192" s="311"/>
      <c r="FH192" s="311"/>
      <c r="FI192" s="311"/>
      <c r="FJ192" s="311"/>
      <c r="FK192" s="311"/>
      <c r="FL192" s="311"/>
      <c r="FM192" s="311"/>
      <c r="FN192" s="311"/>
      <c r="FO192" s="311"/>
      <c r="FP192" s="311"/>
      <c r="FQ192" s="311"/>
      <c r="FR192" s="311"/>
      <c r="FS192" s="311"/>
      <c r="FT192" s="311"/>
      <c r="FU192" s="311"/>
      <c r="FV192" s="311"/>
      <c r="FW192" s="311"/>
      <c r="FX192" s="311"/>
      <c r="FY192" s="311"/>
      <c r="FZ192" s="311"/>
      <c r="GA192" s="311"/>
      <c r="GB192" s="311"/>
      <c r="GC192" s="311"/>
      <c r="GD192" s="311"/>
      <c r="GE192" s="311"/>
      <c r="GF192" s="311"/>
      <c r="GG192" s="311"/>
      <c r="GH192" s="311"/>
      <c r="GI192" s="311"/>
      <c r="GJ192" s="311"/>
      <c r="GK192" s="311"/>
    </row>
    <row r="193" spans="1:7" ht="49.5" customHeight="1">
      <c r="A193" s="541" t="s">
        <v>637</v>
      </c>
      <c r="B193" s="321" t="s">
        <v>638</v>
      </c>
      <c r="C193" s="544" t="s">
        <v>639</v>
      </c>
      <c r="D193" s="545"/>
      <c r="E193" s="533"/>
      <c r="F193" s="535" t="s">
        <v>344</v>
      </c>
      <c r="G193" s="322" t="s">
        <v>640</v>
      </c>
    </row>
    <row r="194" spans="1:7" ht="36" customHeight="1">
      <c r="A194" s="542"/>
      <c r="B194" s="323"/>
      <c r="C194" s="537" t="s">
        <v>641</v>
      </c>
      <c r="D194" s="538"/>
      <c r="E194" s="534"/>
      <c r="F194" s="536"/>
      <c r="G194" s="324" t="s">
        <v>599</v>
      </c>
    </row>
    <row r="195" spans="1:7" ht="63.75" customHeight="1">
      <c r="A195" s="542"/>
      <c r="B195" s="323"/>
      <c r="C195" s="537" t="s">
        <v>642</v>
      </c>
      <c r="D195" s="538"/>
      <c r="E195" s="534"/>
      <c r="F195" s="536"/>
      <c r="G195" s="324" t="s">
        <v>599</v>
      </c>
    </row>
    <row r="196" spans="1:7" ht="76.5" customHeight="1">
      <c r="A196" s="542"/>
      <c r="B196" s="323"/>
      <c r="C196" s="537" t="s">
        <v>643</v>
      </c>
      <c r="D196" s="538"/>
      <c r="E196" s="534"/>
      <c r="F196" s="536"/>
      <c r="G196" s="324" t="s">
        <v>599</v>
      </c>
    </row>
    <row r="197" spans="1:7" ht="36" customHeight="1">
      <c r="A197" s="542"/>
      <c r="B197" s="323"/>
      <c r="C197" s="537" t="s">
        <v>644</v>
      </c>
      <c r="D197" s="538"/>
      <c r="E197" s="534"/>
      <c r="F197" s="536"/>
      <c r="G197" s="324" t="s">
        <v>599</v>
      </c>
    </row>
    <row r="198" spans="1:7" ht="30" customHeight="1">
      <c r="A198" s="542"/>
      <c r="B198" s="323"/>
      <c r="C198" s="537" t="s">
        <v>645</v>
      </c>
      <c r="D198" s="538"/>
      <c r="E198" s="325"/>
      <c r="F198" s="326" t="s">
        <v>554</v>
      </c>
      <c r="G198" s="324" t="s">
        <v>646</v>
      </c>
    </row>
    <row r="199" spans="1:7" ht="36" customHeight="1">
      <c r="A199" s="542"/>
      <c r="B199" s="323"/>
      <c r="C199" s="537" t="s">
        <v>647</v>
      </c>
      <c r="D199" s="538"/>
      <c r="E199" s="325"/>
      <c r="F199" s="326" t="s">
        <v>554</v>
      </c>
      <c r="G199" s="324" t="s">
        <v>648</v>
      </c>
    </row>
    <row r="200" spans="1:7" ht="21.75" customHeight="1">
      <c r="A200" s="542"/>
      <c r="B200" s="323"/>
      <c r="C200" s="537" t="s">
        <v>649</v>
      </c>
      <c r="D200" s="538"/>
      <c r="E200" s="325"/>
      <c r="F200" s="326" t="s">
        <v>554</v>
      </c>
      <c r="G200" s="324" t="s">
        <v>601</v>
      </c>
    </row>
    <row r="201" spans="1:7" ht="21.75" customHeight="1">
      <c r="A201" s="542"/>
      <c r="B201" s="323"/>
      <c r="C201" s="537" t="s">
        <v>650</v>
      </c>
      <c r="D201" s="538"/>
      <c r="E201" s="327"/>
      <c r="F201" s="224" t="s">
        <v>554</v>
      </c>
      <c r="G201" s="324"/>
    </row>
    <row r="202" spans="1:7" ht="21.75" customHeight="1">
      <c r="A202" s="542"/>
      <c r="B202" s="323"/>
      <c r="C202" s="537" t="s">
        <v>651</v>
      </c>
      <c r="D202" s="538"/>
      <c r="E202" s="328"/>
      <c r="F202" s="329" t="s">
        <v>554</v>
      </c>
      <c r="G202" s="324"/>
    </row>
    <row r="203" spans="1:7" ht="36" customHeight="1">
      <c r="A203" s="542"/>
      <c r="B203" s="323"/>
      <c r="C203" s="537" t="s">
        <v>652</v>
      </c>
      <c r="D203" s="538"/>
      <c r="E203" s="328"/>
      <c r="F203" s="329" t="s">
        <v>554</v>
      </c>
      <c r="G203" s="287" t="s">
        <v>616</v>
      </c>
    </row>
    <row r="204" spans="1:7" ht="36" customHeight="1">
      <c r="A204" s="543"/>
      <c r="B204" s="330"/>
      <c r="C204" s="539" t="s">
        <v>653</v>
      </c>
      <c r="D204" s="540"/>
      <c r="E204" s="331"/>
      <c r="F204" s="332" t="s">
        <v>554</v>
      </c>
      <c r="G204" s="333" t="s">
        <v>654</v>
      </c>
    </row>
    <row r="205" spans="1:7" ht="49.5" customHeight="1">
      <c r="A205" s="541" t="s">
        <v>655</v>
      </c>
      <c r="B205" s="321" t="s">
        <v>638</v>
      </c>
      <c r="C205" s="544" t="s">
        <v>639</v>
      </c>
      <c r="D205" s="545"/>
      <c r="E205" s="546"/>
      <c r="F205" s="548" t="s">
        <v>344</v>
      </c>
      <c r="G205" s="322" t="s">
        <v>640</v>
      </c>
    </row>
    <row r="206" spans="1:7" ht="36" customHeight="1">
      <c r="A206" s="542"/>
      <c r="B206" s="323"/>
      <c r="C206" s="537" t="s">
        <v>641</v>
      </c>
      <c r="D206" s="538"/>
      <c r="E206" s="547"/>
      <c r="F206" s="549"/>
      <c r="G206" s="324" t="s">
        <v>599</v>
      </c>
    </row>
    <row r="207" spans="1:7" ht="67.5" customHeight="1">
      <c r="A207" s="542"/>
      <c r="B207" s="323"/>
      <c r="C207" s="537" t="s">
        <v>642</v>
      </c>
      <c r="D207" s="538"/>
      <c r="E207" s="547"/>
      <c r="F207" s="549"/>
      <c r="G207" s="324" t="s">
        <v>599</v>
      </c>
    </row>
    <row r="208" spans="1:7" ht="77.25" customHeight="1">
      <c r="A208" s="542"/>
      <c r="B208" s="323"/>
      <c r="C208" s="537" t="s">
        <v>643</v>
      </c>
      <c r="D208" s="538"/>
      <c r="E208" s="547"/>
      <c r="F208" s="549"/>
      <c r="G208" s="324" t="s">
        <v>599</v>
      </c>
    </row>
    <row r="209" spans="1:7" ht="36" customHeight="1">
      <c r="A209" s="542"/>
      <c r="B209" s="323"/>
      <c r="C209" s="537" t="s">
        <v>644</v>
      </c>
      <c r="D209" s="538"/>
      <c r="E209" s="547"/>
      <c r="F209" s="549"/>
      <c r="G209" s="324" t="s">
        <v>599</v>
      </c>
    </row>
    <row r="210" spans="1:7" ht="21.75" customHeight="1">
      <c r="A210" s="542"/>
      <c r="B210" s="323"/>
      <c r="C210" s="537" t="s">
        <v>645</v>
      </c>
      <c r="D210" s="538"/>
      <c r="E210" s="334"/>
      <c r="F210" s="329" t="s">
        <v>554</v>
      </c>
      <c r="G210" s="324" t="s">
        <v>646</v>
      </c>
    </row>
    <row r="211" spans="1:7" ht="36" customHeight="1">
      <c r="A211" s="542"/>
      <c r="B211" s="323"/>
      <c r="C211" s="537" t="s">
        <v>647</v>
      </c>
      <c r="D211" s="538"/>
      <c r="E211" s="334"/>
      <c r="F211" s="329" t="s">
        <v>554</v>
      </c>
      <c r="G211" s="324" t="s">
        <v>648</v>
      </c>
    </row>
    <row r="212" spans="1:7" ht="21.75" customHeight="1">
      <c r="A212" s="542"/>
      <c r="B212" s="323"/>
      <c r="C212" s="537" t="s">
        <v>649</v>
      </c>
      <c r="D212" s="538"/>
      <c r="E212" s="334"/>
      <c r="F212" s="329" t="s">
        <v>554</v>
      </c>
      <c r="G212" s="324" t="s">
        <v>601</v>
      </c>
    </row>
    <row r="213" spans="1:7" ht="21.75" customHeight="1">
      <c r="A213" s="542"/>
      <c r="B213" s="323"/>
      <c r="C213" s="537" t="s">
        <v>656</v>
      </c>
      <c r="D213" s="538"/>
      <c r="E213" s="334"/>
      <c r="F213" s="329" t="s">
        <v>554</v>
      </c>
      <c r="G213" s="324"/>
    </row>
    <row r="214" spans="1:7" ht="36" customHeight="1">
      <c r="A214" s="542"/>
      <c r="B214" s="323"/>
      <c r="C214" s="537" t="s">
        <v>657</v>
      </c>
      <c r="D214" s="538"/>
      <c r="E214" s="334"/>
      <c r="F214" s="329" t="s">
        <v>554</v>
      </c>
      <c r="G214" s="287" t="s">
        <v>616</v>
      </c>
    </row>
    <row r="215" spans="1:7" ht="36" customHeight="1">
      <c r="A215" s="543"/>
      <c r="B215" s="330"/>
      <c r="C215" s="539" t="s">
        <v>658</v>
      </c>
      <c r="D215" s="540"/>
      <c r="E215" s="335"/>
      <c r="F215" s="332" t="s">
        <v>554</v>
      </c>
      <c r="G215" s="333" t="s">
        <v>654</v>
      </c>
    </row>
  </sheetData>
  <mergeCells count="264">
    <mergeCell ref="C212:D212"/>
    <mergeCell ref="C213:D213"/>
    <mergeCell ref="C214:D214"/>
    <mergeCell ref="C215:D215"/>
    <mergeCell ref="A205:A215"/>
    <mergeCell ref="C205:D205"/>
    <mergeCell ref="E205:E209"/>
    <mergeCell ref="F205:F209"/>
    <mergeCell ref="C206:D206"/>
    <mergeCell ref="C207:D207"/>
    <mergeCell ref="C208:D208"/>
    <mergeCell ref="C209:D209"/>
    <mergeCell ref="C210:D210"/>
    <mergeCell ref="C211:D211"/>
    <mergeCell ref="C199:D199"/>
    <mergeCell ref="C200:D200"/>
    <mergeCell ref="C201:D201"/>
    <mergeCell ref="C202:D202"/>
    <mergeCell ref="C203:D203"/>
    <mergeCell ref="C204:D204"/>
    <mergeCell ref="C192:D192"/>
    <mergeCell ref="A193:A204"/>
    <mergeCell ref="C193:D193"/>
    <mergeCell ref="A183:A192"/>
    <mergeCell ref="C183:D183"/>
    <mergeCell ref="C184:D184"/>
    <mergeCell ref="C185:D185"/>
    <mergeCell ref="C186:D186"/>
    <mergeCell ref="C187:D187"/>
    <mergeCell ref="C188:D188"/>
    <mergeCell ref="C189:D189"/>
    <mergeCell ref="C190:D190"/>
    <mergeCell ref="C191:D191"/>
    <mergeCell ref="C171:D171"/>
    <mergeCell ref="C172:D172"/>
    <mergeCell ref="E193:E197"/>
    <mergeCell ref="F193:F197"/>
    <mergeCell ref="C194:D194"/>
    <mergeCell ref="C195:D195"/>
    <mergeCell ref="C196:D196"/>
    <mergeCell ref="C197:D197"/>
    <mergeCell ref="C198:D198"/>
    <mergeCell ref="A173:A182"/>
    <mergeCell ref="C173:D173"/>
    <mergeCell ref="C174:D174"/>
    <mergeCell ref="C175:D175"/>
    <mergeCell ref="C176:D176"/>
    <mergeCell ref="A160:A161"/>
    <mergeCell ref="C160:D160"/>
    <mergeCell ref="C161:D161"/>
    <mergeCell ref="A162:A172"/>
    <mergeCell ref="C162:D162"/>
    <mergeCell ref="C163:D163"/>
    <mergeCell ref="C164:D164"/>
    <mergeCell ref="C165:D165"/>
    <mergeCell ref="C166:D166"/>
    <mergeCell ref="C167:D167"/>
    <mergeCell ref="C177:D177"/>
    <mergeCell ref="C178:D178"/>
    <mergeCell ref="C179:D179"/>
    <mergeCell ref="C180:D180"/>
    <mergeCell ref="C181:D181"/>
    <mergeCell ref="C182:D182"/>
    <mergeCell ref="C168:D168"/>
    <mergeCell ref="C169:D169"/>
    <mergeCell ref="C170:D170"/>
    <mergeCell ref="F155:F156"/>
    <mergeCell ref="C156:D156"/>
    <mergeCell ref="C157:D157"/>
    <mergeCell ref="A158:A159"/>
    <mergeCell ref="C158:D158"/>
    <mergeCell ref="C159:D159"/>
    <mergeCell ref="A153:A154"/>
    <mergeCell ref="C153:D153"/>
    <mergeCell ref="C154:D154"/>
    <mergeCell ref="A155:A157"/>
    <mergeCell ref="C155:D155"/>
    <mergeCell ref="E155:E156"/>
    <mergeCell ref="E150:E151"/>
    <mergeCell ref="F150:F151"/>
    <mergeCell ref="C151:D151"/>
    <mergeCell ref="C152:D152"/>
    <mergeCell ref="C142:D142"/>
    <mergeCell ref="C143:D143"/>
    <mergeCell ref="C144:D144"/>
    <mergeCell ref="C145:D145"/>
    <mergeCell ref="A146:A147"/>
    <mergeCell ref="C146:D146"/>
    <mergeCell ref="C147:D147"/>
    <mergeCell ref="A137:A145"/>
    <mergeCell ref="C137:D137"/>
    <mergeCell ref="C138:D138"/>
    <mergeCell ref="C139:D139"/>
    <mergeCell ref="C140:D140"/>
    <mergeCell ref="C141:D141"/>
    <mergeCell ref="C148:D148"/>
    <mergeCell ref="C149:D149"/>
    <mergeCell ref="A150:A152"/>
    <mergeCell ref="C150:D150"/>
    <mergeCell ref="A129:A136"/>
    <mergeCell ref="C129:D129"/>
    <mergeCell ref="C130:D130"/>
    <mergeCell ref="C131:D131"/>
    <mergeCell ref="C132:D132"/>
    <mergeCell ref="C133:D133"/>
    <mergeCell ref="C134:D134"/>
    <mergeCell ref="C135:D135"/>
    <mergeCell ref="C136:D136"/>
    <mergeCell ref="A116:A119"/>
    <mergeCell ref="C116:D116"/>
    <mergeCell ref="C117:D117"/>
    <mergeCell ref="C118:D118"/>
    <mergeCell ref="C119:D119"/>
    <mergeCell ref="A120:A128"/>
    <mergeCell ref="C120:D120"/>
    <mergeCell ref="C121:D121"/>
    <mergeCell ref="C122:D122"/>
    <mergeCell ref="C123:D123"/>
    <mergeCell ref="C124:D124"/>
    <mergeCell ref="C125:D125"/>
    <mergeCell ref="C126:D126"/>
    <mergeCell ref="C127:D127"/>
    <mergeCell ref="C128:D128"/>
    <mergeCell ref="C108:D108"/>
    <mergeCell ref="A109:A115"/>
    <mergeCell ref="C109:D109"/>
    <mergeCell ref="C110:D110"/>
    <mergeCell ref="C111:D111"/>
    <mergeCell ref="C112:D112"/>
    <mergeCell ref="C113:D113"/>
    <mergeCell ref="C114:D114"/>
    <mergeCell ref="C115:D115"/>
    <mergeCell ref="A103:A104"/>
    <mergeCell ref="C103:D103"/>
    <mergeCell ref="C104:D104"/>
    <mergeCell ref="C105:D105"/>
    <mergeCell ref="C106:D106"/>
    <mergeCell ref="C107:D107"/>
    <mergeCell ref="C97:D97"/>
    <mergeCell ref="C98:D98"/>
    <mergeCell ref="C99:D99"/>
    <mergeCell ref="A100:A102"/>
    <mergeCell ref="C100:D100"/>
    <mergeCell ref="C101:D101"/>
    <mergeCell ref="C102:D102"/>
    <mergeCell ref="C91:D91"/>
    <mergeCell ref="C92:D92"/>
    <mergeCell ref="C93:D93"/>
    <mergeCell ref="C94:D94"/>
    <mergeCell ref="C95:D95"/>
    <mergeCell ref="C96:D96"/>
    <mergeCell ref="A86:A90"/>
    <mergeCell ref="C86:D86"/>
    <mergeCell ref="C87:D87"/>
    <mergeCell ref="C88:D88"/>
    <mergeCell ref="C89:D89"/>
    <mergeCell ref="C90:D90"/>
    <mergeCell ref="C81:D81"/>
    <mergeCell ref="C82:D82"/>
    <mergeCell ref="C83:D83"/>
    <mergeCell ref="A84:A85"/>
    <mergeCell ref="C84:D84"/>
    <mergeCell ref="C85:D85"/>
    <mergeCell ref="A72:A83"/>
    <mergeCell ref="C72:D72"/>
    <mergeCell ref="C73:D73"/>
    <mergeCell ref="C74:D74"/>
    <mergeCell ref="C75:D75"/>
    <mergeCell ref="C76:D76"/>
    <mergeCell ref="C77:D77"/>
    <mergeCell ref="C78:D78"/>
    <mergeCell ref="C79:D79"/>
    <mergeCell ref="C80:D80"/>
    <mergeCell ref="C65:D65"/>
    <mergeCell ref="C66:D66"/>
    <mergeCell ref="C67:D67"/>
    <mergeCell ref="C68:D68"/>
    <mergeCell ref="C69:D69"/>
    <mergeCell ref="A70:A71"/>
    <mergeCell ref="C70:D70"/>
    <mergeCell ref="C71:D71"/>
    <mergeCell ref="A56:A69"/>
    <mergeCell ref="C56:D56"/>
    <mergeCell ref="C57:D57"/>
    <mergeCell ref="C58:D58"/>
    <mergeCell ref="C59:D59"/>
    <mergeCell ref="C60:D60"/>
    <mergeCell ref="C61:D61"/>
    <mergeCell ref="C62:D62"/>
    <mergeCell ref="C63:D63"/>
    <mergeCell ref="C64:D64"/>
    <mergeCell ref="A49:A55"/>
    <mergeCell ref="C49:D49"/>
    <mergeCell ref="C50:D50"/>
    <mergeCell ref="C51:D51"/>
    <mergeCell ref="C52:D52"/>
    <mergeCell ref="C53:D53"/>
    <mergeCell ref="C54:D54"/>
    <mergeCell ref="C55:D55"/>
    <mergeCell ref="C42:D42"/>
    <mergeCell ref="A43:A48"/>
    <mergeCell ref="C43:D43"/>
    <mergeCell ref="C44:D44"/>
    <mergeCell ref="C45:D45"/>
    <mergeCell ref="C46:D46"/>
    <mergeCell ref="C47:D47"/>
    <mergeCell ref="C48:D48"/>
    <mergeCell ref="C36:D36"/>
    <mergeCell ref="C37:D37"/>
    <mergeCell ref="A38:A41"/>
    <mergeCell ref="C38:D38"/>
    <mergeCell ref="C39:D39"/>
    <mergeCell ref="H39:I39"/>
    <mergeCell ref="C40:D40"/>
    <mergeCell ref="C41:D41"/>
    <mergeCell ref="C28:D28"/>
    <mergeCell ref="A29:A30"/>
    <mergeCell ref="C29:D29"/>
    <mergeCell ref="C30:D30"/>
    <mergeCell ref="A31:A37"/>
    <mergeCell ref="C31:D31"/>
    <mergeCell ref="C32:D32"/>
    <mergeCell ref="C33:D33"/>
    <mergeCell ref="C34:D34"/>
    <mergeCell ref="C35:D35"/>
    <mergeCell ref="A21:A24"/>
    <mergeCell ref="C21:D21"/>
    <mergeCell ref="C22:D22"/>
    <mergeCell ref="C23:D23"/>
    <mergeCell ref="C24:D24"/>
    <mergeCell ref="A25:A27"/>
    <mergeCell ref="C25:D25"/>
    <mergeCell ref="C26:D26"/>
    <mergeCell ref="C27:D27"/>
    <mergeCell ref="C14:D14"/>
    <mergeCell ref="A15:A20"/>
    <mergeCell ref="C15:D15"/>
    <mergeCell ref="G15:G20"/>
    <mergeCell ref="C16:D16"/>
    <mergeCell ref="C17:D17"/>
    <mergeCell ref="C18:D18"/>
    <mergeCell ref="C19:D19"/>
    <mergeCell ref="C20:D20"/>
    <mergeCell ref="A12:A13"/>
    <mergeCell ref="C12:D12"/>
    <mergeCell ref="C13:D13"/>
    <mergeCell ref="D5:E5"/>
    <mergeCell ref="F5:G5"/>
    <mergeCell ref="C6:D6"/>
    <mergeCell ref="E6:F6"/>
    <mergeCell ref="A7:A8"/>
    <mergeCell ref="C7:D7"/>
    <mergeCell ref="C8:D8"/>
    <mergeCell ref="A1:G1"/>
    <mergeCell ref="D2:E2"/>
    <mergeCell ref="F2:G2"/>
    <mergeCell ref="D3:E3"/>
    <mergeCell ref="F3:G3"/>
    <mergeCell ref="D4:E4"/>
    <mergeCell ref="F4:G4"/>
    <mergeCell ref="A9:A11"/>
    <mergeCell ref="C9:D9"/>
    <mergeCell ref="C10:D10"/>
    <mergeCell ref="C11:D11"/>
  </mergeCells>
  <phoneticPr fontId="15"/>
  <printOptions horizontalCentered="1"/>
  <pageMargins left="0.39370078740157483" right="0.39370078740157483" top="0.59055118110236227" bottom="0.59055118110236227" header="0.39370078740157483" footer="0.39370078740157483"/>
  <pageSetup paperSize="9" scale="71" fitToHeight="0" orientation="portrait" r:id="rId1"/>
  <headerFooter alignWithMargins="0">
    <oddFooter>&amp;L（沖縄市自己点検シート）&amp;C&amp;P&amp;R&amp;10地密通所</oddFooter>
  </headerFooter>
  <rowBreaks count="9" manualBreakCount="9">
    <brk id="27" max="6" man="1"/>
    <brk id="42" max="6" man="1"/>
    <brk id="55" max="6" man="1"/>
    <brk id="71" max="6" man="1"/>
    <brk id="92" max="6" man="1"/>
    <brk id="115" max="6" man="1"/>
    <brk id="145" max="6" man="1"/>
    <brk id="172" max="6" man="1"/>
    <brk id="204" max="6" man="1"/>
  </rowBreaks>
  <drawing r:id="rId2"/>
  <legacyDrawing r:id="rId3"/>
  <mc:AlternateContent xmlns:mc="http://schemas.openxmlformats.org/markup-compatibility/2006">
    <mc:Choice Requires="x14">
      <controls>
        <mc:AlternateContent xmlns:mc="http://schemas.openxmlformats.org/markup-compatibility/2006">
          <mc:Choice Requires="x14">
            <control shapeId="3073" r:id="rId4" name="Check Box 1">
              <controlPr defaultSize="0" autoFill="0" autoLine="0" autoPict="0">
                <anchor moveWithCells="1">
                  <from>
                    <xdr:col>4</xdr:col>
                    <xdr:colOff>38100</xdr:colOff>
                    <xdr:row>6</xdr:row>
                    <xdr:rowOff>276225</xdr:rowOff>
                  </from>
                  <to>
                    <xdr:col>4</xdr:col>
                    <xdr:colOff>238125</xdr:colOff>
                    <xdr:row>6</xdr:row>
                    <xdr:rowOff>514350</xdr:rowOff>
                  </to>
                </anchor>
              </controlPr>
            </control>
          </mc:Choice>
        </mc:AlternateContent>
        <mc:AlternateContent xmlns:mc="http://schemas.openxmlformats.org/markup-compatibility/2006">
          <mc:Choice Requires="x14">
            <control shapeId="3074" r:id="rId5" name="Check Box 2">
              <controlPr defaultSize="0" autoFill="0" autoLine="0" autoPict="0">
                <anchor moveWithCells="1">
                  <from>
                    <xdr:col>4</xdr:col>
                    <xdr:colOff>38100</xdr:colOff>
                    <xdr:row>7</xdr:row>
                    <xdr:rowOff>276225</xdr:rowOff>
                  </from>
                  <to>
                    <xdr:col>4</xdr:col>
                    <xdr:colOff>238125</xdr:colOff>
                    <xdr:row>7</xdr:row>
                    <xdr:rowOff>514350</xdr:rowOff>
                  </to>
                </anchor>
              </controlPr>
            </control>
          </mc:Choice>
        </mc:AlternateContent>
        <mc:AlternateContent xmlns:mc="http://schemas.openxmlformats.org/markup-compatibility/2006">
          <mc:Choice Requires="x14">
            <control shapeId="3075" r:id="rId6" name="Check Box 3">
              <controlPr defaultSize="0" autoFill="0" autoLine="0" autoPict="0">
                <anchor moveWithCells="1">
                  <from>
                    <xdr:col>4</xdr:col>
                    <xdr:colOff>38100</xdr:colOff>
                    <xdr:row>8</xdr:row>
                    <xdr:rowOff>276225</xdr:rowOff>
                  </from>
                  <to>
                    <xdr:col>4</xdr:col>
                    <xdr:colOff>238125</xdr:colOff>
                    <xdr:row>8</xdr:row>
                    <xdr:rowOff>514350</xdr:rowOff>
                  </to>
                </anchor>
              </controlPr>
            </control>
          </mc:Choice>
        </mc:AlternateContent>
        <mc:AlternateContent xmlns:mc="http://schemas.openxmlformats.org/markup-compatibility/2006">
          <mc:Choice Requires="x14">
            <control shapeId="3076" r:id="rId7" name="Check Box 4">
              <controlPr defaultSize="0" autoFill="0" autoLine="0" autoPict="0">
                <anchor moveWithCells="1">
                  <from>
                    <xdr:col>4</xdr:col>
                    <xdr:colOff>38100</xdr:colOff>
                    <xdr:row>9</xdr:row>
                    <xdr:rowOff>276225</xdr:rowOff>
                  </from>
                  <to>
                    <xdr:col>4</xdr:col>
                    <xdr:colOff>238125</xdr:colOff>
                    <xdr:row>9</xdr:row>
                    <xdr:rowOff>514350</xdr:rowOff>
                  </to>
                </anchor>
              </controlPr>
            </control>
          </mc:Choice>
        </mc:AlternateContent>
        <mc:AlternateContent xmlns:mc="http://schemas.openxmlformats.org/markup-compatibility/2006">
          <mc:Choice Requires="x14">
            <control shapeId="3077" r:id="rId8" name="Check Box 5">
              <controlPr defaultSize="0" autoFill="0" autoLine="0" autoPict="0">
                <anchor moveWithCells="1">
                  <from>
                    <xdr:col>4</xdr:col>
                    <xdr:colOff>38100</xdr:colOff>
                    <xdr:row>10</xdr:row>
                    <xdr:rowOff>276225</xdr:rowOff>
                  </from>
                  <to>
                    <xdr:col>4</xdr:col>
                    <xdr:colOff>238125</xdr:colOff>
                    <xdr:row>10</xdr:row>
                    <xdr:rowOff>514350</xdr:rowOff>
                  </to>
                </anchor>
              </controlPr>
            </control>
          </mc:Choice>
        </mc:AlternateContent>
        <mc:AlternateContent xmlns:mc="http://schemas.openxmlformats.org/markup-compatibility/2006">
          <mc:Choice Requires="x14">
            <control shapeId="3078" r:id="rId9" name="Check Box 6">
              <controlPr defaultSize="0" autoFill="0" autoLine="0" autoPict="0">
                <anchor moveWithCells="1">
                  <from>
                    <xdr:col>4</xdr:col>
                    <xdr:colOff>38100</xdr:colOff>
                    <xdr:row>11</xdr:row>
                    <xdr:rowOff>276225</xdr:rowOff>
                  </from>
                  <to>
                    <xdr:col>4</xdr:col>
                    <xdr:colOff>238125</xdr:colOff>
                    <xdr:row>11</xdr:row>
                    <xdr:rowOff>514350</xdr:rowOff>
                  </to>
                </anchor>
              </controlPr>
            </control>
          </mc:Choice>
        </mc:AlternateContent>
        <mc:AlternateContent xmlns:mc="http://schemas.openxmlformats.org/markup-compatibility/2006">
          <mc:Choice Requires="x14">
            <control shapeId="3079" r:id="rId10" name="Check Box 7">
              <controlPr defaultSize="0" autoFill="0" autoLine="0" autoPict="0">
                <anchor moveWithCells="1">
                  <from>
                    <xdr:col>4</xdr:col>
                    <xdr:colOff>38100</xdr:colOff>
                    <xdr:row>12</xdr:row>
                    <xdr:rowOff>276225</xdr:rowOff>
                  </from>
                  <to>
                    <xdr:col>4</xdr:col>
                    <xdr:colOff>238125</xdr:colOff>
                    <xdr:row>12</xdr:row>
                    <xdr:rowOff>514350</xdr:rowOff>
                  </to>
                </anchor>
              </controlPr>
            </control>
          </mc:Choice>
        </mc:AlternateContent>
        <mc:AlternateContent xmlns:mc="http://schemas.openxmlformats.org/markup-compatibility/2006">
          <mc:Choice Requires="x14">
            <control shapeId="3080" r:id="rId11" name="Check Box 8">
              <controlPr defaultSize="0" autoFill="0" autoLine="0" autoPict="0">
                <anchor moveWithCells="1">
                  <from>
                    <xdr:col>4</xdr:col>
                    <xdr:colOff>38100</xdr:colOff>
                    <xdr:row>13</xdr:row>
                    <xdr:rowOff>276225</xdr:rowOff>
                  </from>
                  <to>
                    <xdr:col>4</xdr:col>
                    <xdr:colOff>238125</xdr:colOff>
                    <xdr:row>13</xdr:row>
                    <xdr:rowOff>514350</xdr:rowOff>
                  </to>
                </anchor>
              </controlPr>
            </control>
          </mc:Choice>
        </mc:AlternateContent>
        <mc:AlternateContent xmlns:mc="http://schemas.openxmlformats.org/markup-compatibility/2006">
          <mc:Choice Requires="x14">
            <control shapeId="3081" r:id="rId12" name="Check Box 9">
              <controlPr defaultSize="0" autoFill="0" autoLine="0" autoPict="0">
                <anchor moveWithCells="1">
                  <from>
                    <xdr:col>4</xdr:col>
                    <xdr:colOff>38100</xdr:colOff>
                    <xdr:row>15</xdr:row>
                    <xdr:rowOff>0</xdr:rowOff>
                  </from>
                  <to>
                    <xdr:col>4</xdr:col>
                    <xdr:colOff>238125</xdr:colOff>
                    <xdr:row>15</xdr:row>
                    <xdr:rowOff>238125</xdr:rowOff>
                  </to>
                </anchor>
              </controlPr>
            </control>
          </mc:Choice>
        </mc:AlternateContent>
        <mc:AlternateContent xmlns:mc="http://schemas.openxmlformats.org/markup-compatibility/2006">
          <mc:Choice Requires="x14">
            <control shapeId="3082" r:id="rId13" name="Check Box 10">
              <controlPr defaultSize="0" autoFill="0" autoLine="0" autoPict="0">
                <anchor moveWithCells="1">
                  <from>
                    <xdr:col>4</xdr:col>
                    <xdr:colOff>38100</xdr:colOff>
                    <xdr:row>15</xdr:row>
                    <xdr:rowOff>0</xdr:rowOff>
                  </from>
                  <to>
                    <xdr:col>4</xdr:col>
                    <xdr:colOff>238125</xdr:colOff>
                    <xdr:row>15</xdr:row>
                    <xdr:rowOff>238125</xdr:rowOff>
                  </to>
                </anchor>
              </controlPr>
            </control>
          </mc:Choice>
        </mc:AlternateContent>
        <mc:AlternateContent xmlns:mc="http://schemas.openxmlformats.org/markup-compatibility/2006">
          <mc:Choice Requires="x14">
            <control shapeId="3083" r:id="rId14" name="Check Box 11">
              <controlPr defaultSize="0" autoFill="0" autoLine="0" autoPict="0">
                <anchor moveWithCells="1">
                  <from>
                    <xdr:col>4</xdr:col>
                    <xdr:colOff>38100</xdr:colOff>
                    <xdr:row>17</xdr:row>
                    <xdr:rowOff>0</xdr:rowOff>
                  </from>
                  <to>
                    <xdr:col>4</xdr:col>
                    <xdr:colOff>238125</xdr:colOff>
                    <xdr:row>17</xdr:row>
                    <xdr:rowOff>238125</xdr:rowOff>
                  </to>
                </anchor>
              </controlPr>
            </control>
          </mc:Choice>
        </mc:AlternateContent>
        <mc:AlternateContent xmlns:mc="http://schemas.openxmlformats.org/markup-compatibility/2006">
          <mc:Choice Requires="x14">
            <control shapeId="3084" r:id="rId15" name="Check Box 12">
              <controlPr defaultSize="0" autoFill="0" autoLine="0" autoPict="0">
                <anchor moveWithCells="1">
                  <from>
                    <xdr:col>4</xdr:col>
                    <xdr:colOff>38100</xdr:colOff>
                    <xdr:row>19</xdr:row>
                    <xdr:rowOff>0</xdr:rowOff>
                  </from>
                  <to>
                    <xdr:col>4</xdr:col>
                    <xdr:colOff>238125</xdr:colOff>
                    <xdr:row>19</xdr:row>
                    <xdr:rowOff>238125</xdr:rowOff>
                  </to>
                </anchor>
              </controlPr>
            </control>
          </mc:Choice>
        </mc:AlternateContent>
        <mc:AlternateContent xmlns:mc="http://schemas.openxmlformats.org/markup-compatibility/2006">
          <mc:Choice Requires="x14">
            <control shapeId="3085" r:id="rId16" name="Check Box 13">
              <controlPr defaultSize="0" autoFill="0" autoLine="0" autoPict="0">
                <anchor moveWithCells="1">
                  <from>
                    <xdr:col>4</xdr:col>
                    <xdr:colOff>57150</xdr:colOff>
                    <xdr:row>18</xdr:row>
                    <xdr:rowOff>9525</xdr:rowOff>
                  </from>
                  <to>
                    <xdr:col>4</xdr:col>
                    <xdr:colOff>257175</xdr:colOff>
                    <xdr:row>18</xdr:row>
                    <xdr:rowOff>247650</xdr:rowOff>
                  </to>
                </anchor>
              </controlPr>
            </control>
          </mc:Choice>
        </mc:AlternateContent>
        <mc:AlternateContent xmlns:mc="http://schemas.openxmlformats.org/markup-compatibility/2006">
          <mc:Choice Requires="x14">
            <control shapeId="3086" r:id="rId17" name="Check Box 14">
              <controlPr defaultSize="0" autoFill="0" autoLine="0" autoPict="0">
                <anchor moveWithCells="1">
                  <from>
                    <xdr:col>4</xdr:col>
                    <xdr:colOff>57150</xdr:colOff>
                    <xdr:row>16</xdr:row>
                    <xdr:rowOff>28575</xdr:rowOff>
                  </from>
                  <to>
                    <xdr:col>4</xdr:col>
                    <xdr:colOff>257175</xdr:colOff>
                    <xdr:row>16</xdr:row>
                    <xdr:rowOff>266700</xdr:rowOff>
                  </to>
                </anchor>
              </controlPr>
            </control>
          </mc:Choice>
        </mc:AlternateContent>
        <mc:AlternateContent xmlns:mc="http://schemas.openxmlformats.org/markup-compatibility/2006">
          <mc:Choice Requires="x14">
            <control shapeId="3087" r:id="rId18" name="Check Box 15">
              <controlPr defaultSize="0" autoFill="0" autoLine="0" autoPict="0">
                <anchor moveWithCells="1">
                  <from>
                    <xdr:col>4</xdr:col>
                    <xdr:colOff>38100</xdr:colOff>
                    <xdr:row>14</xdr:row>
                    <xdr:rowOff>0</xdr:rowOff>
                  </from>
                  <to>
                    <xdr:col>4</xdr:col>
                    <xdr:colOff>238125</xdr:colOff>
                    <xdr:row>14</xdr:row>
                    <xdr:rowOff>238125</xdr:rowOff>
                  </to>
                </anchor>
              </controlPr>
            </control>
          </mc:Choice>
        </mc:AlternateContent>
        <mc:AlternateContent xmlns:mc="http://schemas.openxmlformats.org/markup-compatibility/2006">
          <mc:Choice Requires="x14">
            <control shapeId="3088" r:id="rId19" name="Check Box 16">
              <controlPr defaultSize="0" autoFill="0" autoLine="0" autoPict="0">
                <anchor moveWithCells="1">
                  <from>
                    <xdr:col>4</xdr:col>
                    <xdr:colOff>57150</xdr:colOff>
                    <xdr:row>20</xdr:row>
                    <xdr:rowOff>200025</xdr:rowOff>
                  </from>
                  <to>
                    <xdr:col>4</xdr:col>
                    <xdr:colOff>257175</xdr:colOff>
                    <xdr:row>20</xdr:row>
                    <xdr:rowOff>438150</xdr:rowOff>
                  </to>
                </anchor>
              </controlPr>
            </control>
          </mc:Choice>
        </mc:AlternateContent>
        <mc:AlternateContent xmlns:mc="http://schemas.openxmlformats.org/markup-compatibility/2006">
          <mc:Choice Requires="x14">
            <control shapeId="3089" r:id="rId20" name="Check Box 17">
              <controlPr defaultSize="0" autoFill="0" autoLine="0" autoPict="0">
                <anchor moveWithCells="1">
                  <from>
                    <xdr:col>4</xdr:col>
                    <xdr:colOff>47625</xdr:colOff>
                    <xdr:row>21</xdr:row>
                    <xdr:rowOff>314325</xdr:rowOff>
                  </from>
                  <to>
                    <xdr:col>4</xdr:col>
                    <xdr:colOff>247650</xdr:colOff>
                    <xdr:row>21</xdr:row>
                    <xdr:rowOff>552450</xdr:rowOff>
                  </to>
                </anchor>
              </controlPr>
            </control>
          </mc:Choice>
        </mc:AlternateContent>
        <mc:AlternateContent xmlns:mc="http://schemas.openxmlformats.org/markup-compatibility/2006">
          <mc:Choice Requires="x14">
            <control shapeId="3090" r:id="rId21" name="Check Box 18">
              <controlPr defaultSize="0" autoFill="0" autoLine="0" autoPict="0">
                <anchor moveWithCells="1">
                  <from>
                    <xdr:col>4</xdr:col>
                    <xdr:colOff>57150</xdr:colOff>
                    <xdr:row>22</xdr:row>
                    <xdr:rowOff>200025</xdr:rowOff>
                  </from>
                  <to>
                    <xdr:col>4</xdr:col>
                    <xdr:colOff>257175</xdr:colOff>
                    <xdr:row>22</xdr:row>
                    <xdr:rowOff>438150</xdr:rowOff>
                  </to>
                </anchor>
              </controlPr>
            </control>
          </mc:Choice>
        </mc:AlternateContent>
        <mc:AlternateContent xmlns:mc="http://schemas.openxmlformats.org/markup-compatibility/2006">
          <mc:Choice Requires="x14">
            <control shapeId="3091" r:id="rId22" name="Check Box 19">
              <controlPr defaultSize="0" autoFill="0" autoLine="0" autoPict="0">
                <anchor moveWithCells="1">
                  <from>
                    <xdr:col>4</xdr:col>
                    <xdr:colOff>38100</xdr:colOff>
                    <xdr:row>23</xdr:row>
                    <xdr:rowOff>190500</xdr:rowOff>
                  </from>
                  <to>
                    <xdr:col>4</xdr:col>
                    <xdr:colOff>238125</xdr:colOff>
                    <xdr:row>23</xdr:row>
                    <xdr:rowOff>428625</xdr:rowOff>
                  </to>
                </anchor>
              </controlPr>
            </control>
          </mc:Choice>
        </mc:AlternateContent>
        <mc:AlternateContent xmlns:mc="http://schemas.openxmlformats.org/markup-compatibility/2006">
          <mc:Choice Requires="x14">
            <control shapeId="3092" r:id="rId23" name="Check Box 20">
              <controlPr defaultSize="0" autoFill="0" autoLine="0" autoPict="0">
                <anchor moveWithCells="1">
                  <from>
                    <xdr:col>4</xdr:col>
                    <xdr:colOff>47625</xdr:colOff>
                    <xdr:row>23</xdr:row>
                    <xdr:rowOff>609600</xdr:rowOff>
                  </from>
                  <to>
                    <xdr:col>4</xdr:col>
                    <xdr:colOff>247650</xdr:colOff>
                    <xdr:row>25</xdr:row>
                    <xdr:rowOff>28575</xdr:rowOff>
                  </to>
                </anchor>
              </controlPr>
            </control>
          </mc:Choice>
        </mc:AlternateContent>
        <mc:AlternateContent xmlns:mc="http://schemas.openxmlformats.org/markup-compatibility/2006">
          <mc:Choice Requires="x14">
            <control shapeId="3093" r:id="rId24" name="Check Box 21">
              <controlPr defaultSize="0" autoFill="0" autoLine="0" autoPict="0">
                <anchor moveWithCells="1">
                  <from>
                    <xdr:col>4</xdr:col>
                    <xdr:colOff>57150</xdr:colOff>
                    <xdr:row>25</xdr:row>
                    <xdr:rowOff>209550</xdr:rowOff>
                  </from>
                  <to>
                    <xdr:col>4</xdr:col>
                    <xdr:colOff>257175</xdr:colOff>
                    <xdr:row>25</xdr:row>
                    <xdr:rowOff>447675</xdr:rowOff>
                  </to>
                </anchor>
              </controlPr>
            </control>
          </mc:Choice>
        </mc:AlternateContent>
        <mc:AlternateContent xmlns:mc="http://schemas.openxmlformats.org/markup-compatibility/2006">
          <mc:Choice Requires="x14">
            <control shapeId="3094" r:id="rId25" name="Check Box 22">
              <controlPr defaultSize="0" autoFill="0" autoLine="0" autoPict="0">
                <anchor moveWithCells="1">
                  <from>
                    <xdr:col>4</xdr:col>
                    <xdr:colOff>38100</xdr:colOff>
                    <xdr:row>26</xdr:row>
                    <xdr:rowOff>0</xdr:rowOff>
                  </from>
                  <to>
                    <xdr:col>4</xdr:col>
                    <xdr:colOff>238125</xdr:colOff>
                    <xdr:row>26</xdr:row>
                    <xdr:rowOff>238125</xdr:rowOff>
                  </to>
                </anchor>
              </controlPr>
            </control>
          </mc:Choice>
        </mc:AlternateContent>
        <mc:AlternateContent xmlns:mc="http://schemas.openxmlformats.org/markup-compatibility/2006">
          <mc:Choice Requires="x14">
            <control shapeId="3095" r:id="rId26" name="Check Box 23">
              <controlPr defaultSize="0" autoFill="0" autoLine="0" autoPict="0">
                <anchor moveWithCells="1">
                  <from>
                    <xdr:col>4</xdr:col>
                    <xdr:colOff>38100</xdr:colOff>
                    <xdr:row>27</xdr:row>
                    <xdr:rowOff>323850</xdr:rowOff>
                  </from>
                  <to>
                    <xdr:col>4</xdr:col>
                    <xdr:colOff>238125</xdr:colOff>
                    <xdr:row>27</xdr:row>
                    <xdr:rowOff>561975</xdr:rowOff>
                  </to>
                </anchor>
              </controlPr>
            </control>
          </mc:Choice>
        </mc:AlternateContent>
        <mc:AlternateContent xmlns:mc="http://schemas.openxmlformats.org/markup-compatibility/2006">
          <mc:Choice Requires="x14">
            <control shapeId="3096" r:id="rId27" name="Check Box 24">
              <controlPr defaultSize="0" autoFill="0" autoLine="0" autoPict="0">
                <anchor moveWithCells="1">
                  <from>
                    <xdr:col>4</xdr:col>
                    <xdr:colOff>57150</xdr:colOff>
                    <xdr:row>28</xdr:row>
                    <xdr:rowOff>104775</xdr:rowOff>
                  </from>
                  <to>
                    <xdr:col>4</xdr:col>
                    <xdr:colOff>257175</xdr:colOff>
                    <xdr:row>28</xdr:row>
                    <xdr:rowOff>342900</xdr:rowOff>
                  </to>
                </anchor>
              </controlPr>
            </control>
          </mc:Choice>
        </mc:AlternateContent>
        <mc:AlternateContent xmlns:mc="http://schemas.openxmlformats.org/markup-compatibility/2006">
          <mc:Choice Requires="x14">
            <control shapeId="3097" r:id="rId28" name="Check Box 25">
              <controlPr defaultSize="0" autoFill="0" autoLine="0" autoPict="0">
                <anchor moveWithCells="1">
                  <from>
                    <xdr:col>4</xdr:col>
                    <xdr:colOff>38100</xdr:colOff>
                    <xdr:row>29</xdr:row>
                    <xdr:rowOff>0</xdr:rowOff>
                  </from>
                  <to>
                    <xdr:col>4</xdr:col>
                    <xdr:colOff>238125</xdr:colOff>
                    <xdr:row>29</xdr:row>
                    <xdr:rowOff>238125</xdr:rowOff>
                  </to>
                </anchor>
              </controlPr>
            </control>
          </mc:Choice>
        </mc:AlternateContent>
        <mc:AlternateContent xmlns:mc="http://schemas.openxmlformats.org/markup-compatibility/2006">
          <mc:Choice Requires="x14">
            <control shapeId="3098" r:id="rId29" name="Check Box 26">
              <controlPr defaultSize="0" autoFill="0" autoLine="0" autoPict="0">
                <anchor moveWithCells="1">
                  <from>
                    <xdr:col>4</xdr:col>
                    <xdr:colOff>57150</xdr:colOff>
                    <xdr:row>30</xdr:row>
                    <xdr:rowOff>114300</xdr:rowOff>
                  </from>
                  <to>
                    <xdr:col>4</xdr:col>
                    <xdr:colOff>257175</xdr:colOff>
                    <xdr:row>30</xdr:row>
                    <xdr:rowOff>352425</xdr:rowOff>
                  </to>
                </anchor>
              </controlPr>
            </control>
          </mc:Choice>
        </mc:AlternateContent>
        <mc:AlternateContent xmlns:mc="http://schemas.openxmlformats.org/markup-compatibility/2006">
          <mc:Choice Requires="x14">
            <control shapeId="3099" r:id="rId30" name="Check Box 27">
              <controlPr defaultSize="0" autoFill="0" autoLine="0" autoPict="0">
                <anchor moveWithCells="1">
                  <from>
                    <xdr:col>4</xdr:col>
                    <xdr:colOff>57150</xdr:colOff>
                    <xdr:row>31</xdr:row>
                    <xdr:rowOff>390525</xdr:rowOff>
                  </from>
                  <to>
                    <xdr:col>4</xdr:col>
                    <xdr:colOff>257175</xdr:colOff>
                    <xdr:row>31</xdr:row>
                    <xdr:rowOff>628650</xdr:rowOff>
                  </to>
                </anchor>
              </controlPr>
            </control>
          </mc:Choice>
        </mc:AlternateContent>
        <mc:AlternateContent xmlns:mc="http://schemas.openxmlformats.org/markup-compatibility/2006">
          <mc:Choice Requires="x14">
            <control shapeId="3100" r:id="rId31" name="Check Box 28">
              <controlPr defaultSize="0" autoFill="0" autoLine="0" autoPict="0">
                <anchor moveWithCells="1">
                  <from>
                    <xdr:col>4</xdr:col>
                    <xdr:colOff>47625</xdr:colOff>
                    <xdr:row>32</xdr:row>
                    <xdr:rowOff>628650</xdr:rowOff>
                  </from>
                  <to>
                    <xdr:col>4</xdr:col>
                    <xdr:colOff>247650</xdr:colOff>
                    <xdr:row>32</xdr:row>
                    <xdr:rowOff>866775</xdr:rowOff>
                  </to>
                </anchor>
              </controlPr>
            </control>
          </mc:Choice>
        </mc:AlternateContent>
        <mc:AlternateContent xmlns:mc="http://schemas.openxmlformats.org/markup-compatibility/2006">
          <mc:Choice Requires="x14">
            <control shapeId="3101" r:id="rId32" name="Check Box 29">
              <controlPr defaultSize="0" autoFill="0" autoLine="0" autoPict="0">
                <anchor moveWithCells="1">
                  <from>
                    <xdr:col>4</xdr:col>
                    <xdr:colOff>66675</xdr:colOff>
                    <xdr:row>33</xdr:row>
                    <xdr:rowOff>742950</xdr:rowOff>
                  </from>
                  <to>
                    <xdr:col>4</xdr:col>
                    <xdr:colOff>266700</xdr:colOff>
                    <xdr:row>33</xdr:row>
                    <xdr:rowOff>981075</xdr:rowOff>
                  </to>
                </anchor>
              </controlPr>
            </control>
          </mc:Choice>
        </mc:AlternateContent>
        <mc:AlternateContent xmlns:mc="http://schemas.openxmlformats.org/markup-compatibility/2006">
          <mc:Choice Requires="x14">
            <control shapeId="3102" r:id="rId33" name="Check Box 30">
              <controlPr defaultSize="0" autoFill="0" autoLine="0" autoPict="0">
                <anchor moveWithCells="1">
                  <from>
                    <xdr:col>4</xdr:col>
                    <xdr:colOff>38100</xdr:colOff>
                    <xdr:row>34</xdr:row>
                    <xdr:rowOff>0</xdr:rowOff>
                  </from>
                  <to>
                    <xdr:col>4</xdr:col>
                    <xdr:colOff>238125</xdr:colOff>
                    <xdr:row>34</xdr:row>
                    <xdr:rowOff>238125</xdr:rowOff>
                  </to>
                </anchor>
              </controlPr>
            </control>
          </mc:Choice>
        </mc:AlternateContent>
        <mc:AlternateContent xmlns:mc="http://schemas.openxmlformats.org/markup-compatibility/2006">
          <mc:Choice Requires="x14">
            <control shapeId="3103" r:id="rId34" name="Check Box 31">
              <controlPr defaultSize="0" autoFill="0" autoLine="0" autoPict="0">
                <anchor moveWithCells="1">
                  <from>
                    <xdr:col>4</xdr:col>
                    <xdr:colOff>38100</xdr:colOff>
                    <xdr:row>35</xdr:row>
                    <xdr:rowOff>142875</xdr:rowOff>
                  </from>
                  <to>
                    <xdr:col>4</xdr:col>
                    <xdr:colOff>238125</xdr:colOff>
                    <xdr:row>35</xdr:row>
                    <xdr:rowOff>381000</xdr:rowOff>
                  </to>
                </anchor>
              </controlPr>
            </control>
          </mc:Choice>
        </mc:AlternateContent>
        <mc:AlternateContent xmlns:mc="http://schemas.openxmlformats.org/markup-compatibility/2006">
          <mc:Choice Requires="x14">
            <control shapeId="3104" r:id="rId35" name="Check Box 32">
              <controlPr defaultSize="0" autoFill="0" autoLine="0" autoPict="0">
                <anchor moveWithCells="1">
                  <from>
                    <xdr:col>4</xdr:col>
                    <xdr:colOff>38100</xdr:colOff>
                    <xdr:row>36</xdr:row>
                    <xdr:rowOff>314325</xdr:rowOff>
                  </from>
                  <to>
                    <xdr:col>4</xdr:col>
                    <xdr:colOff>238125</xdr:colOff>
                    <xdr:row>36</xdr:row>
                    <xdr:rowOff>552450</xdr:rowOff>
                  </to>
                </anchor>
              </controlPr>
            </control>
          </mc:Choice>
        </mc:AlternateContent>
        <mc:AlternateContent xmlns:mc="http://schemas.openxmlformats.org/markup-compatibility/2006">
          <mc:Choice Requires="x14">
            <control shapeId="3105" r:id="rId36" name="Check Box 33">
              <controlPr defaultSize="0" autoFill="0" autoLine="0" autoPict="0">
                <anchor moveWithCells="1">
                  <from>
                    <xdr:col>4</xdr:col>
                    <xdr:colOff>38100</xdr:colOff>
                    <xdr:row>37</xdr:row>
                    <xdr:rowOff>209550</xdr:rowOff>
                  </from>
                  <to>
                    <xdr:col>4</xdr:col>
                    <xdr:colOff>238125</xdr:colOff>
                    <xdr:row>37</xdr:row>
                    <xdr:rowOff>447675</xdr:rowOff>
                  </to>
                </anchor>
              </controlPr>
            </control>
          </mc:Choice>
        </mc:AlternateContent>
        <mc:AlternateContent xmlns:mc="http://schemas.openxmlformats.org/markup-compatibility/2006">
          <mc:Choice Requires="x14">
            <control shapeId="3106" r:id="rId37" name="Check Box 34">
              <controlPr defaultSize="0" autoFill="0" autoLine="0" autoPict="0">
                <anchor moveWithCells="1">
                  <from>
                    <xdr:col>4</xdr:col>
                    <xdr:colOff>57150</xdr:colOff>
                    <xdr:row>38</xdr:row>
                    <xdr:rowOff>276225</xdr:rowOff>
                  </from>
                  <to>
                    <xdr:col>4</xdr:col>
                    <xdr:colOff>257175</xdr:colOff>
                    <xdr:row>38</xdr:row>
                    <xdr:rowOff>514350</xdr:rowOff>
                  </to>
                </anchor>
              </controlPr>
            </control>
          </mc:Choice>
        </mc:AlternateContent>
        <mc:AlternateContent xmlns:mc="http://schemas.openxmlformats.org/markup-compatibility/2006">
          <mc:Choice Requires="x14">
            <control shapeId="3107" r:id="rId38" name="Check Box 35">
              <controlPr defaultSize="0" autoFill="0" autoLine="0" autoPict="0">
                <anchor moveWithCells="1">
                  <from>
                    <xdr:col>4</xdr:col>
                    <xdr:colOff>38100</xdr:colOff>
                    <xdr:row>39</xdr:row>
                    <xdr:rowOff>200025</xdr:rowOff>
                  </from>
                  <to>
                    <xdr:col>4</xdr:col>
                    <xdr:colOff>238125</xdr:colOff>
                    <xdr:row>39</xdr:row>
                    <xdr:rowOff>438150</xdr:rowOff>
                  </to>
                </anchor>
              </controlPr>
            </control>
          </mc:Choice>
        </mc:AlternateContent>
        <mc:AlternateContent xmlns:mc="http://schemas.openxmlformats.org/markup-compatibility/2006">
          <mc:Choice Requires="x14">
            <control shapeId="3108" r:id="rId39" name="Check Box 36">
              <controlPr defaultSize="0" autoFill="0" autoLine="0" autoPict="0">
                <anchor moveWithCells="1">
                  <from>
                    <xdr:col>4</xdr:col>
                    <xdr:colOff>38100</xdr:colOff>
                    <xdr:row>40</xdr:row>
                    <xdr:rowOff>0</xdr:rowOff>
                  </from>
                  <to>
                    <xdr:col>4</xdr:col>
                    <xdr:colOff>238125</xdr:colOff>
                    <xdr:row>40</xdr:row>
                    <xdr:rowOff>238125</xdr:rowOff>
                  </to>
                </anchor>
              </controlPr>
            </control>
          </mc:Choice>
        </mc:AlternateContent>
        <mc:AlternateContent xmlns:mc="http://schemas.openxmlformats.org/markup-compatibility/2006">
          <mc:Choice Requires="x14">
            <control shapeId="3109" r:id="rId40" name="Check Box 37">
              <controlPr defaultSize="0" autoFill="0" autoLine="0" autoPict="0">
                <anchor moveWithCells="1">
                  <from>
                    <xdr:col>4</xdr:col>
                    <xdr:colOff>38100</xdr:colOff>
                    <xdr:row>41</xdr:row>
                    <xdr:rowOff>895350</xdr:rowOff>
                  </from>
                  <to>
                    <xdr:col>4</xdr:col>
                    <xdr:colOff>238125</xdr:colOff>
                    <xdr:row>41</xdr:row>
                    <xdr:rowOff>1133475</xdr:rowOff>
                  </to>
                </anchor>
              </controlPr>
            </control>
          </mc:Choice>
        </mc:AlternateContent>
        <mc:AlternateContent xmlns:mc="http://schemas.openxmlformats.org/markup-compatibility/2006">
          <mc:Choice Requires="x14">
            <control shapeId="3110" r:id="rId41" name="Check Box 38">
              <controlPr defaultSize="0" autoFill="0" autoLine="0" autoPict="0">
                <anchor moveWithCells="1">
                  <from>
                    <xdr:col>4</xdr:col>
                    <xdr:colOff>57150</xdr:colOff>
                    <xdr:row>42</xdr:row>
                    <xdr:rowOff>723900</xdr:rowOff>
                  </from>
                  <to>
                    <xdr:col>4</xdr:col>
                    <xdr:colOff>257175</xdr:colOff>
                    <xdr:row>42</xdr:row>
                    <xdr:rowOff>962025</xdr:rowOff>
                  </to>
                </anchor>
              </controlPr>
            </control>
          </mc:Choice>
        </mc:AlternateContent>
        <mc:AlternateContent xmlns:mc="http://schemas.openxmlformats.org/markup-compatibility/2006">
          <mc:Choice Requires="x14">
            <control shapeId="3111" r:id="rId42" name="Check Box 39">
              <controlPr defaultSize="0" autoFill="0" autoLine="0" autoPict="0">
                <anchor moveWithCells="1">
                  <from>
                    <xdr:col>4</xdr:col>
                    <xdr:colOff>38100</xdr:colOff>
                    <xdr:row>44</xdr:row>
                    <xdr:rowOff>295275</xdr:rowOff>
                  </from>
                  <to>
                    <xdr:col>4</xdr:col>
                    <xdr:colOff>238125</xdr:colOff>
                    <xdr:row>44</xdr:row>
                    <xdr:rowOff>533400</xdr:rowOff>
                  </to>
                </anchor>
              </controlPr>
            </control>
          </mc:Choice>
        </mc:AlternateContent>
        <mc:AlternateContent xmlns:mc="http://schemas.openxmlformats.org/markup-compatibility/2006">
          <mc:Choice Requires="x14">
            <control shapeId="3112" r:id="rId43" name="Check Box 40">
              <controlPr defaultSize="0" autoFill="0" autoLine="0" autoPict="0">
                <anchor moveWithCells="1">
                  <from>
                    <xdr:col>4</xdr:col>
                    <xdr:colOff>38100</xdr:colOff>
                    <xdr:row>45</xdr:row>
                    <xdr:rowOff>447675</xdr:rowOff>
                  </from>
                  <to>
                    <xdr:col>4</xdr:col>
                    <xdr:colOff>238125</xdr:colOff>
                    <xdr:row>45</xdr:row>
                    <xdr:rowOff>685800</xdr:rowOff>
                  </to>
                </anchor>
              </controlPr>
            </control>
          </mc:Choice>
        </mc:AlternateContent>
        <mc:AlternateContent xmlns:mc="http://schemas.openxmlformats.org/markup-compatibility/2006">
          <mc:Choice Requires="x14">
            <control shapeId="3113" r:id="rId44" name="Check Box 41">
              <controlPr defaultSize="0" autoFill="0" autoLine="0" autoPict="0">
                <anchor moveWithCells="1">
                  <from>
                    <xdr:col>4</xdr:col>
                    <xdr:colOff>28575</xdr:colOff>
                    <xdr:row>46</xdr:row>
                    <xdr:rowOff>323850</xdr:rowOff>
                  </from>
                  <to>
                    <xdr:col>4</xdr:col>
                    <xdr:colOff>228600</xdr:colOff>
                    <xdr:row>46</xdr:row>
                    <xdr:rowOff>561975</xdr:rowOff>
                  </to>
                </anchor>
              </controlPr>
            </control>
          </mc:Choice>
        </mc:AlternateContent>
        <mc:AlternateContent xmlns:mc="http://schemas.openxmlformats.org/markup-compatibility/2006">
          <mc:Choice Requires="x14">
            <control shapeId="3114" r:id="rId45" name="Check Box 42">
              <controlPr defaultSize="0" autoFill="0" autoLine="0" autoPict="0">
                <anchor moveWithCells="1">
                  <from>
                    <xdr:col>4</xdr:col>
                    <xdr:colOff>47625</xdr:colOff>
                    <xdr:row>47</xdr:row>
                    <xdr:rowOff>209550</xdr:rowOff>
                  </from>
                  <to>
                    <xdr:col>4</xdr:col>
                    <xdr:colOff>247650</xdr:colOff>
                    <xdr:row>47</xdr:row>
                    <xdr:rowOff>447675</xdr:rowOff>
                  </to>
                </anchor>
              </controlPr>
            </control>
          </mc:Choice>
        </mc:AlternateContent>
        <mc:AlternateContent xmlns:mc="http://schemas.openxmlformats.org/markup-compatibility/2006">
          <mc:Choice Requires="x14">
            <control shapeId="3115" r:id="rId46" name="Check Box 43">
              <controlPr defaultSize="0" autoFill="0" autoLine="0" autoPict="0">
                <anchor moveWithCells="1">
                  <from>
                    <xdr:col>4</xdr:col>
                    <xdr:colOff>66675</xdr:colOff>
                    <xdr:row>48</xdr:row>
                    <xdr:rowOff>914400</xdr:rowOff>
                  </from>
                  <to>
                    <xdr:col>4</xdr:col>
                    <xdr:colOff>266700</xdr:colOff>
                    <xdr:row>48</xdr:row>
                    <xdr:rowOff>1152525</xdr:rowOff>
                  </to>
                </anchor>
              </controlPr>
            </control>
          </mc:Choice>
        </mc:AlternateContent>
        <mc:AlternateContent xmlns:mc="http://schemas.openxmlformats.org/markup-compatibility/2006">
          <mc:Choice Requires="x14">
            <control shapeId="3116" r:id="rId47" name="Check Box 44">
              <controlPr defaultSize="0" autoFill="0" autoLine="0" autoPict="0">
                <anchor moveWithCells="1">
                  <from>
                    <xdr:col>4</xdr:col>
                    <xdr:colOff>38100</xdr:colOff>
                    <xdr:row>49</xdr:row>
                    <xdr:rowOff>200025</xdr:rowOff>
                  </from>
                  <to>
                    <xdr:col>4</xdr:col>
                    <xdr:colOff>238125</xdr:colOff>
                    <xdr:row>49</xdr:row>
                    <xdr:rowOff>438150</xdr:rowOff>
                  </to>
                </anchor>
              </controlPr>
            </control>
          </mc:Choice>
        </mc:AlternateContent>
        <mc:AlternateContent xmlns:mc="http://schemas.openxmlformats.org/markup-compatibility/2006">
          <mc:Choice Requires="x14">
            <control shapeId="3117" r:id="rId48" name="Check Box 45">
              <controlPr defaultSize="0" autoFill="0" autoLine="0" autoPict="0">
                <anchor moveWithCells="1">
                  <from>
                    <xdr:col>4</xdr:col>
                    <xdr:colOff>38100</xdr:colOff>
                    <xdr:row>50</xdr:row>
                    <xdr:rowOff>485775</xdr:rowOff>
                  </from>
                  <to>
                    <xdr:col>4</xdr:col>
                    <xdr:colOff>238125</xdr:colOff>
                    <xdr:row>50</xdr:row>
                    <xdr:rowOff>723900</xdr:rowOff>
                  </to>
                </anchor>
              </controlPr>
            </control>
          </mc:Choice>
        </mc:AlternateContent>
        <mc:AlternateContent xmlns:mc="http://schemas.openxmlformats.org/markup-compatibility/2006">
          <mc:Choice Requires="x14">
            <control shapeId="3118" r:id="rId49" name="Check Box 46">
              <controlPr defaultSize="0" autoFill="0" autoLine="0" autoPict="0">
                <anchor moveWithCells="1">
                  <from>
                    <xdr:col>4</xdr:col>
                    <xdr:colOff>47625</xdr:colOff>
                    <xdr:row>51</xdr:row>
                    <xdr:rowOff>314325</xdr:rowOff>
                  </from>
                  <to>
                    <xdr:col>4</xdr:col>
                    <xdr:colOff>247650</xdr:colOff>
                    <xdr:row>51</xdr:row>
                    <xdr:rowOff>552450</xdr:rowOff>
                  </to>
                </anchor>
              </controlPr>
            </control>
          </mc:Choice>
        </mc:AlternateContent>
        <mc:AlternateContent xmlns:mc="http://schemas.openxmlformats.org/markup-compatibility/2006">
          <mc:Choice Requires="x14">
            <control shapeId="3119" r:id="rId50" name="Check Box 47">
              <controlPr defaultSize="0" autoFill="0" autoLine="0" autoPict="0">
                <anchor moveWithCells="1">
                  <from>
                    <xdr:col>4</xdr:col>
                    <xdr:colOff>57150</xdr:colOff>
                    <xdr:row>52</xdr:row>
                    <xdr:rowOff>457200</xdr:rowOff>
                  </from>
                  <to>
                    <xdr:col>4</xdr:col>
                    <xdr:colOff>257175</xdr:colOff>
                    <xdr:row>52</xdr:row>
                    <xdr:rowOff>695325</xdr:rowOff>
                  </to>
                </anchor>
              </controlPr>
            </control>
          </mc:Choice>
        </mc:AlternateContent>
        <mc:AlternateContent xmlns:mc="http://schemas.openxmlformats.org/markup-compatibility/2006">
          <mc:Choice Requires="x14">
            <control shapeId="3120" r:id="rId51" name="Check Box 48">
              <controlPr defaultSize="0" autoFill="0" autoLine="0" autoPict="0">
                <anchor moveWithCells="1">
                  <from>
                    <xdr:col>4</xdr:col>
                    <xdr:colOff>28575</xdr:colOff>
                    <xdr:row>53</xdr:row>
                    <xdr:rowOff>466725</xdr:rowOff>
                  </from>
                  <to>
                    <xdr:col>4</xdr:col>
                    <xdr:colOff>228600</xdr:colOff>
                    <xdr:row>53</xdr:row>
                    <xdr:rowOff>704850</xdr:rowOff>
                  </to>
                </anchor>
              </controlPr>
            </control>
          </mc:Choice>
        </mc:AlternateContent>
        <mc:AlternateContent xmlns:mc="http://schemas.openxmlformats.org/markup-compatibility/2006">
          <mc:Choice Requires="x14">
            <control shapeId="3121" r:id="rId52" name="Check Box 49">
              <controlPr defaultSize="0" autoFill="0" autoLine="0" autoPict="0">
                <anchor moveWithCells="1">
                  <from>
                    <xdr:col>4</xdr:col>
                    <xdr:colOff>57150</xdr:colOff>
                    <xdr:row>55</xdr:row>
                    <xdr:rowOff>628650</xdr:rowOff>
                  </from>
                  <to>
                    <xdr:col>4</xdr:col>
                    <xdr:colOff>257175</xdr:colOff>
                    <xdr:row>55</xdr:row>
                    <xdr:rowOff>866775</xdr:rowOff>
                  </to>
                </anchor>
              </controlPr>
            </control>
          </mc:Choice>
        </mc:AlternateContent>
        <mc:AlternateContent xmlns:mc="http://schemas.openxmlformats.org/markup-compatibility/2006">
          <mc:Choice Requires="x14">
            <control shapeId="3122" r:id="rId53" name="Check Box 50">
              <controlPr defaultSize="0" autoFill="0" autoLine="0" autoPict="0">
                <anchor moveWithCells="1">
                  <from>
                    <xdr:col>4</xdr:col>
                    <xdr:colOff>57150</xdr:colOff>
                    <xdr:row>56</xdr:row>
                    <xdr:rowOff>304800</xdr:rowOff>
                  </from>
                  <to>
                    <xdr:col>4</xdr:col>
                    <xdr:colOff>257175</xdr:colOff>
                    <xdr:row>56</xdr:row>
                    <xdr:rowOff>542925</xdr:rowOff>
                  </to>
                </anchor>
              </controlPr>
            </control>
          </mc:Choice>
        </mc:AlternateContent>
        <mc:AlternateContent xmlns:mc="http://schemas.openxmlformats.org/markup-compatibility/2006">
          <mc:Choice Requires="x14">
            <control shapeId="3123" r:id="rId54" name="Check Box 51">
              <controlPr defaultSize="0" autoFill="0" autoLine="0" autoPict="0">
                <anchor moveWithCells="1">
                  <from>
                    <xdr:col>4</xdr:col>
                    <xdr:colOff>57150</xdr:colOff>
                    <xdr:row>57</xdr:row>
                    <xdr:rowOff>361950</xdr:rowOff>
                  </from>
                  <to>
                    <xdr:col>4</xdr:col>
                    <xdr:colOff>257175</xdr:colOff>
                    <xdr:row>57</xdr:row>
                    <xdr:rowOff>600075</xdr:rowOff>
                  </to>
                </anchor>
              </controlPr>
            </control>
          </mc:Choice>
        </mc:AlternateContent>
        <mc:AlternateContent xmlns:mc="http://schemas.openxmlformats.org/markup-compatibility/2006">
          <mc:Choice Requires="x14">
            <control shapeId="3124" r:id="rId55" name="Check Box 52">
              <controlPr defaultSize="0" autoFill="0" autoLine="0" autoPict="0">
                <anchor moveWithCells="1">
                  <from>
                    <xdr:col>4</xdr:col>
                    <xdr:colOff>47625</xdr:colOff>
                    <xdr:row>58</xdr:row>
                    <xdr:rowOff>295275</xdr:rowOff>
                  </from>
                  <to>
                    <xdr:col>4</xdr:col>
                    <xdr:colOff>247650</xdr:colOff>
                    <xdr:row>58</xdr:row>
                    <xdr:rowOff>533400</xdr:rowOff>
                  </to>
                </anchor>
              </controlPr>
            </control>
          </mc:Choice>
        </mc:AlternateContent>
        <mc:AlternateContent xmlns:mc="http://schemas.openxmlformats.org/markup-compatibility/2006">
          <mc:Choice Requires="x14">
            <control shapeId="3125" r:id="rId56" name="Check Box 53">
              <controlPr defaultSize="0" autoFill="0" autoLine="0" autoPict="0">
                <anchor moveWithCells="1">
                  <from>
                    <xdr:col>4</xdr:col>
                    <xdr:colOff>47625</xdr:colOff>
                    <xdr:row>59</xdr:row>
                    <xdr:rowOff>295275</xdr:rowOff>
                  </from>
                  <to>
                    <xdr:col>4</xdr:col>
                    <xdr:colOff>247650</xdr:colOff>
                    <xdr:row>59</xdr:row>
                    <xdr:rowOff>533400</xdr:rowOff>
                  </to>
                </anchor>
              </controlPr>
            </control>
          </mc:Choice>
        </mc:AlternateContent>
        <mc:AlternateContent xmlns:mc="http://schemas.openxmlformats.org/markup-compatibility/2006">
          <mc:Choice Requires="x14">
            <control shapeId="3126" r:id="rId57" name="Check Box 54">
              <controlPr defaultSize="0" autoFill="0" autoLine="0" autoPict="0">
                <anchor moveWithCells="1">
                  <from>
                    <xdr:col>4</xdr:col>
                    <xdr:colOff>57150</xdr:colOff>
                    <xdr:row>60</xdr:row>
                    <xdr:rowOff>295275</xdr:rowOff>
                  </from>
                  <to>
                    <xdr:col>4</xdr:col>
                    <xdr:colOff>257175</xdr:colOff>
                    <xdr:row>60</xdr:row>
                    <xdr:rowOff>533400</xdr:rowOff>
                  </to>
                </anchor>
              </controlPr>
            </control>
          </mc:Choice>
        </mc:AlternateContent>
        <mc:AlternateContent xmlns:mc="http://schemas.openxmlformats.org/markup-compatibility/2006">
          <mc:Choice Requires="x14">
            <control shapeId="3127" r:id="rId58" name="Check Box 55">
              <controlPr defaultSize="0" autoFill="0" autoLine="0" autoPict="0">
                <anchor moveWithCells="1">
                  <from>
                    <xdr:col>4</xdr:col>
                    <xdr:colOff>47625</xdr:colOff>
                    <xdr:row>61</xdr:row>
                    <xdr:rowOff>323850</xdr:rowOff>
                  </from>
                  <to>
                    <xdr:col>4</xdr:col>
                    <xdr:colOff>247650</xdr:colOff>
                    <xdr:row>61</xdr:row>
                    <xdr:rowOff>561975</xdr:rowOff>
                  </to>
                </anchor>
              </controlPr>
            </control>
          </mc:Choice>
        </mc:AlternateContent>
        <mc:AlternateContent xmlns:mc="http://schemas.openxmlformats.org/markup-compatibility/2006">
          <mc:Choice Requires="x14">
            <control shapeId="3128" r:id="rId59" name="Check Box 56">
              <controlPr defaultSize="0" autoFill="0" autoLine="0" autoPict="0">
                <anchor moveWithCells="1">
                  <from>
                    <xdr:col>4</xdr:col>
                    <xdr:colOff>38100</xdr:colOff>
                    <xdr:row>62</xdr:row>
                    <xdr:rowOff>0</xdr:rowOff>
                  </from>
                  <to>
                    <xdr:col>4</xdr:col>
                    <xdr:colOff>238125</xdr:colOff>
                    <xdr:row>62</xdr:row>
                    <xdr:rowOff>238125</xdr:rowOff>
                  </to>
                </anchor>
              </controlPr>
            </control>
          </mc:Choice>
        </mc:AlternateContent>
        <mc:AlternateContent xmlns:mc="http://schemas.openxmlformats.org/markup-compatibility/2006">
          <mc:Choice Requires="x14">
            <control shapeId="3129" r:id="rId60" name="Check Box 57">
              <controlPr defaultSize="0" autoFill="0" autoLine="0" autoPict="0">
                <anchor moveWithCells="1">
                  <from>
                    <xdr:col>4</xdr:col>
                    <xdr:colOff>57150</xdr:colOff>
                    <xdr:row>63</xdr:row>
                    <xdr:rowOff>190500</xdr:rowOff>
                  </from>
                  <to>
                    <xdr:col>4</xdr:col>
                    <xdr:colOff>257175</xdr:colOff>
                    <xdr:row>63</xdr:row>
                    <xdr:rowOff>428625</xdr:rowOff>
                  </to>
                </anchor>
              </controlPr>
            </control>
          </mc:Choice>
        </mc:AlternateContent>
        <mc:AlternateContent xmlns:mc="http://schemas.openxmlformats.org/markup-compatibility/2006">
          <mc:Choice Requires="x14">
            <control shapeId="3130" r:id="rId61" name="Check Box 58">
              <controlPr defaultSize="0" autoFill="0" autoLine="0" autoPict="0">
                <anchor moveWithCells="1">
                  <from>
                    <xdr:col>4</xdr:col>
                    <xdr:colOff>38100</xdr:colOff>
                    <xdr:row>64</xdr:row>
                    <xdr:rowOff>219075</xdr:rowOff>
                  </from>
                  <to>
                    <xdr:col>4</xdr:col>
                    <xdr:colOff>238125</xdr:colOff>
                    <xdr:row>64</xdr:row>
                    <xdr:rowOff>457200</xdr:rowOff>
                  </to>
                </anchor>
              </controlPr>
            </control>
          </mc:Choice>
        </mc:AlternateContent>
        <mc:AlternateContent xmlns:mc="http://schemas.openxmlformats.org/markup-compatibility/2006">
          <mc:Choice Requires="x14">
            <control shapeId="3131" r:id="rId62" name="Check Box 59">
              <controlPr defaultSize="0" autoFill="0" autoLine="0" autoPict="0">
                <anchor moveWithCells="1">
                  <from>
                    <xdr:col>4</xdr:col>
                    <xdr:colOff>38100</xdr:colOff>
                    <xdr:row>65</xdr:row>
                    <xdr:rowOff>381000</xdr:rowOff>
                  </from>
                  <to>
                    <xdr:col>4</xdr:col>
                    <xdr:colOff>238125</xdr:colOff>
                    <xdr:row>65</xdr:row>
                    <xdr:rowOff>619125</xdr:rowOff>
                  </to>
                </anchor>
              </controlPr>
            </control>
          </mc:Choice>
        </mc:AlternateContent>
        <mc:AlternateContent xmlns:mc="http://schemas.openxmlformats.org/markup-compatibility/2006">
          <mc:Choice Requires="x14">
            <control shapeId="3132" r:id="rId63" name="Check Box 60">
              <controlPr defaultSize="0" autoFill="0" autoLine="0" autoPict="0">
                <anchor moveWithCells="1">
                  <from>
                    <xdr:col>4</xdr:col>
                    <xdr:colOff>47625</xdr:colOff>
                    <xdr:row>66</xdr:row>
                    <xdr:rowOff>542925</xdr:rowOff>
                  </from>
                  <to>
                    <xdr:col>4</xdr:col>
                    <xdr:colOff>247650</xdr:colOff>
                    <xdr:row>66</xdr:row>
                    <xdr:rowOff>781050</xdr:rowOff>
                  </to>
                </anchor>
              </controlPr>
            </control>
          </mc:Choice>
        </mc:AlternateContent>
        <mc:AlternateContent xmlns:mc="http://schemas.openxmlformats.org/markup-compatibility/2006">
          <mc:Choice Requires="x14">
            <control shapeId="3133" r:id="rId64" name="Check Box 61">
              <controlPr defaultSize="0" autoFill="0" autoLine="0" autoPict="0">
                <anchor moveWithCells="1">
                  <from>
                    <xdr:col>4</xdr:col>
                    <xdr:colOff>47625</xdr:colOff>
                    <xdr:row>67</xdr:row>
                    <xdr:rowOff>295275</xdr:rowOff>
                  </from>
                  <to>
                    <xdr:col>4</xdr:col>
                    <xdr:colOff>247650</xdr:colOff>
                    <xdr:row>67</xdr:row>
                    <xdr:rowOff>533400</xdr:rowOff>
                  </to>
                </anchor>
              </controlPr>
            </control>
          </mc:Choice>
        </mc:AlternateContent>
        <mc:AlternateContent xmlns:mc="http://schemas.openxmlformats.org/markup-compatibility/2006">
          <mc:Choice Requires="x14">
            <control shapeId="3134" r:id="rId65" name="Check Box 62">
              <controlPr defaultSize="0" autoFill="0" autoLine="0" autoPict="0">
                <anchor moveWithCells="1">
                  <from>
                    <xdr:col>4</xdr:col>
                    <xdr:colOff>38100</xdr:colOff>
                    <xdr:row>68</xdr:row>
                    <xdr:rowOff>0</xdr:rowOff>
                  </from>
                  <to>
                    <xdr:col>4</xdr:col>
                    <xdr:colOff>238125</xdr:colOff>
                    <xdr:row>68</xdr:row>
                    <xdr:rowOff>238125</xdr:rowOff>
                  </to>
                </anchor>
              </controlPr>
            </control>
          </mc:Choice>
        </mc:AlternateContent>
        <mc:AlternateContent xmlns:mc="http://schemas.openxmlformats.org/markup-compatibility/2006">
          <mc:Choice Requires="x14">
            <control shapeId="3135" r:id="rId66" name="Check Box 63">
              <controlPr defaultSize="0" autoFill="0" autoLine="0" autoPict="0">
                <anchor moveWithCells="1">
                  <from>
                    <xdr:col>4</xdr:col>
                    <xdr:colOff>66675</xdr:colOff>
                    <xdr:row>69</xdr:row>
                    <xdr:rowOff>923925</xdr:rowOff>
                  </from>
                  <to>
                    <xdr:col>4</xdr:col>
                    <xdr:colOff>266700</xdr:colOff>
                    <xdr:row>69</xdr:row>
                    <xdr:rowOff>1162050</xdr:rowOff>
                  </to>
                </anchor>
              </controlPr>
            </control>
          </mc:Choice>
        </mc:AlternateContent>
        <mc:AlternateContent xmlns:mc="http://schemas.openxmlformats.org/markup-compatibility/2006">
          <mc:Choice Requires="x14">
            <control shapeId="3136" r:id="rId67" name="Check Box 64">
              <controlPr defaultSize="0" autoFill="0" autoLine="0" autoPict="0">
                <anchor moveWithCells="1">
                  <from>
                    <xdr:col>4</xdr:col>
                    <xdr:colOff>47625</xdr:colOff>
                    <xdr:row>70</xdr:row>
                    <xdr:rowOff>266700</xdr:rowOff>
                  </from>
                  <to>
                    <xdr:col>4</xdr:col>
                    <xdr:colOff>247650</xdr:colOff>
                    <xdr:row>70</xdr:row>
                    <xdr:rowOff>504825</xdr:rowOff>
                  </to>
                </anchor>
              </controlPr>
            </control>
          </mc:Choice>
        </mc:AlternateContent>
        <mc:AlternateContent xmlns:mc="http://schemas.openxmlformats.org/markup-compatibility/2006">
          <mc:Choice Requires="x14">
            <control shapeId="3137" r:id="rId68" name="Check Box 65">
              <controlPr defaultSize="0" autoFill="0" autoLine="0" autoPict="0">
                <anchor moveWithCells="1">
                  <from>
                    <xdr:col>4</xdr:col>
                    <xdr:colOff>66675</xdr:colOff>
                    <xdr:row>71</xdr:row>
                    <xdr:rowOff>352425</xdr:rowOff>
                  </from>
                  <to>
                    <xdr:col>4</xdr:col>
                    <xdr:colOff>266700</xdr:colOff>
                    <xdr:row>71</xdr:row>
                    <xdr:rowOff>590550</xdr:rowOff>
                  </to>
                </anchor>
              </controlPr>
            </control>
          </mc:Choice>
        </mc:AlternateContent>
        <mc:AlternateContent xmlns:mc="http://schemas.openxmlformats.org/markup-compatibility/2006">
          <mc:Choice Requires="x14">
            <control shapeId="3138" r:id="rId69" name="Check Box 66">
              <controlPr defaultSize="0" autoFill="0" autoLine="0" autoPict="0">
                <anchor moveWithCells="1">
                  <from>
                    <xdr:col>4</xdr:col>
                    <xdr:colOff>57150</xdr:colOff>
                    <xdr:row>72</xdr:row>
                    <xdr:rowOff>257175</xdr:rowOff>
                  </from>
                  <to>
                    <xdr:col>4</xdr:col>
                    <xdr:colOff>257175</xdr:colOff>
                    <xdr:row>72</xdr:row>
                    <xdr:rowOff>495300</xdr:rowOff>
                  </to>
                </anchor>
              </controlPr>
            </control>
          </mc:Choice>
        </mc:AlternateContent>
        <mc:AlternateContent xmlns:mc="http://schemas.openxmlformats.org/markup-compatibility/2006">
          <mc:Choice Requires="x14">
            <control shapeId="3139" r:id="rId70" name="Check Box 67">
              <controlPr defaultSize="0" autoFill="0" autoLine="0" autoPict="0">
                <anchor moveWithCells="1">
                  <from>
                    <xdr:col>4</xdr:col>
                    <xdr:colOff>66675</xdr:colOff>
                    <xdr:row>73</xdr:row>
                    <xdr:rowOff>276225</xdr:rowOff>
                  </from>
                  <to>
                    <xdr:col>4</xdr:col>
                    <xdr:colOff>266700</xdr:colOff>
                    <xdr:row>73</xdr:row>
                    <xdr:rowOff>514350</xdr:rowOff>
                  </to>
                </anchor>
              </controlPr>
            </control>
          </mc:Choice>
        </mc:AlternateContent>
        <mc:AlternateContent xmlns:mc="http://schemas.openxmlformats.org/markup-compatibility/2006">
          <mc:Choice Requires="x14">
            <control shapeId="3140" r:id="rId71" name="Check Box 68">
              <controlPr defaultSize="0" autoFill="0" autoLine="0" autoPict="0">
                <anchor moveWithCells="1">
                  <from>
                    <xdr:col>4</xdr:col>
                    <xdr:colOff>66675</xdr:colOff>
                    <xdr:row>74</xdr:row>
                    <xdr:rowOff>276225</xdr:rowOff>
                  </from>
                  <to>
                    <xdr:col>4</xdr:col>
                    <xdr:colOff>266700</xdr:colOff>
                    <xdr:row>74</xdr:row>
                    <xdr:rowOff>514350</xdr:rowOff>
                  </to>
                </anchor>
              </controlPr>
            </control>
          </mc:Choice>
        </mc:AlternateContent>
        <mc:AlternateContent xmlns:mc="http://schemas.openxmlformats.org/markup-compatibility/2006">
          <mc:Choice Requires="x14">
            <control shapeId="3141" r:id="rId72" name="Check Box 69">
              <controlPr defaultSize="0" autoFill="0" autoLine="0" autoPict="0">
                <anchor moveWithCells="1">
                  <from>
                    <xdr:col>4</xdr:col>
                    <xdr:colOff>57150</xdr:colOff>
                    <xdr:row>75</xdr:row>
                    <xdr:rowOff>285750</xdr:rowOff>
                  </from>
                  <to>
                    <xdr:col>4</xdr:col>
                    <xdr:colOff>257175</xdr:colOff>
                    <xdr:row>75</xdr:row>
                    <xdr:rowOff>523875</xdr:rowOff>
                  </to>
                </anchor>
              </controlPr>
            </control>
          </mc:Choice>
        </mc:AlternateContent>
        <mc:AlternateContent xmlns:mc="http://schemas.openxmlformats.org/markup-compatibility/2006">
          <mc:Choice Requires="x14">
            <control shapeId="3142" r:id="rId73" name="Check Box 70">
              <controlPr defaultSize="0" autoFill="0" autoLine="0" autoPict="0">
                <anchor moveWithCells="1">
                  <from>
                    <xdr:col>4</xdr:col>
                    <xdr:colOff>38100</xdr:colOff>
                    <xdr:row>76</xdr:row>
                    <xdr:rowOff>0</xdr:rowOff>
                  </from>
                  <to>
                    <xdr:col>4</xdr:col>
                    <xdr:colOff>238125</xdr:colOff>
                    <xdr:row>76</xdr:row>
                    <xdr:rowOff>238125</xdr:rowOff>
                  </to>
                </anchor>
              </controlPr>
            </control>
          </mc:Choice>
        </mc:AlternateContent>
        <mc:AlternateContent xmlns:mc="http://schemas.openxmlformats.org/markup-compatibility/2006">
          <mc:Choice Requires="x14">
            <control shapeId="3143" r:id="rId74" name="Check Box 71">
              <controlPr defaultSize="0" autoFill="0" autoLine="0" autoPict="0">
                <anchor moveWithCells="1">
                  <from>
                    <xdr:col>4</xdr:col>
                    <xdr:colOff>66675</xdr:colOff>
                    <xdr:row>77</xdr:row>
                    <xdr:rowOff>152400</xdr:rowOff>
                  </from>
                  <to>
                    <xdr:col>4</xdr:col>
                    <xdr:colOff>266700</xdr:colOff>
                    <xdr:row>77</xdr:row>
                    <xdr:rowOff>390525</xdr:rowOff>
                  </to>
                </anchor>
              </controlPr>
            </control>
          </mc:Choice>
        </mc:AlternateContent>
        <mc:AlternateContent xmlns:mc="http://schemas.openxmlformats.org/markup-compatibility/2006">
          <mc:Choice Requires="x14">
            <control shapeId="3144" r:id="rId75" name="Check Box 72">
              <controlPr defaultSize="0" autoFill="0" autoLine="0" autoPict="0">
                <anchor moveWithCells="1">
                  <from>
                    <xdr:col>4</xdr:col>
                    <xdr:colOff>47625</xdr:colOff>
                    <xdr:row>78</xdr:row>
                    <xdr:rowOff>190500</xdr:rowOff>
                  </from>
                  <to>
                    <xdr:col>4</xdr:col>
                    <xdr:colOff>247650</xdr:colOff>
                    <xdr:row>78</xdr:row>
                    <xdr:rowOff>428625</xdr:rowOff>
                  </to>
                </anchor>
              </controlPr>
            </control>
          </mc:Choice>
        </mc:AlternateContent>
        <mc:AlternateContent xmlns:mc="http://schemas.openxmlformats.org/markup-compatibility/2006">
          <mc:Choice Requires="x14">
            <control shapeId="3145" r:id="rId76" name="Check Box 73">
              <controlPr defaultSize="0" autoFill="0" autoLine="0" autoPict="0">
                <anchor moveWithCells="1">
                  <from>
                    <xdr:col>4</xdr:col>
                    <xdr:colOff>66675</xdr:colOff>
                    <xdr:row>79</xdr:row>
                    <xdr:rowOff>342900</xdr:rowOff>
                  </from>
                  <to>
                    <xdr:col>4</xdr:col>
                    <xdr:colOff>266700</xdr:colOff>
                    <xdr:row>79</xdr:row>
                    <xdr:rowOff>581025</xdr:rowOff>
                  </to>
                </anchor>
              </controlPr>
            </control>
          </mc:Choice>
        </mc:AlternateContent>
        <mc:AlternateContent xmlns:mc="http://schemas.openxmlformats.org/markup-compatibility/2006">
          <mc:Choice Requires="x14">
            <control shapeId="3146" r:id="rId77" name="Check Box 74">
              <controlPr defaultSize="0" autoFill="0" autoLine="0" autoPict="0">
                <anchor moveWithCells="1">
                  <from>
                    <xdr:col>4</xdr:col>
                    <xdr:colOff>57150</xdr:colOff>
                    <xdr:row>80</xdr:row>
                    <xdr:rowOff>533400</xdr:rowOff>
                  </from>
                  <to>
                    <xdr:col>4</xdr:col>
                    <xdr:colOff>257175</xdr:colOff>
                    <xdr:row>80</xdr:row>
                    <xdr:rowOff>771525</xdr:rowOff>
                  </to>
                </anchor>
              </controlPr>
            </control>
          </mc:Choice>
        </mc:AlternateContent>
        <mc:AlternateContent xmlns:mc="http://schemas.openxmlformats.org/markup-compatibility/2006">
          <mc:Choice Requires="x14">
            <control shapeId="3147" r:id="rId78" name="Check Box 75">
              <controlPr defaultSize="0" autoFill="0" autoLine="0" autoPict="0">
                <anchor moveWithCells="1">
                  <from>
                    <xdr:col>4</xdr:col>
                    <xdr:colOff>38100</xdr:colOff>
                    <xdr:row>81</xdr:row>
                    <xdr:rowOff>304800</xdr:rowOff>
                  </from>
                  <to>
                    <xdr:col>4</xdr:col>
                    <xdr:colOff>238125</xdr:colOff>
                    <xdr:row>81</xdr:row>
                    <xdr:rowOff>542925</xdr:rowOff>
                  </to>
                </anchor>
              </controlPr>
            </control>
          </mc:Choice>
        </mc:AlternateContent>
        <mc:AlternateContent xmlns:mc="http://schemas.openxmlformats.org/markup-compatibility/2006">
          <mc:Choice Requires="x14">
            <control shapeId="3148" r:id="rId79" name="Check Box 76">
              <controlPr defaultSize="0" autoFill="0" autoLine="0" autoPict="0">
                <anchor moveWithCells="1">
                  <from>
                    <xdr:col>4</xdr:col>
                    <xdr:colOff>38100</xdr:colOff>
                    <xdr:row>82</xdr:row>
                    <xdr:rowOff>0</xdr:rowOff>
                  </from>
                  <to>
                    <xdr:col>4</xdr:col>
                    <xdr:colOff>238125</xdr:colOff>
                    <xdr:row>82</xdr:row>
                    <xdr:rowOff>238125</xdr:rowOff>
                  </to>
                </anchor>
              </controlPr>
            </control>
          </mc:Choice>
        </mc:AlternateContent>
        <mc:AlternateContent xmlns:mc="http://schemas.openxmlformats.org/markup-compatibility/2006">
          <mc:Choice Requires="x14">
            <control shapeId="3149" r:id="rId80" name="Check Box 77">
              <controlPr defaultSize="0" autoFill="0" autoLine="0" autoPict="0">
                <anchor moveWithCells="1">
                  <from>
                    <xdr:col>4</xdr:col>
                    <xdr:colOff>38100</xdr:colOff>
                    <xdr:row>83</xdr:row>
                    <xdr:rowOff>0</xdr:rowOff>
                  </from>
                  <to>
                    <xdr:col>4</xdr:col>
                    <xdr:colOff>238125</xdr:colOff>
                    <xdr:row>83</xdr:row>
                    <xdr:rowOff>238125</xdr:rowOff>
                  </to>
                </anchor>
              </controlPr>
            </control>
          </mc:Choice>
        </mc:AlternateContent>
        <mc:AlternateContent xmlns:mc="http://schemas.openxmlformats.org/markup-compatibility/2006">
          <mc:Choice Requires="x14">
            <control shapeId="3150" r:id="rId81" name="Check Box 78">
              <controlPr defaultSize="0" autoFill="0" autoLine="0" autoPict="0">
                <anchor moveWithCells="1">
                  <from>
                    <xdr:col>4</xdr:col>
                    <xdr:colOff>47625</xdr:colOff>
                    <xdr:row>84</xdr:row>
                    <xdr:rowOff>209550</xdr:rowOff>
                  </from>
                  <to>
                    <xdr:col>4</xdr:col>
                    <xdr:colOff>247650</xdr:colOff>
                    <xdr:row>84</xdr:row>
                    <xdr:rowOff>447675</xdr:rowOff>
                  </to>
                </anchor>
              </controlPr>
            </control>
          </mc:Choice>
        </mc:AlternateContent>
        <mc:AlternateContent xmlns:mc="http://schemas.openxmlformats.org/markup-compatibility/2006">
          <mc:Choice Requires="x14">
            <control shapeId="3151" r:id="rId82" name="Check Box 79">
              <controlPr defaultSize="0" autoFill="0" autoLine="0" autoPict="0">
                <anchor moveWithCells="1">
                  <from>
                    <xdr:col>4</xdr:col>
                    <xdr:colOff>57150</xdr:colOff>
                    <xdr:row>85</xdr:row>
                    <xdr:rowOff>209550</xdr:rowOff>
                  </from>
                  <to>
                    <xdr:col>4</xdr:col>
                    <xdr:colOff>257175</xdr:colOff>
                    <xdr:row>85</xdr:row>
                    <xdr:rowOff>447675</xdr:rowOff>
                  </to>
                </anchor>
              </controlPr>
            </control>
          </mc:Choice>
        </mc:AlternateContent>
        <mc:AlternateContent xmlns:mc="http://schemas.openxmlformats.org/markup-compatibility/2006">
          <mc:Choice Requires="x14">
            <control shapeId="3152" r:id="rId83" name="Check Box 80">
              <controlPr defaultSize="0" autoFill="0" autoLine="0" autoPict="0">
                <anchor moveWithCells="1">
                  <from>
                    <xdr:col>4</xdr:col>
                    <xdr:colOff>57150</xdr:colOff>
                    <xdr:row>86</xdr:row>
                    <xdr:rowOff>104775</xdr:rowOff>
                  </from>
                  <to>
                    <xdr:col>4</xdr:col>
                    <xdr:colOff>257175</xdr:colOff>
                    <xdr:row>86</xdr:row>
                    <xdr:rowOff>342900</xdr:rowOff>
                  </to>
                </anchor>
              </controlPr>
            </control>
          </mc:Choice>
        </mc:AlternateContent>
        <mc:AlternateContent xmlns:mc="http://schemas.openxmlformats.org/markup-compatibility/2006">
          <mc:Choice Requires="x14">
            <control shapeId="3153" r:id="rId84" name="Check Box 81">
              <controlPr defaultSize="0" autoFill="0" autoLine="0" autoPict="0">
                <anchor moveWithCells="1">
                  <from>
                    <xdr:col>4</xdr:col>
                    <xdr:colOff>57150</xdr:colOff>
                    <xdr:row>87</xdr:row>
                    <xdr:rowOff>200025</xdr:rowOff>
                  </from>
                  <to>
                    <xdr:col>4</xdr:col>
                    <xdr:colOff>257175</xdr:colOff>
                    <xdr:row>87</xdr:row>
                    <xdr:rowOff>438150</xdr:rowOff>
                  </to>
                </anchor>
              </controlPr>
            </control>
          </mc:Choice>
        </mc:AlternateContent>
        <mc:AlternateContent xmlns:mc="http://schemas.openxmlformats.org/markup-compatibility/2006">
          <mc:Choice Requires="x14">
            <control shapeId="3154" r:id="rId85" name="Check Box 82">
              <controlPr defaultSize="0" autoFill="0" autoLine="0" autoPict="0">
                <anchor moveWithCells="1">
                  <from>
                    <xdr:col>4</xdr:col>
                    <xdr:colOff>66675</xdr:colOff>
                    <xdr:row>88</xdr:row>
                    <xdr:rowOff>285750</xdr:rowOff>
                  </from>
                  <to>
                    <xdr:col>4</xdr:col>
                    <xdr:colOff>266700</xdr:colOff>
                    <xdr:row>88</xdr:row>
                    <xdr:rowOff>523875</xdr:rowOff>
                  </to>
                </anchor>
              </controlPr>
            </control>
          </mc:Choice>
        </mc:AlternateContent>
        <mc:AlternateContent xmlns:mc="http://schemas.openxmlformats.org/markup-compatibility/2006">
          <mc:Choice Requires="x14">
            <control shapeId="3155" r:id="rId86" name="Check Box 83">
              <controlPr defaultSize="0" autoFill="0" autoLine="0" autoPict="0">
                <anchor moveWithCells="1">
                  <from>
                    <xdr:col>4</xdr:col>
                    <xdr:colOff>47625</xdr:colOff>
                    <xdr:row>89</xdr:row>
                    <xdr:rowOff>466725</xdr:rowOff>
                  </from>
                  <to>
                    <xdr:col>4</xdr:col>
                    <xdr:colOff>247650</xdr:colOff>
                    <xdr:row>89</xdr:row>
                    <xdr:rowOff>704850</xdr:rowOff>
                  </to>
                </anchor>
              </controlPr>
            </control>
          </mc:Choice>
        </mc:AlternateContent>
        <mc:AlternateContent xmlns:mc="http://schemas.openxmlformats.org/markup-compatibility/2006">
          <mc:Choice Requires="x14">
            <control shapeId="3156" r:id="rId87" name="Check Box 84">
              <controlPr defaultSize="0" autoFill="0" autoLine="0" autoPict="0">
                <anchor moveWithCells="1">
                  <from>
                    <xdr:col>4</xdr:col>
                    <xdr:colOff>66675</xdr:colOff>
                    <xdr:row>90</xdr:row>
                    <xdr:rowOff>200025</xdr:rowOff>
                  </from>
                  <to>
                    <xdr:col>4</xdr:col>
                    <xdr:colOff>266700</xdr:colOff>
                    <xdr:row>90</xdr:row>
                    <xdr:rowOff>438150</xdr:rowOff>
                  </to>
                </anchor>
              </controlPr>
            </control>
          </mc:Choice>
        </mc:AlternateContent>
        <mc:AlternateContent xmlns:mc="http://schemas.openxmlformats.org/markup-compatibility/2006">
          <mc:Choice Requires="x14">
            <control shapeId="3157" r:id="rId88" name="Check Box 85">
              <controlPr defaultSize="0" autoFill="0" autoLine="0" autoPict="0">
                <anchor moveWithCells="1">
                  <from>
                    <xdr:col>4</xdr:col>
                    <xdr:colOff>47625</xdr:colOff>
                    <xdr:row>91</xdr:row>
                    <xdr:rowOff>104775</xdr:rowOff>
                  </from>
                  <to>
                    <xdr:col>4</xdr:col>
                    <xdr:colOff>247650</xdr:colOff>
                    <xdr:row>91</xdr:row>
                    <xdr:rowOff>342900</xdr:rowOff>
                  </to>
                </anchor>
              </controlPr>
            </control>
          </mc:Choice>
        </mc:AlternateContent>
        <mc:AlternateContent xmlns:mc="http://schemas.openxmlformats.org/markup-compatibility/2006">
          <mc:Choice Requires="x14">
            <control shapeId="3158" r:id="rId89" name="Check Box 86">
              <controlPr defaultSize="0" autoFill="0" autoLine="0" autoPict="0">
                <anchor moveWithCells="1">
                  <from>
                    <xdr:col>4</xdr:col>
                    <xdr:colOff>57150</xdr:colOff>
                    <xdr:row>92</xdr:row>
                    <xdr:rowOff>190500</xdr:rowOff>
                  </from>
                  <to>
                    <xdr:col>4</xdr:col>
                    <xdr:colOff>257175</xdr:colOff>
                    <xdr:row>92</xdr:row>
                    <xdr:rowOff>428625</xdr:rowOff>
                  </to>
                </anchor>
              </controlPr>
            </control>
          </mc:Choice>
        </mc:AlternateContent>
        <mc:AlternateContent xmlns:mc="http://schemas.openxmlformats.org/markup-compatibility/2006">
          <mc:Choice Requires="x14">
            <control shapeId="3159" r:id="rId90" name="Check Box 87">
              <controlPr defaultSize="0" autoFill="0" autoLine="0" autoPict="0">
                <anchor moveWithCells="1">
                  <from>
                    <xdr:col>4</xdr:col>
                    <xdr:colOff>47625</xdr:colOff>
                    <xdr:row>93</xdr:row>
                    <xdr:rowOff>342900</xdr:rowOff>
                  </from>
                  <to>
                    <xdr:col>4</xdr:col>
                    <xdr:colOff>247650</xdr:colOff>
                    <xdr:row>93</xdr:row>
                    <xdr:rowOff>581025</xdr:rowOff>
                  </to>
                </anchor>
              </controlPr>
            </control>
          </mc:Choice>
        </mc:AlternateContent>
        <mc:AlternateContent xmlns:mc="http://schemas.openxmlformats.org/markup-compatibility/2006">
          <mc:Choice Requires="x14">
            <control shapeId="3160" r:id="rId91" name="Check Box 88">
              <controlPr defaultSize="0" autoFill="0" autoLine="0" autoPict="0">
                <anchor moveWithCells="1">
                  <from>
                    <xdr:col>4</xdr:col>
                    <xdr:colOff>66675</xdr:colOff>
                    <xdr:row>94</xdr:row>
                    <xdr:rowOff>514350</xdr:rowOff>
                  </from>
                  <to>
                    <xdr:col>4</xdr:col>
                    <xdr:colOff>266700</xdr:colOff>
                    <xdr:row>94</xdr:row>
                    <xdr:rowOff>752475</xdr:rowOff>
                  </to>
                </anchor>
              </controlPr>
            </control>
          </mc:Choice>
        </mc:AlternateContent>
        <mc:AlternateContent xmlns:mc="http://schemas.openxmlformats.org/markup-compatibility/2006">
          <mc:Choice Requires="x14">
            <control shapeId="3161" r:id="rId92" name="Check Box 89">
              <controlPr defaultSize="0" autoFill="0" autoLine="0" autoPict="0">
                <anchor moveWithCells="1">
                  <from>
                    <xdr:col>4</xdr:col>
                    <xdr:colOff>57150</xdr:colOff>
                    <xdr:row>95</xdr:row>
                    <xdr:rowOff>171450</xdr:rowOff>
                  </from>
                  <to>
                    <xdr:col>4</xdr:col>
                    <xdr:colOff>257175</xdr:colOff>
                    <xdr:row>95</xdr:row>
                    <xdr:rowOff>409575</xdr:rowOff>
                  </to>
                </anchor>
              </controlPr>
            </control>
          </mc:Choice>
        </mc:AlternateContent>
        <mc:AlternateContent xmlns:mc="http://schemas.openxmlformats.org/markup-compatibility/2006">
          <mc:Choice Requires="x14">
            <control shapeId="3162" r:id="rId93" name="Check Box 90">
              <controlPr defaultSize="0" autoFill="0" autoLine="0" autoPict="0">
                <anchor moveWithCells="1">
                  <from>
                    <xdr:col>4</xdr:col>
                    <xdr:colOff>47625</xdr:colOff>
                    <xdr:row>96</xdr:row>
                    <xdr:rowOff>190500</xdr:rowOff>
                  </from>
                  <to>
                    <xdr:col>4</xdr:col>
                    <xdr:colOff>247650</xdr:colOff>
                    <xdr:row>96</xdr:row>
                    <xdr:rowOff>428625</xdr:rowOff>
                  </to>
                </anchor>
              </controlPr>
            </control>
          </mc:Choice>
        </mc:AlternateContent>
        <mc:AlternateContent xmlns:mc="http://schemas.openxmlformats.org/markup-compatibility/2006">
          <mc:Choice Requires="x14">
            <control shapeId="3163" r:id="rId94" name="Check Box 91">
              <controlPr defaultSize="0" autoFill="0" autoLine="0" autoPict="0">
                <anchor moveWithCells="1">
                  <from>
                    <xdr:col>4</xdr:col>
                    <xdr:colOff>47625</xdr:colOff>
                    <xdr:row>97</xdr:row>
                    <xdr:rowOff>123825</xdr:rowOff>
                  </from>
                  <to>
                    <xdr:col>4</xdr:col>
                    <xdr:colOff>247650</xdr:colOff>
                    <xdr:row>97</xdr:row>
                    <xdr:rowOff>361950</xdr:rowOff>
                  </to>
                </anchor>
              </controlPr>
            </control>
          </mc:Choice>
        </mc:AlternateContent>
        <mc:AlternateContent xmlns:mc="http://schemas.openxmlformats.org/markup-compatibility/2006">
          <mc:Choice Requires="x14">
            <control shapeId="3164" r:id="rId95" name="Check Box 92">
              <controlPr defaultSize="0" autoFill="0" autoLine="0" autoPict="0">
                <anchor moveWithCells="1">
                  <from>
                    <xdr:col>4</xdr:col>
                    <xdr:colOff>38100</xdr:colOff>
                    <xdr:row>98</xdr:row>
                    <xdr:rowOff>0</xdr:rowOff>
                  </from>
                  <to>
                    <xdr:col>4</xdr:col>
                    <xdr:colOff>238125</xdr:colOff>
                    <xdr:row>98</xdr:row>
                    <xdr:rowOff>238125</xdr:rowOff>
                  </to>
                </anchor>
              </controlPr>
            </control>
          </mc:Choice>
        </mc:AlternateContent>
        <mc:AlternateContent xmlns:mc="http://schemas.openxmlformats.org/markup-compatibility/2006">
          <mc:Choice Requires="x14">
            <control shapeId="3165" r:id="rId96" name="Check Box 93">
              <controlPr defaultSize="0" autoFill="0" autoLine="0" autoPict="0">
                <anchor moveWithCells="1">
                  <from>
                    <xdr:col>4</xdr:col>
                    <xdr:colOff>57150</xdr:colOff>
                    <xdr:row>100</xdr:row>
                    <xdr:rowOff>447675</xdr:rowOff>
                  </from>
                  <to>
                    <xdr:col>4</xdr:col>
                    <xdr:colOff>257175</xdr:colOff>
                    <xdr:row>100</xdr:row>
                    <xdr:rowOff>685800</xdr:rowOff>
                  </to>
                </anchor>
              </controlPr>
            </control>
          </mc:Choice>
        </mc:AlternateContent>
        <mc:AlternateContent xmlns:mc="http://schemas.openxmlformats.org/markup-compatibility/2006">
          <mc:Choice Requires="x14">
            <control shapeId="3166" r:id="rId97" name="Check Box 94">
              <controlPr defaultSize="0" autoFill="0" autoLine="0" autoPict="0">
                <anchor moveWithCells="1">
                  <from>
                    <xdr:col>4</xdr:col>
                    <xdr:colOff>66675</xdr:colOff>
                    <xdr:row>99</xdr:row>
                    <xdr:rowOff>209550</xdr:rowOff>
                  </from>
                  <to>
                    <xdr:col>4</xdr:col>
                    <xdr:colOff>266700</xdr:colOff>
                    <xdr:row>99</xdr:row>
                    <xdr:rowOff>447675</xdr:rowOff>
                  </to>
                </anchor>
              </controlPr>
            </control>
          </mc:Choice>
        </mc:AlternateContent>
        <mc:AlternateContent xmlns:mc="http://schemas.openxmlformats.org/markup-compatibility/2006">
          <mc:Choice Requires="x14">
            <control shapeId="3167" r:id="rId98" name="Check Box 95">
              <controlPr defaultSize="0" autoFill="0" autoLine="0" autoPict="0">
                <anchor moveWithCells="1">
                  <from>
                    <xdr:col>4</xdr:col>
                    <xdr:colOff>57150</xdr:colOff>
                    <xdr:row>101</xdr:row>
                    <xdr:rowOff>561975</xdr:rowOff>
                  </from>
                  <to>
                    <xdr:col>4</xdr:col>
                    <xdr:colOff>257175</xdr:colOff>
                    <xdr:row>101</xdr:row>
                    <xdr:rowOff>800100</xdr:rowOff>
                  </to>
                </anchor>
              </controlPr>
            </control>
          </mc:Choice>
        </mc:AlternateContent>
        <mc:AlternateContent xmlns:mc="http://schemas.openxmlformats.org/markup-compatibility/2006">
          <mc:Choice Requires="x14">
            <control shapeId="3168" r:id="rId99" name="Check Box 96">
              <controlPr defaultSize="0" autoFill="0" autoLine="0" autoPict="0">
                <anchor moveWithCells="1">
                  <from>
                    <xdr:col>4</xdr:col>
                    <xdr:colOff>57150</xdr:colOff>
                    <xdr:row>102</xdr:row>
                    <xdr:rowOff>209550</xdr:rowOff>
                  </from>
                  <to>
                    <xdr:col>4</xdr:col>
                    <xdr:colOff>257175</xdr:colOff>
                    <xdr:row>102</xdr:row>
                    <xdr:rowOff>447675</xdr:rowOff>
                  </to>
                </anchor>
              </controlPr>
            </control>
          </mc:Choice>
        </mc:AlternateContent>
        <mc:AlternateContent xmlns:mc="http://schemas.openxmlformats.org/markup-compatibility/2006">
          <mc:Choice Requires="x14">
            <control shapeId="3169" r:id="rId100" name="Check Box 97">
              <controlPr defaultSize="0" autoFill="0" autoLine="0" autoPict="0">
                <anchor moveWithCells="1">
                  <from>
                    <xdr:col>4</xdr:col>
                    <xdr:colOff>66675</xdr:colOff>
                    <xdr:row>103</xdr:row>
                    <xdr:rowOff>114300</xdr:rowOff>
                  </from>
                  <to>
                    <xdr:col>4</xdr:col>
                    <xdr:colOff>266700</xdr:colOff>
                    <xdr:row>103</xdr:row>
                    <xdr:rowOff>352425</xdr:rowOff>
                  </to>
                </anchor>
              </controlPr>
            </control>
          </mc:Choice>
        </mc:AlternateContent>
        <mc:AlternateContent xmlns:mc="http://schemas.openxmlformats.org/markup-compatibility/2006">
          <mc:Choice Requires="x14">
            <control shapeId="3170" r:id="rId101" name="Check Box 98">
              <controlPr defaultSize="0" autoFill="0" autoLine="0" autoPict="0">
                <anchor moveWithCells="1">
                  <from>
                    <xdr:col>4</xdr:col>
                    <xdr:colOff>57150</xdr:colOff>
                    <xdr:row>104</xdr:row>
                    <xdr:rowOff>114300</xdr:rowOff>
                  </from>
                  <to>
                    <xdr:col>4</xdr:col>
                    <xdr:colOff>257175</xdr:colOff>
                    <xdr:row>104</xdr:row>
                    <xdr:rowOff>352425</xdr:rowOff>
                  </to>
                </anchor>
              </controlPr>
            </control>
          </mc:Choice>
        </mc:AlternateContent>
        <mc:AlternateContent xmlns:mc="http://schemas.openxmlformats.org/markup-compatibility/2006">
          <mc:Choice Requires="x14">
            <control shapeId="3171" r:id="rId102" name="Check Box 99">
              <controlPr defaultSize="0" autoFill="0" autoLine="0" autoPict="0">
                <anchor moveWithCells="1">
                  <from>
                    <xdr:col>4</xdr:col>
                    <xdr:colOff>66675</xdr:colOff>
                    <xdr:row>105</xdr:row>
                    <xdr:rowOff>257175</xdr:rowOff>
                  </from>
                  <to>
                    <xdr:col>4</xdr:col>
                    <xdr:colOff>266700</xdr:colOff>
                    <xdr:row>105</xdr:row>
                    <xdr:rowOff>495300</xdr:rowOff>
                  </to>
                </anchor>
              </controlPr>
            </control>
          </mc:Choice>
        </mc:AlternateContent>
        <mc:AlternateContent xmlns:mc="http://schemas.openxmlformats.org/markup-compatibility/2006">
          <mc:Choice Requires="x14">
            <control shapeId="3172" r:id="rId103" name="Check Box 100">
              <controlPr defaultSize="0" autoFill="0" autoLine="0" autoPict="0">
                <anchor moveWithCells="1">
                  <from>
                    <xdr:col>4</xdr:col>
                    <xdr:colOff>38100</xdr:colOff>
                    <xdr:row>106</xdr:row>
                    <xdr:rowOff>0</xdr:rowOff>
                  </from>
                  <to>
                    <xdr:col>4</xdr:col>
                    <xdr:colOff>238125</xdr:colOff>
                    <xdr:row>106</xdr:row>
                    <xdr:rowOff>238125</xdr:rowOff>
                  </to>
                </anchor>
              </controlPr>
            </control>
          </mc:Choice>
        </mc:AlternateContent>
        <mc:AlternateContent xmlns:mc="http://schemas.openxmlformats.org/markup-compatibility/2006">
          <mc:Choice Requires="x14">
            <control shapeId="3173" r:id="rId104" name="Check Box 101">
              <controlPr defaultSize="0" autoFill="0" autoLine="0" autoPict="0">
                <anchor moveWithCells="1">
                  <from>
                    <xdr:col>4</xdr:col>
                    <xdr:colOff>47625</xdr:colOff>
                    <xdr:row>107</xdr:row>
                    <xdr:rowOff>190500</xdr:rowOff>
                  </from>
                  <to>
                    <xdr:col>4</xdr:col>
                    <xdr:colOff>247650</xdr:colOff>
                    <xdr:row>107</xdr:row>
                    <xdr:rowOff>428625</xdr:rowOff>
                  </to>
                </anchor>
              </controlPr>
            </control>
          </mc:Choice>
        </mc:AlternateContent>
        <mc:AlternateContent xmlns:mc="http://schemas.openxmlformats.org/markup-compatibility/2006">
          <mc:Choice Requires="x14">
            <control shapeId="3174" r:id="rId105" name="Check Box 102">
              <controlPr defaultSize="0" autoFill="0" autoLine="0" autoPict="0">
                <anchor moveWithCells="1">
                  <from>
                    <xdr:col>4</xdr:col>
                    <xdr:colOff>57150</xdr:colOff>
                    <xdr:row>108</xdr:row>
                    <xdr:rowOff>114300</xdr:rowOff>
                  </from>
                  <to>
                    <xdr:col>4</xdr:col>
                    <xdr:colOff>257175</xdr:colOff>
                    <xdr:row>108</xdr:row>
                    <xdr:rowOff>352425</xdr:rowOff>
                  </to>
                </anchor>
              </controlPr>
            </control>
          </mc:Choice>
        </mc:AlternateContent>
        <mc:AlternateContent xmlns:mc="http://schemas.openxmlformats.org/markup-compatibility/2006">
          <mc:Choice Requires="x14">
            <control shapeId="3175" r:id="rId106" name="Check Box 103">
              <controlPr defaultSize="0" autoFill="0" autoLine="0" autoPict="0">
                <anchor moveWithCells="1">
                  <from>
                    <xdr:col>4</xdr:col>
                    <xdr:colOff>47625</xdr:colOff>
                    <xdr:row>109</xdr:row>
                    <xdr:rowOff>180975</xdr:rowOff>
                  </from>
                  <to>
                    <xdr:col>4</xdr:col>
                    <xdr:colOff>247650</xdr:colOff>
                    <xdr:row>109</xdr:row>
                    <xdr:rowOff>419100</xdr:rowOff>
                  </to>
                </anchor>
              </controlPr>
            </control>
          </mc:Choice>
        </mc:AlternateContent>
        <mc:AlternateContent xmlns:mc="http://schemas.openxmlformats.org/markup-compatibility/2006">
          <mc:Choice Requires="x14">
            <control shapeId="3176" r:id="rId107" name="Check Box 104">
              <controlPr defaultSize="0" autoFill="0" autoLine="0" autoPict="0">
                <anchor moveWithCells="1">
                  <from>
                    <xdr:col>4</xdr:col>
                    <xdr:colOff>38100</xdr:colOff>
                    <xdr:row>110</xdr:row>
                    <xdr:rowOff>0</xdr:rowOff>
                  </from>
                  <to>
                    <xdr:col>4</xdr:col>
                    <xdr:colOff>238125</xdr:colOff>
                    <xdr:row>110</xdr:row>
                    <xdr:rowOff>238125</xdr:rowOff>
                  </to>
                </anchor>
              </controlPr>
            </control>
          </mc:Choice>
        </mc:AlternateContent>
        <mc:AlternateContent xmlns:mc="http://schemas.openxmlformats.org/markup-compatibility/2006">
          <mc:Choice Requires="x14">
            <control shapeId="3177" r:id="rId108" name="Check Box 105">
              <controlPr defaultSize="0" autoFill="0" autoLine="0" autoPict="0">
                <anchor moveWithCells="1">
                  <from>
                    <xdr:col>4</xdr:col>
                    <xdr:colOff>47625</xdr:colOff>
                    <xdr:row>111</xdr:row>
                    <xdr:rowOff>104775</xdr:rowOff>
                  </from>
                  <to>
                    <xdr:col>4</xdr:col>
                    <xdr:colOff>247650</xdr:colOff>
                    <xdr:row>111</xdr:row>
                    <xdr:rowOff>342900</xdr:rowOff>
                  </to>
                </anchor>
              </controlPr>
            </control>
          </mc:Choice>
        </mc:AlternateContent>
        <mc:AlternateContent xmlns:mc="http://schemas.openxmlformats.org/markup-compatibility/2006">
          <mc:Choice Requires="x14">
            <control shapeId="3178" r:id="rId109" name="Check Box 106">
              <controlPr defaultSize="0" autoFill="0" autoLine="0" autoPict="0">
                <anchor moveWithCells="1">
                  <from>
                    <xdr:col>4</xdr:col>
                    <xdr:colOff>47625</xdr:colOff>
                    <xdr:row>112</xdr:row>
                    <xdr:rowOff>123825</xdr:rowOff>
                  </from>
                  <to>
                    <xdr:col>4</xdr:col>
                    <xdr:colOff>247650</xdr:colOff>
                    <xdr:row>112</xdr:row>
                    <xdr:rowOff>361950</xdr:rowOff>
                  </to>
                </anchor>
              </controlPr>
            </control>
          </mc:Choice>
        </mc:AlternateContent>
        <mc:AlternateContent xmlns:mc="http://schemas.openxmlformats.org/markup-compatibility/2006">
          <mc:Choice Requires="x14">
            <control shapeId="3179" r:id="rId110" name="Check Box 107">
              <controlPr defaultSize="0" autoFill="0" autoLine="0" autoPict="0">
                <anchor moveWithCells="1">
                  <from>
                    <xdr:col>4</xdr:col>
                    <xdr:colOff>38100</xdr:colOff>
                    <xdr:row>113</xdr:row>
                    <xdr:rowOff>0</xdr:rowOff>
                  </from>
                  <to>
                    <xdr:col>4</xdr:col>
                    <xdr:colOff>238125</xdr:colOff>
                    <xdr:row>113</xdr:row>
                    <xdr:rowOff>238125</xdr:rowOff>
                  </to>
                </anchor>
              </controlPr>
            </control>
          </mc:Choice>
        </mc:AlternateContent>
        <mc:AlternateContent xmlns:mc="http://schemas.openxmlformats.org/markup-compatibility/2006">
          <mc:Choice Requires="x14">
            <control shapeId="3180" r:id="rId111" name="Check Box 108">
              <controlPr defaultSize="0" autoFill="0" autoLine="0" autoPict="0">
                <anchor moveWithCells="1">
                  <from>
                    <xdr:col>4</xdr:col>
                    <xdr:colOff>38100</xdr:colOff>
                    <xdr:row>114</xdr:row>
                    <xdr:rowOff>0</xdr:rowOff>
                  </from>
                  <to>
                    <xdr:col>4</xdr:col>
                    <xdr:colOff>238125</xdr:colOff>
                    <xdr:row>114</xdr:row>
                    <xdr:rowOff>238125</xdr:rowOff>
                  </to>
                </anchor>
              </controlPr>
            </control>
          </mc:Choice>
        </mc:AlternateContent>
        <mc:AlternateContent xmlns:mc="http://schemas.openxmlformats.org/markup-compatibility/2006">
          <mc:Choice Requires="x14">
            <control shapeId="3181" r:id="rId112" name="Check Box 109">
              <controlPr defaultSize="0" autoFill="0" autoLine="0" autoPict="0">
                <anchor moveWithCells="1">
                  <from>
                    <xdr:col>4</xdr:col>
                    <xdr:colOff>57150</xdr:colOff>
                    <xdr:row>115</xdr:row>
                    <xdr:rowOff>200025</xdr:rowOff>
                  </from>
                  <to>
                    <xdr:col>4</xdr:col>
                    <xdr:colOff>257175</xdr:colOff>
                    <xdr:row>115</xdr:row>
                    <xdr:rowOff>438150</xdr:rowOff>
                  </to>
                </anchor>
              </controlPr>
            </control>
          </mc:Choice>
        </mc:AlternateContent>
        <mc:AlternateContent xmlns:mc="http://schemas.openxmlformats.org/markup-compatibility/2006">
          <mc:Choice Requires="x14">
            <control shapeId="3182" r:id="rId113" name="Check Box 110">
              <controlPr defaultSize="0" autoFill="0" autoLine="0" autoPict="0">
                <anchor moveWithCells="1">
                  <from>
                    <xdr:col>4</xdr:col>
                    <xdr:colOff>38100</xdr:colOff>
                    <xdr:row>116</xdr:row>
                    <xdr:rowOff>0</xdr:rowOff>
                  </from>
                  <to>
                    <xdr:col>4</xdr:col>
                    <xdr:colOff>238125</xdr:colOff>
                    <xdr:row>116</xdr:row>
                    <xdr:rowOff>238125</xdr:rowOff>
                  </to>
                </anchor>
              </controlPr>
            </control>
          </mc:Choice>
        </mc:AlternateContent>
        <mc:AlternateContent xmlns:mc="http://schemas.openxmlformats.org/markup-compatibility/2006">
          <mc:Choice Requires="x14">
            <control shapeId="3183" r:id="rId114" name="Check Box 111">
              <controlPr defaultSize="0" autoFill="0" autoLine="0" autoPict="0">
                <anchor moveWithCells="1">
                  <from>
                    <xdr:col>4</xdr:col>
                    <xdr:colOff>66675</xdr:colOff>
                    <xdr:row>117</xdr:row>
                    <xdr:rowOff>266700</xdr:rowOff>
                  </from>
                  <to>
                    <xdr:col>4</xdr:col>
                    <xdr:colOff>266700</xdr:colOff>
                    <xdr:row>117</xdr:row>
                    <xdr:rowOff>504825</xdr:rowOff>
                  </to>
                </anchor>
              </controlPr>
            </control>
          </mc:Choice>
        </mc:AlternateContent>
        <mc:AlternateContent xmlns:mc="http://schemas.openxmlformats.org/markup-compatibility/2006">
          <mc:Choice Requires="x14">
            <control shapeId="3184" r:id="rId115" name="Check Box 112">
              <controlPr defaultSize="0" autoFill="0" autoLine="0" autoPict="0">
                <anchor moveWithCells="1">
                  <from>
                    <xdr:col>4</xdr:col>
                    <xdr:colOff>57150</xdr:colOff>
                    <xdr:row>118</xdr:row>
                    <xdr:rowOff>180975</xdr:rowOff>
                  </from>
                  <to>
                    <xdr:col>4</xdr:col>
                    <xdr:colOff>257175</xdr:colOff>
                    <xdr:row>118</xdr:row>
                    <xdr:rowOff>419100</xdr:rowOff>
                  </to>
                </anchor>
              </controlPr>
            </control>
          </mc:Choice>
        </mc:AlternateContent>
        <mc:AlternateContent xmlns:mc="http://schemas.openxmlformats.org/markup-compatibility/2006">
          <mc:Choice Requires="x14">
            <control shapeId="3185" r:id="rId116" name="Check Box 113">
              <controlPr defaultSize="0" autoFill="0" autoLine="0" autoPict="0">
                <anchor moveWithCells="1">
                  <from>
                    <xdr:col>4</xdr:col>
                    <xdr:colOff>38100</xdr:colOff>
                    <xdr:row>119</xdr:row>
                    <xdr:rowOff>0</xdr:rowOff>
                  </from>
                  <to>
                    <xdr:col>4</xdr:col>
                    <xdr:colOff>238125</xdr:colOff>
                    <xdr:row>119</xdr:row>
                    <xdr:rowOff>238125</xdr:rowOff>
                  </to>
                </anchor>
              </controlPr>
            </control>
          </mc:Choice>
        </mc:AlternateContent>
        <mc:AlternateContent xmlns:mc="http://schemas.openxmlformats.org/markup-compatibility/2006">
          <mc:Choice Requires="x14">
            <control shapeId="3186" r:id="rId117" name="Check Box 114">
              <controlPr defaultSize="0" autoFill="0" autoLine="0" autoPict="0">
                <anchor moveWithCells="1">
                  <from>
                    <xdr:col>4</xdr:col>
                    <xdr:colOff>47625</xdr:colOff>
                    <xdr:row>120</xdr:row>
                    <xdr:rowOff>180975</xdr:rowOff>
                  </from>
                  <to>
                    <xdr:col>4</xdr:col>
                    <xdr:colOff>247650</xdr:colOff>
                    <xdr:row>120</xdr:row>
                    <xdr:rowOff>419100</xdr:rowOff>
                  </to>
                </anchor>
              </controlPr>
            </control>
          </mc:Choice>
        </mc:AlternateContent>
        <mc:AlternateContent xmlns:mc="http://schemas.openxmlformats.org/markup-compatibility/2006">
          <mc:Choice Requires="x14">
            <control shapeId="3187" r:id="rId118" name="Check Box 115">
              <controlPr defaultSize="0" autoFill="0" autoLine="0" autoPict="0">
                <anchor moveWithCells="1">
                  <from>
                    <xdr:col>4</xdr:col>
                    <xdr:colOff>38100</xdr:colOff>
                    <xdr:row>121</xdr:row>
                    <xdr:rowOff>0</xdr:rowOff>
                  </from>
                  <to>
                    <xdr:col>4</xdr:col>
                    <xdr:colOff>238125</xdr:colOff>
                    <xdr:row>121</xdr:row>
                    <xdr:rowOff>238125</xdr:rowOff>
                  </to>
                </anchor>
              </controlPr>
            </control>
          </mc:Choice>
        </mc:AlternateContent>
        <mc:AlternateContent xmlns:mc="http://schemas.openxmlformats.org/markup-compatibility/2006">
          <mc:Choice Requires="x14">
            <control shapeId="3188" r:id="rId119" name="Check Box 116">
              <controlPr defaultSize="0" autoFill="0" autoLine="0" autoPict="0">
                <anchor moveWithCells="1">
                  <from>
                    <xdr:col>4</xdr:col>
                    <xdr:colOff>76200</xdr:colOff>
                    <xdr:row>122</xdr:row>
                    <xdr:rowOff>314325</xdr:rowOff>
                  </from>
                  <to>
                    <xdr:col>4</xdr:col>
                    <xdr:colOff>276225</xdr:colOff>
                    <xdr:row>122</xdr:row>
                    <xdr:rowOff>552450</xdr:rowOff>
                  </to>
                </anchor>
              </controlPr>
            </control>
          </mc:Choice>
        </mc:AlternateContent>
        <mc:AlternateContent xmlns:mc="http://schemas.openxmlformats.org/markup-compatibility/2006">
          <mc:Choice Requires="x14">
            <control shapeId="3189" r:id="rId120" name="Check Box 117">
              <controlPr defaultSize="0" autoFill="0" autoLine="0" autoPict="0">
                <anchor moveWithCells="1">
                  <from>
                    <xdr:col>4</xdr:col>
                    <xdr:colOff>66675</xdr:colOff>
                    <xdr:row>123</xdr:row>
                    <xdr:rowOff>209550</xdr:rowOff>
                  </from>
                  <to>
                    <xdr:col>4</xdr:col>
                    <xdr:colOff>266700</xdr:colOff>
                    <xdr:row>123</xdr:row>
                    <xdr:rowOff>447675</xdr:rowOff>
                  </to>
                </anchor>
              </controlPr>
            </control>
          </mc:Choice>
        </mc:AlternateContent>
        <mc:AlternateContent xmlns:mc="http://schemas.openxmlformats.org/markup-compatibility/2006">
          <mc:Choice Requires="x14">
            <control shapeId="3190" r:id="rId121" name="Check Box 118">
              <controlPr defaultSize="0" autoFill="0" autoLine="0" autoPict="0">
                <anchor moveWithCells="1">
                  <from>
                    <xdr:col>4</xdr:col>
                    <xdr:colOff>66675</xdr:colOff>
                    <xdr:row>124</xdr:row>
                    <xdr:rowOff>180975</xdr:rowOff>
                  </from>
                  <to>
                    <xdr:col>4</xdr:col>
                    <xdr:colOff>266700</xdr:colOff>
                    <xdr:row>124</xdr:row>
                    <xdr:rowOff>419100</xdr:rowOff>
                  </to>
                </anchor>
              </controlPr>
            </control>
          </mc:Choice>
        </mc:AlternateContent>
        <mc:AlternateContent xmlns:mc="http://schemas.openxmlformats.org/markup-compatibility/2006">
          <mc:Choice Requires="x14">
            <control shapeId="3191" r:id="rId122" name="Check Box 119">
              <controlPr defaultSize="0" autoFill="0" autoLine="0" autoPict="0">
                <anchor moveWithCells="1">
                  <from>
                    <xdr:col>4</xdr:col>
                    <xdr:colOff>38100</xdr:colOff>
                    <xdr:row>125</xdr:row>
                    <xdr:rowOff>0</xdr:rowOff>
                  </from>
                  <to>
                    <xdr:col>4</xdr:col>
                    <xdr:colOff>238125</xdr:colOff>
                    <xdr:row>125</xdr:row>
                    <xdr:rowOff>238125</xdr:rowOff>
                  </to>
                </anchor>
              </controlPr>
            </control>
          </mc:Choice>
        </mc:AlternateContent>
        <mc:AlternateContent xmlns:mc="http://schemas.openxmlformats.org/markup-compatibility/2006">
          <mc:Choice Requires="x14">
            <control shapeId="3192" r:id="rId123" name="Check Box 120">
              <controlPr defaultSize="0" autoFill="0" autoLine="0" autoPict="0">
                <anchor moveWithCells="1">
                  <from>
                    <xdr:col>4</xdr:col>
                    <xdr:colOff>47625</xdr:colOff>
                    <xdr:row>126</xdr:row>
                    <xdr:rowOff>304800</xdr:rowOff>
                  </from>
                  <to>
                    <xdr:col>4</xdr:col>
                    <xdr:colOff>247650</xdr:colOff>
                    <xdr:row>126</xdr:row>
                    <xdr:rowOff>542925</xdr:rowOff>
                  </to>
                </anchor>
              </controlPr>
            </control>
          </mc:Choice>
        </mc:AlternateContent>
        <mc:AlternateContent xmlns:mc="http://schemas.openxmlformats.org/markup-compatibility/2006">
          <mc:Choice Requires="x14">
            <control shapeId="3193" r:id="rId124" name="Check Box 121">
              <controlPr defaultSize="0" autoFill="0" autoLine="0" autoPict="0">
                <anchor moveWithCells="1">
                  <from>
                    <xdr:col>4</xdr:col>
                    <xdr:colOff>66675</xdr:colOff>
                    <xdr:row>127</xdr:row>
                    <xdr:rowOff>190500</xdr:rowOff>
                  </from>
                  <to>
                    <xdr:col>4</xdr:col>
                    <xdr:colOff>266700</xdr:colOff>
                    <xdr:row>127</xdr:row>
                    <xdr:rowOff>428625</xdr:rowOff>
                  </to>
                </anchor>
              </controlPr>
            </control>
          </mc:Choice>
        </mc:AlternateContent>
        <mc:AlternateContent xmlns:mc="http://schemas.openxmlformats.org/markup-compatibility/2006">
          <mc:Choice Requires="x14">
            <control shapeId="3194" r:id="rId125" name="Check Box 122">
              <controlPr defaultSize="0" autoFill="0" autoLine="0" autoPict="0">
                <anchor moveWithCells="1">
                  <from>
                    <xdr:col>4</xdr:col>
                    <xdr:colOff>47625</xdr:colOff>
                    <xdr:row>128</xdr:row>
                    <xdr:rowOff>85725</xdr:rowOff>
                  </from>
                  <to>
                    <xdr:col>4</xdr:col>
                    <xdr:colOff>247650</xdr:colOff>
                    <xdr:row>128</xdr:row>
                    <xdr:rowOff>323850</xdr:rowOff>
                  </to>
                </anchor>
              </controlPr>
            </control>
          </mc:Choice>
        </mc:AlternateContent>
        <mc:AlternateContent xmlns:mc="http://schemas.openxmlformats.org/markup-compatibility/2006">
          <mc:Choice Requires="x14">
            <control shapeId="3195" r:id="rId126" name="Check Box 123">
              <controlPr defaultSize="0" autoFill="0" autoLine="0" autoPict="0">
                <anchor moveWithCells="1">
                  <from>
                    <xdr:col>4</xdr:col>
                    <xdr:colOff>38100</xdr:colOff>
                    <xdr:row>129</xdr:row>
                    <xdr:rowOff>104775</xdr:rowOff>
                  </from>
                  <to>
                    <xdr:col>4</xdr:col>
                    <xdr:colOff>238125</xdr:colOff>
                    <xdr:row>129</xdr:row>
                    <xdr:rowOff>342900</xdr:rowOff>
                  </to>
                </anchor>
              </controlPr>
            </control>
          </mc:Choice>
        </mc:AlternateContent>
        <mc:AlternateContent xmlns:mc="http://schemas.openxmlformats.org/markup-compatibility/2006">
          <mc:Choice Requires="x14">
            <control shapeId="3196" r:id="rId127" name="Check Box 124">
              <controlPr defaultSize="0" autoFill="0" autoLine="0" autoPict="0">
                <anchor moveWithCells="1">
                  <from>
                    <xdr:col>4</xdr:col>
                    <xdr:colOff>38100</xdr:colOff>
                    <xdr:row>130</xdr:row>
                    <xdr:rowOff>0</xdr:rowOff>
                  </from>
                  <to>
                    <xdr:col>4</xdr:col>
                    <xdr:colOff>238125</xdr:colOff>
                    <xdr:row>130</xdr:row>
                    <xdr:rowOff>238125</xdr:rowOff>
                  </to>
                </anchor>
              </controlPr>
            </control>
          </mc:Choice>
        </mc:AlternateContent>
        <mc:AlternateContent xmlns:mc="http://schemas.openxmlformats.org/markup-compatibility/2006">
          <mc:Choice Requires="x14">
            <control shapeId="3197" r:id="rId128" name="Check Box 125">
              <controlPr defaultSize="0" autoFill="0" autoLine="0" autoPict="0">
                <anchor moveWithCells="1">
                  <from>
                    <xdr:col>4</xdr:col>
                    <xdr:colOff>38100</xdr:colOff>
                    <xdr:row>131</xdr:row>
                    <xdr:rowOff>0</xdr:rowOff>
                  </from>
                  <to>
                    <xdr:col>4</xdr:col>
                    <xdr:colOff>238125</xdr:colOff>
                    <xdr:row>131</xdr:row>
                    <xdr:rowOff>238125</xdr:rowOff>
                  </to>
                </anchor>
              </controlPr>
            </control>
          </mc:Choice>
        </mc:AlternateContent>
        <mc:AlternateContent xmlns:mc="http://schemas.openxmlformats.org/markup-compatibility/2006">
          <mc:Choice Requires="x14">
            <control shapeId="3198" r:id="rId129" name="Check Box 126">
              <controlPr defaultSize="0" autoFill="0" autoLine="0" autoPict="0">
                <anchor moveWithCells="1">
                  <from>
                    <xdr:col>4</xdr:col>
                    <xdr:colOff>76200</xdr:colOff>
                    <xdr:row>132</xdr:row>
                    <xdr:rowOff>114300</xdr:rowOff>
                  </from>
                  <to>
                    <xdr:col>4</xdr:col>
                    <xdr:colOff>276225</xdr:colOff>
                    <xdr:row>132</xdr:row>
                    <xdr:rowOff>352425</xdr:rowOff>
                  </to>
                </anchor>
              </controlPr>
            </control>
          </mc:Choice>
        </mc:AlternateContent>
        <mc:AlternateContent xmlns:mc="http://schemas.openxmlformats.org/markup-compatibility/2006">
          <mc:Choice Requires="x14">
            <control shapeId="3199" r:id="rId130" name="Check Box 127">
              <controlPr defaultSize="0" autoFill="0" autoLine="0" autoPict="0">
                <anchor moveWithCells="1">
                  <from>
                    <xdr:col>4</xdr:col>
                    <xdr:colOff>66675</xdr:colOff>
                    <xdr:row>133</xdr:row>
                    <xdr:rowOff>95250</xdr:rowOff>
                  </from>
                  <to>
                    <xdr:col>4</xdr:col>
                    <xdr:colOff>266700</xdr:colOff>
                    <xdr:row>133</xdr:row>
                    <xdr:rowOff>333375</xdr:rowOff>
                  </to>
                </anchor>
              </controlPr>
            </control>
          </mc:Choice>
        </mc:AlternateContent>
        <mc:AlternateContent xmlns:mc="http://schemas.openxmlformats.org/markup-compatibility/2006">
          <mc:Choice Requires="x14">
            <control shapeId="3200" r:id="rId131" name="Check Box 128">
              <controlPr defaultSize="0" autoFill="0" autoLine="0" autoPict="0">
                <anchor moveWithCells="1">
                  <from>
                    <xdr:col>4</xdr:col>
                    <xdr:colOff>38100</xdr:colOff>
                    <xdr:row>134</xdr:row>
                    <xdr:rowOff>0</xdr:rowOff>
                  </from>
                  <to>
                    <xdr:col>4</xdr:col>
                    <xdr:colOff>238125</xdr:colOff>
                    <xdr:row>134</xdr:row>
                    <xdr:rowOff>238125</xdr:rowOff>
                  </to>
                </anchor>
              </controlPr>
            </control>
          </mc:Choice>
        </mc:AlternateContent>
        <mc:AlternateContent xmlns:mc="http://schemas.openxmlformats.org/markup-compatibility/2006">
          <mc:Choice Requires="x14">
            <control shapeId="3201" r:id="rId132" name="Check Box 129">
              <controlPr defaultSize="0" autoFill="0" autoLine="0" autoPict="0">
                <anchor moveWithCells="1">
                  <from>
                    <xdr:col>4</xdr:col>
                    <xdr:colOff>38100</xdr:colOff>
                    <xdr:row>135</xdr:row>
                    <xdr:rowOff>0</xdr:rowOff>
                  </from>
                  <to>
                    <xdr:col>4</xdr:col>
                    <xdr:colOff>238125</xdr:colOff>
                    <xdr:row>135</xdr:row>
                    <xdr:rowOff>238125</xdr:rowOff>
                  </to>
                </anchor>
              </controlPr>
            </control>
          </mc:Choice>
        </mc:AlternateContent>
        <mc:AlternateContent xmlns:mc="http://schemas.openxmlformats.org/markup-compatibility/2006">
          <mc:Choice Requires="x14">
            <control shapeId="3202" r:id="rId133" name="Check Box 130">
              <controlPr defaultSize="0" autoFill="0" autoLine="0" autoPict="0">
                <anchor moveWithCells="1">
                  <from>
                    <xdr:col>4</xdr:col>
                    <xdr:colOff>38100</xdr:colOff>
                    <xdr:row>136</xdr:row>
                    <xdr:rowOff>0</xdr:rowOff>
                  </from>
                  <to>
                    <xdr:col>4</xdr:col>
                    <xdr:colOff>238125</xdr:colOff>
                    <xdr:row>136</xdr:row>
                    <xdr:rowOff>238125</xdr:rowOff>
                  </to>
                </anchor>
              </controlPr>
            </control>
          </mc:Choice>
        </mc:AlternateContent>
        <mc:AlternateContent xmlns:mc="http://schemas.openxmlformats.org/markup-compatibility/2006">
          <mc:Choice Requires="x14">
            <control shapeId="3203" r:id="rId134" name="Check Box 131">
              <controlPr defaultSize="0" autoFill="0" autoLine="0" autoPict="0">
                <anchor moveWithCells="1">
                  <from>
                    <xdr:col>4</xdr:col>
                    <xdr:colOff>66675</xdr:colOff>
                    <xdr:row>137</xdr:row>
                    <xdr:rowOff>104775</xdr:rowOff>
                  </from>
                  <to>
                    <xdr:col>4</xdr:col>
                    <xdr:colOff>266700</xdr:colOff>
                    <xdr:row>137</xdr:row>
                    <xdr:rowOff>342900</xdr:rowOff>
                  </to>
                </anchor>
              </controlPr>
            </control>
          </mc:Choice>
        </mc:AlternateContent>
        <mc:AlternateContent xmlns:mc="http://schemas.openxmlformats.org/markup-compatibility/2006">
          <mc:Choice Requires="x14">
            <control shapeId="3204" r:id="rId135" name="Check Box 132">
              <controlPr defaultSize="0" autoFill="0" autoLine="0" autoPict="0">
                <anchor moveWithCells="1">
                  <from>
                    <xdr:col>4</xdr:col>
                    <xdr:colOff>76200</xdr:colOff>
                    <xdr:row>138</xdr:row>
                    <xdr:rowOff>209550</xdr:rowOff>
                  </from>
                  <to>
                    <xdr:col>4</xdr:col>
                    <xdr:colOff>276225</xdr:colOff>
                    <xdr:row>138</xdr:row>
                    <xdr:rowOff>447675</xdr:rowOff>
                  </to>
                </anchor>
              </controlPr>
            </control>
          </mc:Choice>
        </mc:AlternateContent>
        <mc:AlternateContent xmlns:mc="http://schemas.openxmlformats.org/markup-compatibility/2006">
          <mc:Choice Requires="x14">
            <control shapeId="3205" r:id="rId136" name="Check Box 133">
              <controlPr defaultSize="0" autoFill="0" autoLine="0" autoPict="0">
                <anchor moveWithCells="1">
                  <from>
                    <xdr:col>4</xdr:col>
                    <xdr:colOff>57150</xdr:colOff>
                    <xdr:row>139</xdr:row>
                    <xdr:rowOff>114300</xdr:rowOff>
                  </from>
                  <to>
                    <xdr:col>4</xdr:col>
                    <xdr:colOff>257175</xdr:colOff>
                    <xdr:row>139</xdr:row>
                    <xdr:rowOff>352425</xdr:rowOff>
                  </to>
                </anchor>
              </controlPr>
            </control>
          </mc:Choice>
        </mc:AlternateContent>
        <mc:AlternateContent xmlns:mc="http://schemas.openxmlformats.org/markup-compatibility/2006">
          <mc:Choice Requires="x14">
            <control shapeId="3206" r:id="rId137" name="Check Box 134">
              <controlPr defaultSize="0" autoFill="0" autoLine="0" autoPict="0">
                <anchor moveWithCells="1">
                  <from>
                    <xdr:col>4</xdr:col>
                    <xdr:colOff>38100</xdr:colOff>
                    <xdr:row>140</xdr:row>
                    <xdr:rowOff>0</xdr:rowOff>
                  </from>
                  <to>
                    <xdr:col>4</xdr:col>
                    <xdr:colOff>238125</xdr:colOff>
                    <xdr:row>140</xdr:row>
                    <xdr:rowOff>238125</xdr:rowOff>
                  </to>
                </anchor>
              </controlPr>
            </control>
          </mc:Choice>
        </mc:AlternateContent>
        <mc:AlternateContent xmlns:mc="http://schemas.openxmlformats.org/markup-compatibility/2006">
          <mc:Choice Requires="x14">
            <control shapeId="3207" r:id="rId138" name="Check Box 135">
              <controlPr defaultSize="0" autoFill="0" autoLine="0" autoPict="0">
                <anchor moveWithCells="1">
                  <from>
                    <xdr:col>4</xdr:col>
                    <xdr:colOff>38100</xdr:colOff>
                    <xdr:row>141</xdr:row>
                    <xdr:rowOff>0</xdr:rowOff>
                  </from>
                  <to>
                    <xdr:col>4</xdr:col>
                    <xdr:colOff>238125</xdr:colOff>
                    <xdr:row>141</xdr:row>
                    <xdr:rowOff>238125</xdr:rowOff>
                  </to>
                </anchor>
              </controlPr>
            </control>
          </mc:Choice>
        </mc:AlternateContent>
        <mc:AlternateContent xmlns:mc="http://schemas.openxmlformats.org/markup-compatibility/2006">
          <mc:Choice Requires="x14">
            <control shapeId="3208" r:id="rId139" name="Check Box 136">
              <controlPr defaultSize="0" autoFill="0" autoLine="0" autoPict="0">
                <anchor moveWithCells="1">
                  <from>
                    <xdr:col>4</xdr:col>
                    <xdr:colOff>38100</xdr:colOff>
                    <xdr:row>142</xdr:row>
                    <xdr:rowOff>0</xdr:rowOff>
                  </from>
                  <to>
                    <xdr:col>4</xdr:col>
                    <xdr:colOff>238125</xdr:colOff>
                    <xdr:row>142</xdr:row>
                    <xdr:rowOff>238125</xdr:rowOff>
                  </to>
                </anchor>
              </controlPr>
            </control>
          </mc:Choice>
        </mc:AlternateContent>
        <mc:AlternateContent xmlns:mc="http://schemas.openxmlformats.org/markup-compatibility/2006">
          <mc:Choice Requires="x14">
            <control shapeId="3209" r:id="rId140" name="Check Box 137">
              <controlPr defaultSize="0" autoFill="0" autoLine="0" autoPict="0">
                <anchor moveWithCells="1">
                  <from>
                    <xdr:col>4</xdr:col>
                    <xdr:colOff>47625</xdr:colOff>
                    <xdr:row>143</xdr:row>
                    <xdr:rowOff>209550</xdr:rowOff>
                  </from>
                  <to>
                    <xdr:col>4</xdr:col>
                    <xdr:colOff>247650</xdr:colOff>
                    <xdr:row>143</xdr:row>
                    <xdr:rowOff>447675</xdr:rowOff>
                  </to>
                </anchor>
              </controlPr>
            </control>
          </mc:Choice>
        </mc:AlternateContent>
        <mc:AlternateContent xmlns:mc="http://schemas.openxmlformats.org/markup-compatibility/2006">
          <mc:Choice Requires="x14">
            <control shapeId="3210" r:id="rId141" name="Check Box 138">
              <controlPr defaultSize="0" autoFill="0" autoLine="0" autoPict="0">
                <anchor moveWithCells="1">
                  <from>
                    <xdr:col>4</xdr:col>
                    <xdr:colOff>38100</xdr:colOff>
                    <xdr:row>144</xdr:row>
                    <xdr:rowOff>285750</xdr:rowOff>
                  </from>
                  <to>
                    <xdr:col>4</xdr:col>
                    <xdr:colOff>238125</xdr:colOff>
                    <xdr:row>144</xdr:row>
                    <xdr:rowOff>523875</xdr:rowOff>
                  </to>
                </anchor>
              </controlPr>
            </control>
          </mc:Choice>
        </mc:AlternateContent>
        <mc:AlternateContent xmlns:mc="http://schemas.openxmlformats.org/markup-compatibility/2006">
          <mc:Choice Requires="x14">
            <control shapeId="3211" r:id="rId142" name="Check Box 139">
              <controlPr defaultSize="0" autoFill="0" autoLine="0" autoPict="0">
                <anchor moveWithCells="1">
                  <from>
                    <xdr:col>4</xdr:col>
                    <xdr:colOff>57150</xdr:colOff>
                    <xdr:row>145</xdr:row>
                    <xdr:rowOff>314325</xdr:rowOff>
                  </from>
                  <to>
                    <xdr:col>4</xdr:col>
                    <xdr:colOff>257175</xdr:colOff>
                    <xdr:row>145</xdr:row>
                    <xdr:rowOff>552450</xdr:rowOff>
                  </to>
                </anchor>
              </controlPr>
            </control>
          </mc:Choice>
        </mc:AlternateContent>
        <mc:AlternateContent xmlns:mc="http://schemas.openxmlformats.org/markup-compatibility/2006">
          <mc:Choice Requires="x14">
            <control shapeId="3212" r:id="rId143" name="Check Box 140">
              <controlPr defaultSize="0" autoFill="0" autoLine="0" autoPict="0">
                <anchor moveWithCells="1">
                  <from>
                    <xdr:col>4</xdr:col>
                    <xdr:colOff>57150</xdr:colOff>
                    <xdr:row>146</xdr:row>
                    <xdr:rowOff>285750</xdr:rowOff>
                  </from>
                  <to>
                    <xdr:col>4</xdr:col>
                    <xdr:colOff>257175</xdr:colOff>
                    <xdr:row>146</xdr:row>
                    <xdr:rowOff>523875</xdr:rowOff>
                  </to>
                </anchor>
              </controlPr>
            </control>
          </mc:Choice>
        </mc:AlternateContent>
        <mc:AlternateContent xmlns:mc="http://schemas.openxmlformats.org/markup-compatibility/2006">
          <mc:Choice Requires="x14">
            <control shapeId="3213" r:id="rId144" name="Check Box 141">
              <controlPr defaultSize="0" autoFill="0" autoLine="0" autoPict="0">
                <anchor moveWithCells="1">
                  <from>
                    <xdr:col>4</xdr:col>
                    <xdr:colOff>57150</xdr:colOff>
                    <xdr:row>147</xdr:row>
                    <xdr:rowOff>552450</xdr:rowOff>
                  </from>
                  <to>
                    <xdr:col>4</xdr:col>
                    <xdr:colOff>257175</xdr:colOff>
                    <xdr:row>147</xdr:row>
                    <xdr:rowOff>790575</xdr:rowOff>
                  </to>
                </anchor>
              </controlPr>
            </control>
          </mc:Choice>
        </mc:AlternateContent>
        <mc:AlternateContent xmlns:mc="http://schemas.openxmlformats.org/markup-compatibility/2006">
          <mc:Choice Requires="x14">
            <control shapeId="3214" r:id="rId145" name="Check Box 142">
              <controlPr defaultSize="0" autoFill="0" autoLine="0" autoPict="0">
                <anchor moveWithCells="1">
                  <from>
                    <xdr:col>4</xdr:col>
                    <xdr:colOff>57150</xdr:colOff>
                    <xdr:row>148</xdr:row>
                    <xdr:rowOff>200025</xdr:rowOff>
                  </from>
                  <to>
                    <xdr:col>4</xdr:col>
                    <xdr:colOff>257175</xdr:colOff>
                    <xdr:row>148</xdr:row>
                    <xdr:rowOff>438150</xdr:rowOff>
                  </to>
                </anchor>
              </controlPr>
            </control>
          </mc:Choice>
        </mc:AlternateContent>
        <mc:AlternateContent xmlns:mc="http://schemas.openxmlformats.org/markup-compatibility/2006">
          <mc:Choice Requires="x14">
            <control shapeId="3215" r:id="rId146" name="Check Box 143">
              <controlPr defaultSize="0" autoFill="0" autoLine="0" autoPict="0">
                <anchor moveWithCells="1">
                  <from>
                    <xdr:col>4</xdr:col>
                    <xdr:colOff>57150</xdr:colOff>
                    <xdr:row>149</xdr:row>
                    <xdr:rowOff>333375</xdr:rowOff>
                  </from>
                  <to>
                    <xdr:col>4</xdr:col>
                    <xdr:colOff>257175</xdr:colOff>
                    <xdr:row>150</xdr:row>
                    <xdr:rowOff>114300</xdr:rowOff>
                  </to>
                </anchor>
              </controlPr>
            </control>
          </mc:Choice>
        </mc:AlternateContent>
        <mc:AlternateContent xmlns:mc="http://schemas.openxmlformats.org/markup-compatibility/2006">
          <mc:Choice Requires="x14">
            <control shapeId="3216" r:id="rId147" name="Check Box 144">
              <controlPr defaultSize="0" autoFill="0" autoLine="0" autoPict="0">
                <anchor moveWithCells="1">
                  <from>
                    <xdr:col>4</xdr:col>
                    <xdr:colOff>38100</xdr:colOff>
                    <xdr:row>151</xdr:row>
                    <xdr:rowOff>0</xdr:rowOff>
                  </from>
                  <to>
                    <xdr:col>4</xdr:col>
                    <xdr:colOff>238125</xdr:colOff>
                    <xdr:row>151</xdr:row>
                    <xdr:rowOff>238125</xdr:rowOff>
                  </to>
                </anchor>
              </controlPr>
            </control>
          </mc:Choice>
        </mc:AlternateContent>
        <mc:AlternateContent xmlns:mc="http://schemas.openxmlformats.org/markup-compatibility/2006">
          <mc:Choice Requires="x14">
            <control shapeId="3217" r:id="rId148" name="Check Box 145">
              <controlPr defaultSize="0" autoFill="0" autoLine="0" autoPict="0">
                <anchor moveWithCells="1">
                  <from>
                    <xdr:col>4</xdr:col>
                    <xdr:colOff>57150</xdr:colOff>
                    <xdr:row>152</xdr:row>
                    <xdr:rowOff>114300</xdr:rowOff>
                  </from>
                  <to>
                    <xdr:col>4</xdr:col>
                    <xdr:colOff>257175</xdr:colOff>
                    <xdr:row>152</xdr:row>
                    <xdr:rowOff>352425</xdr:rowOff>
                  </to>
                </anchor>
              </controlPr>
            </control>
          </mc:Choice>
        </mc:AlternateContent>
        <mc:AlternateContent xmlns:mc="http://schemas.openxmlformats.org/markup-compatibility/2006">
          <mc:Choice Requires="x14">
            <control shapeId="3218" r:id="rId149" name="Check Box 146">
              <controlPr defaultSize="0" autoFill="0" autoLine="0" autoPict="0">
                <anchor moveWithCells="1">
                  <from>
                    <xdr:col>4</xdr:col>
                    <xdr:colOff>38100</xdr:colOff>
                    <xdr:row>153</xdr:row>
                    <xdr:rowOff>0</xdr:rowOff>
                  </from>
                  <to>
                    <xdr:col>4</xdr:col>
                    <xdr:colOff>238125</xdr:colOff>
                    <xdr:row>153</xdr:row>
                    <xdr:rowOff>238125</xdr:rowOff>
                  </to>
                </anchor>
              </controlPr>
            </control>
          </mc:Choice>
        </mc:AlternateContent>
        <mc:AlternateContent xmlns:mc="http://schemas.openxmlformats.org/markup-compatibility/2006">
          <mc:Choice Requires="x14">
            <control shapeId="3219" r:id="rId150" name="Check Box 147">
              <controlPr defaultSize="0" autoFill="0" autoLine="0" autoPict="0">
                <anchor moveWithCells="1">
                  <from>
                    <xdr:col>4</xdr:col>
                    <xdr:colOff>57150</xdr:colOff>
                    <xdr:row>154</xdr:row>
                    <xdr:rowOff>257175</xdr:rowOff>
                  </from>
                  <to>
                    <xdr:col>4</xdr:col>
                    <xdr:colOff>257175</xdr:colOff>
                    <xdr:row>155</xdr:row>
                    <xdr:rowOff>38100</xdr:rowOff>
                  </to>
                </anchor>
              </controlPr>
            </control>
          </mc:Choice>
        </mc:AlternateContent>
        <mc:AlternateContent xmlns:mc="http://schemas.openxmlformats.org/markup-compatibility/2006">
          <mc:Choice Requires="x14">
            <control shapeId="3220" r:id="rId151" name="Check Box 148">
              <controlPr defaultSize="0" autoFill="0" autoLine="0" autoPict="0">
                <anchor moveWithCells="1">
                  <from>
                    <xdr:col>4</xdr:col>
                    <xdr:colOff>38100</xdr:colOff>
                    <xdr:row>156</xdr:row>
                    <xdr:rowOff>0</xdr:rowOff>
                  </from>
                  <to>
                    <xdr:col>4</xdr:col>
                    <xdr:colOff>238125</xdr:colOff>
                    <xdr:row>156</xdr:row>
                    <xdr:rowOff>238125</xdr:rowOff>
                  </to>
                </anchor>
              </controlPr>
            </control>
          </mc:Choice>
        </mc:AlternateContent>
        <mc:AlternateContent xmlns:mc="http://schemas.openxmlformats.org/markup-compatibility/2006">
          <mc:Choice Requires="x14">
            <control shapeId="3221" r:id="rId152" name="Check Box 149">
              <controlPr defaultSize="0" autoFill="0" autoLine="0" autoPict="0">
                <anchor moveWithCells="1">
                  <from>
                    <xdr:col>4</xdr:col>
                    <xdr:colOff>47625</xdr:colOff>
                    <xdr:row>157</xdr:row>
                    <xdr:rowOff>123825</xdr:rowOff>
                  </from>
                  <to>
                    <xdr:col>4</xdr:col>
                    <xdr:colOff>247650</xdr:colOff>
                    <xdr:row>157</xdr:row>
                    <xdr:rowOff>361950</xdr:rowOff>
                  </to>
                </anchor>
              </controlPr>
            </control>
          </mc:Choice>
        </mc:AlternateContent>
        <mc:AlternateContent xmlns:mc="http://schemas.openxmlformats.org/markup-compatibility/2006">
          <mc:Choice Requires="x14">
            <control shapeId="3222" r:id="rId153" name="Check Box 150">
              <controlPr defaultSize="0" autoFill="0" autoLine="0" autoPict="0">
                <anchor moveWithCells="1">
                  <from>
                    <xdr:col>4</xdr:col>
                    <xdr:colOff>38100</xdr:colOff>
                    <xdr:row>158</xdr:row>
                    <xdr:rowOff>0</xdr:rowOff>
                  </from>
                  <to>
                    <xdr:col>4</xdr:col>
                    <xdr:colOff>238125</xdr:colOff>
                    <xdr:row>158</xdr:row>
                    <xdr:rowOff>238125</xdr:rowOff>
                  </to>
                </anchor>
              </controlPr>
            </control>
          </mc:Choice>
        </mc:AlternateContent>
        <mc:AlternateContent xmlns:mc="http://schemas.openxmlformats.org/markup-compatibility/2006">
          <mc:Choice Requires="x14">
            <control shapeId="3223" r:id="rId154" name="Check Box 151">
              <controlPr defaultSize="0" autoFill="0" autoLine="0" autoPict="0">
                <anchor moveWithCells="1">
                  <from>
                    <xdr:col>4</xdr:col>
                    <xdr:colOff>66675</xdr:colOff>
                    <xdr:row>159</xdr:row>
                    <xdr:rowOff>104775</xdr:rowOff>
                  </from>
                  <to>
                    <xdr:col>4</xdr:col>
                    <xdr:colOff>266700</xdr:colOff>
                    <xdr:row>159</xdr:row>
                    <xdr:rowOff>342900</xdr:rowOff>
                  </to>
                </anchor>
              </controlPr>
            </control>
          </mc:Choice>
        </mc:AlternateContent>
        <mc:AlternateContent xmlns:mc="http://schemas.openxmlformats.org/markup-compatibility/2006">
          <mc:Choice Requires="x14">
            <control shapeId="3224" r:id="rId155" name="Check Box 152">
              <controlPr defaultSize="0" autoFill="0" autoLine="0" autoPict="0">
                <anchor moveWithCells="1">
                  <from>
                    <xdr:col>4</xdr:col>
                    <xdr:colOff>38100</xdr:colOff>
                    <xdr:row>160</xdr:row>
                    <xdr:rowOff>0</xdr:rowOff>
                  </from>
                  <to>
                    <xdr:col>4</xdr:col>
                    <xdr:colOff>238125</xdr:colOff>
                    <xdr:row>160</xdr:row>
                    <xdr:rowOff>238125</xdr:rowOff>
                  </to>
                </anchor>
              </controlPr>
            </control>
          </mc:Choice>
        </mc:AlternateContent>
        <mc:AlternateContent xmlns:mc="http://schemas.openxmlformats.org/markup-compatibility/2006">
          <mc:Choice Requires="x14">
            <control shapeId="3225" r:id="rId156" name="Check Box 153">
              <controlPr defaultSize="0" autoFill="0" autoLine="0" autoPict="0">
                <anchor moveWithCells="1">
                  <from>
                    <xdr:col>4</xdr:col>
                    <xdr:colOff>47625</xdr:colOff>
                    <xdr:row>161</xdr:row>
                    <xdr:rowOff>76200</xdr:rowOff>
                  </from>
                  <to>
                    <xdr:col>4</xdr:col>
                    <xdr:colOff>247650</xdr:colOff>
                    <xdr:row>161</xdr:row>
                    <xdr:rowOff>314325</xdr:rowOff>
                  </to>
                </anchor>
              </controlPr>
            </control>
          </mc:Choice>
        </mc:AlternateContent>
        <mc:AlternateContent xmlns:mc="http://schemas.openxmlformats.org/markup-compatibility/2006">
          <mc:Choice Requires="x14">
            <control shapeId="3226" r:id="rId157" name="Check Box 154">
              <controlPr defaultSize="0" autoFill="0" autoLine="0" autoPict="0">
                <anchor moveWithCells="1">
                  <from>
                    <xdr:col>4</xdr:col>
                    <xdr:colOff>38100</xdr:colOff>
                    <xdr:row>162</xdr:row>
                    <xdr:rowOff>0</xdr:rowOff>
                  </from>
                  <to>
                    <xdr:col>4</xdr:col>
                    <xdr:colOff>238125</xdr:colOff>
                    <xdr:row>162</xdr:row>
                    <xdr:rowOff>238125</xdr:rowOff>
                  </to>
                </anchor>
              </controlPr>
            </control>
          </mc:Choice>
        </mc:AlternateContent>
        <mc:AlternateContent xmlns:mc="http://schemas.openxmlformats.org/markup-compatibility/2006">
          <mc:Choice Requires="x14">
            <control shapeId="3227" r:id="rId158" name="Check Box 155">
              <controlPr defaultSize="0" autoFill="0" autoLine="0" autoPict="0">
                <anchor moveWithCells="1">
                  <from>
                    <xdr:col>4</xdr:col>
                    <xdr:colOff>38100</xdr:colOff>
                    <xdr:row>163</xdr:row>
                    <xdr:rowOff>0</xdr:rowOff>
                  </from>
                  <to>
                    <xdr:col>4</xdr:col>
                    <xdr:colOff>238125</xdr:colOff>
                    <xdr:row>163</xdr:row>
                    <xdr:rowOff>238125</xdr:rowOff>
                  </to>
                </anchor>
              </controlPr>
            </control>
          </mc:Choice>
        </mc:AlternateContent>
        <mc:AlternateContent xmlns:mc="http://schemas.openxmlformats.org/markup-compatibility/2006">
          <mc:Choice Requires="x14">
            <control shapeId="3228" r:id="rId159" name="Check Box 156">
              <controlPr defaultSize="0" autoFill="0" autoLine="0" autoPict="0">
                <anchor moveWithCells="1">
                  <from>
                    <xdr:col>4</xdr:col>
                    <xdr:colOff>38100</xdr:colOff>
                    <xdr:row>164</xdr:row>
                    <xdr:rowOff>0</xdr:rowOff>
                  </from>
                  <to>
                    <xdr:col>4</xdr:col>
                    <xdr:colOff>238125</xdr:colOff>
                    <xdr:row>164</xdr:row>
                    <xdr:rowOff>238125</xdr:rowOff>
                  </to>
                </anchor>
              </controlPr>
            </control>
          </mc:Choice>
        </mc:AlternateContent>
        <mc:AlternateContent xmlns:mc="http://schemas.openxmlformats.org/markup-compatibility/2006">
          <mc:Choice Requires="x14">
            <control shapeId="3229" r:id="rId160" name="Check Box 157">
              <controlPr defaultSize="0" autoFill="0" autoLine="0" autoPict="0">
                <anchor moveWithCells="1">
                  <from>
                    <xdr:col>4</xdr:col>
                    <xdr:colOff>38100</xdr:colOff>
                    <xdr:row>165</xdr:row>
                    <xdr:rowOff>0</xdr:rowOff>
                  </from>
                  <to>
                    <xdr:col>4</xdr:col>
                    <xdr:colOff>238125</xdr:colOff>
                    <xdr:row>165</xdr:row>
                    <xdr:rowOff>238125</xdr:rowOff>
                  </to>
                </anchor>
              </controlPr>
            </control>
          </mc:Choice>
        </mc:AlternateContent>
        <mc:AlternateContent xmlns:mc="http://schemas.openxmlformats.org/markup-compatibility/2006">
          <mc:Choice Requires="x14">
            <control shapeId="3230" r:id="rId161" name="Check Box 158">
              <controlPr defaultSize="0" autoFill="0" autoLine="0" autoPict="0">
                <anchor moveWithCells="1">
                  <from>
                    <xdr:col>4</xdr:col>
                    <xdr:colOff>38100</xdr:colOff>
                    <xdr:row>166</xdr:row>
                    <xdr:rowOff>0</xdr:rowOff>
                  </from>
                  <to>
                    <xdr:col>4</xdr:col>
                    <xdr:colOff>238125</xdr:colOff>
                    <xdr:row>166</xdr:row>
                    <xdr:rowOff>238125</xdr:rowOff>
                  </to>
                </anchor>
              </controlPr>
            </control>
          </mc:Choice>
        </mc:AlternateContent>
        <mc:AlternateContent xmlns:mc="http://schemas.openxmlformats.org/markup-compatibility/2006">
          <mc:Choice Requires="x14">
            <control shapeId="3231" r:id="rId162" name="Check Box 159">
              <controlPr defaultSize="0" autoFill="0" autoLine="0" autoPict="0">
                <anchor moveWithCells="1">
                  <from>
                    <xdr:col>4</xdr:col>
                    <xdr:colOff>38100</xdr:colOff>
                    <xdr:row>168</xdr:row>
                    <xdr:rowOff>114300</xdr:rowOff>
                  </from>
                  <to>
                    <xdr:col>4</xdr:col>
                    <xdr:colOff>238125</xdr:colOff>
                    <xdr:row>168</xdr:row>
                    <xdr:rowOff>352425</xdr:rowOff>
                  </to>
                </anchor>
              </controlPr>
            </control>
          </mc:Choice>
        </mc:AlternateContent>
        <mc:AlternateContent xmlns:mc="http://schemas.openxmlformats.org/markup-compatibility/2006">
          <mc:Choice Requires="x14">
            <control shapeId="3232" r:id="rId163" name="Check Box 160">
              <controlPr defaultSize="0" autoFill="0" autoLine="0" autoPict="0">
                <anchor moveWithCells="1">
                  <from>
                    <xdr:col>4</xdr:col>
                    <xdr:colOff>38100</xdr:colOff>
                    <xdr:row>169</xdr:row>
                    <xdr:rowOff>104775</xdr:rowOff>
                  </from>
                  <to>
                    <xdr:col>4</xdr:col>
                    <xdr:colOff>238125</xdr:colOff>
                    <xdr:row>169</xdr:row>
                    <xdr:rowOff>342900</xdr:rowOff>
                  </to>
                </anchor>
              </controlPr>
            </control>
          </mc:Choice>
        </mc:AlternateContent>
        <mc:AlternateContent xmlns:mc="http://schemas.openxmlformats.org/markup-compatibility/2006">
          <mc:Choice Requires="x14">
            <control shapeId="3233" r:id="rId164" name="Check Box 161">
              <controlPr defaultSize="0" autoFill="0" autoLine="0" autoPict="0">
                <anchor moveWithCells="1">
                  <from>
                    <xdr:col>4</xdr:col>
                    <xdr:colOff>57150</xdr:colOff>
                    <xdr:row>170</xdr:row>
                    <xdr:rowOff>200025</xdr:rowOff>
                  </from>
                  <to>
                    <xdr:col>4</xdr:col>
                    <xdr:colOff>257175</xdr:colOff>
                    <xdr:row>170</xdr:row>
                    <xdr:rowOff>438150</xdr:rowOff>
                  </to>
                </anchor>
              </controlPr>
            </control>
          </mc:Choice>
        </mc:AlternateContent>
        <mc:AlternateContent xmlns:mc="http://schemas.openxmlformats.org/markup-compatibility/2006">
          <mc:Choice Requires="x14">
            <control shapeId="3234" r:id="rId165" name="Check Box 162">
              <controlPr defaultSize="0" autoFill="0" autoLine="0" autoPict="0">
                <anchor moveWithCells="1">
                  <from>
                    <xdr:col>4</xdr:col>
                    <xdr:colOff>47625</xdr:colOff>
                    <xdr:row>171</xdr:row>
                    <xdr:rowOff>95250</xdr:rowOff>
                  </from>
                  <to>
                    <xdr:col>4</xdr:col>
                    <xdr:colOff>247650</xdr:colOff>
                    <xdr:row>171</xdr:row>
                    <xdr:rowOff>333375</xdr:rowOff>
                  </to>
                </anchor>
              </controlPr>
            </control>
          </mc:Choice>
        </mc:AlternateContent>
        <mc:AlternateContent xmlns:mc="http://schemas.openxmlformats.org/markup-compatibility/2006">
          <mc:Choice Requires="x14">
            <control shapeId="3235" r:id="rId166" name="Check Box 163">
              <controlPr defaultSize="0" autoFill="0" autoLine="0" autoPict="0">
                <anchor moveWithCells="1">
                  <from>
                    <xdr:col>4</xdr:col>
                    <xdr:colOff>38100</xdr:colOff>
                    <xdr:row>172</xdr:row>
                    <xdr:rowOff>0</xdr:rowOff>
                  </from>
                  <to>
                    <xdr:col>4</xdr:col>
                    <xdr:colOff>238125</xdr:colOff>
                    <xdr:row>172</xdr:row>
                    <xdr:rowOff>238125</xdr:rowOff>
                  </to>
                </anchor>
              </controlPr>
            </control>
          </mc:Choice>
        </mc:AlternateContent>
        <mc:AlternateContent xmlns:mc="http://schemas.openxmlformats.org/markup-compatibility/2006">
          <mc:Choice Requires="x14">
            <control shapeId="3236" r:id="rId167" name="Check Box 164">
              <controlPr defaultSize="0" autoFill="0" autoLine="0" autoPict="0">
                <anchor moveWithCells="1">
                  <from>
                    <xdr:col>4</xdr:col>
                    <xdr:colOff>38100</xdr:colOff>
                    <xdr:row>173</xdr:row>
                    <xdr:rowOff>0</xdr:rowOff>
                  </from>
                  <to>
                    <xdr:col>4</xdr:col>
                    <xdr:colOff>238125</xdr:colOff>
                    <xdr:row>173</xdr:row>
                    <xdr:rowOff>238125</xdr:rowOff>
                  </to>
                </anchor>
              </controlPr>
            </control>
          </mc:Choice>
        </mc:AlternateContent>
        <mc:AlternateContent xmlns:mc="http://schemas.openxmlformats.org/markup-compatibility/2006">
          <mc:Choice Requires="x14">
            <control shapeId="3237" r:id="rId168" name="Check Box 165">
              <controlPr defaultSize="0" autoFill="0" autoLine="0" autoPict="0">
                <anchor moveWithCells="1">
                  <from>
                    <xdr:col>4</xdr:col>
                    <xdr:colOff>38100</xdr:colOff>
                    <xdr:row>174</xdr:row>
                    <xdr:rowOff>0</xdr:rowOff>
                  </from>
                  <to>
                    <xdr:col>4</xdr:col>
                    <xdr:colOff>238125</xdr:colOff>
                    <xdr:row>174</xdr:row>
                    <xdr:rowOff>238125</xdr:rowOff>
                  </to>
                </anchor>
              </controlPr>
            </control>
          </mc:Choice>
        </mc:AlternateContent>
        <mc:AlternateContent xmlns:mc="http://schemas.openxmlformats.org/markup-compatibility/2006">
          <mc:Choice Requires="x14">
            <control shapeId="3238" r:id="rId169" name="Check Box 166">
              <controlPr defaultSize="0" autoFill="0" autoLine="0" autoPict="0">
                <anchor moveWithCells="1">
                  <from>
                    <xdr:col>4</xdr:col>
                    <xdr:colOff>38100</xdr:colOff>
                    <xdr:row>175</xdr:row>
                    <xdr:rowOff>0</xdr:rowOff>
                  </from>
                  <to>
                    <xdr:col>4</xdr:col>
                    <xdr:colOff>238125</xdr:colOff>
                    <xdr:row>175</xdr:row>
                    <xdr:rowOff>238125</xdr:rowOff>
                  </to>
                </anchor>
              </controlPr>
            </control>
          </mc:Choice>
        </mc:AlternateContent>
        <mc:AlternateContent xmlns:mc="http://schemas.openxmlformats.org/markup-compatibility/2006">
          <mc:Choice Requires="x14">
            <control shapeId="3239" r:id="rId170" name="Check Box 167">
              <controlPr defaultSize="0" autoFill="0" autoLine="0" autoPict="0">
                <anchor moveWithCells="1">
                  <from>
                    <xdr:col>4</xdr:col>
                    <xdr:colOff>38100</xdr:colOff>
                    <xdr:row>176</xdr:row>
                    <xdr:rowOff>0</xdr:rowOff>
                  </from>
                  <to>
                    <xdr:col>4</xdr:col>
                    <xdr:colOff>238125</xdr:colOff>
                    <xdr:row>176</xdr:row>
                    <xdr:rowOff>238125</xdr:rowOff>
                  </to>
                </anchor>
              </controlPr>
            </control>
          </mc:Choice>
        </mc:AlternateContent>
        <mc:AlternateContent xmlns:mc="http://schemas.openxmlformats.org/markup-compatibility/2006">
          <mc:Choice Requires="x14">
            <control shapeId="3240" r:id="rId171" name="Check Box 168">
              <controlPr defaultSize="0" autoFill="0" autoLine="0" autoPict="0">
                <anchor moveWithCells="1">
                  <from>
                    <xdr:col>4</xdr:col>
                    <xdr:colOff>38100</xdr:colOff>
                    <xdr:row>177</xdr:row>
                    <xdr:rowOff>0</xdr:rowOff>
                  </from>
                  <to>
                    <xdr:col>4</xdr:col>
                    <xdr:colOff>238125</xdr:colOff>
                    <xdr:row>177</xdr:row>
                    <xdr:rowOff>238125</xdr:rowOff>
                  </to>
                </anchor>
              </controlPr>
            </control>
          </mc:Choice>
        </mc:AlternateContent>
        <mc:AlternateContent xmlns:mc="http://schemas.openxmlformats.org/markup-compatibility/2006">
          <mc:Choice Requires="x14">
            <control shapeId="3241" r:id="rId172" name="Check Box 169">
              <controlPr defaultSize="0" autoFill="0" autoLine="0" autoPict="0">
                <anchor moveWithCells="1">
                  <from>
                    <xdr:col>4</xdr:col>
                    <xdr:colOff>38100</xdr:colOff>
                    <xdr:row>179</xdr:row>
                    <xdr:rowOff>123825</xdr:rowOff>
                  </from>
                  <to>
                    <xdr:col>4</xdr:col>
                    <xdr:colOff>238125</xdr:colOff>
                    <xdr:row>179</xdr:row>
                    <xdr:rowOff>361950</xdr:rowOff>
                  </to>
                </anchor>
              </controlPr>
            </control>
          </mc:Choice>
        </mc:AlternateContent>
        <mc:AlternateContent xmlns:mc="http://schemas.openxmlformats.org/markup-compatibility/2006">
          <mc:Choice Requires="x14">
            <control shapeId="3242" r:id="rId173" name="Check Box 170">
              <controlPr defaultSize="0" autoFill="0" autoLine="0" autoPict="0">
                <anchor moveWithCells="1">
                  <from>
                    <xdr:col>4</xdr:col>
                    <xdr:colOff>38100</xdr:colOff>
                    <xdr:row>180</xdr:row>
                    <xdr:rowOff>104775</xdr:rowOff>
                  </from>
                  <to>
                    <xdr:col>4</xdr:col>
                    <xdr:colOff>238125</xdr:colOff>
                    <xdr:row>180</xdr:row>
                    <xdr:rowOff>342900</xdr:rowOff>
                  </to>
                </anchor>
              </controlPr>
            </control>
          </mc:Choice>
        </mc:AlternateContent>
        <mc:AlternateContent xmlns:mc="http://schemas.openxmlformats.org/markup-compatibility/2006">
          <mc:Choice Requires="x14">
            <control shapeId="3243" r:id="rId174" name="Check Box 171">
              <controlPr defaultSize="0" autoFill="0" autoLine="0" autoPict="0">
                <anchor moveWithCells="1">
                  <from>
                    <xdr:col>4</xdr:col>
                    <xdr:colOff>47625</xdr:colOff>
                    <xdr:row>181</xdr:row>
                    <xdr:rowOff>104775</xdr:rowOff>
                  </from>
                  <to>
                    <xdr:col>4</xdr:col>
                    <xdr:colOff>247650</xdr:colOff>
                    <xdr:row>181</xdr:row>
                    <xdr:rowOff>342900</xdr:rowOff>
                  </to>
                </anchor>
              </controlPr>
            </control>
          </mc:Choice>
        </mc:AlternateContent>
        <mc:AlternateContent xmlns:mc="http://schemas.openxmlformats.org/markup-compatibility/2006">
          <mc:Choice Requires="x14">
            <control shapeId="3244" r:id="rId175" name="Check Box 172">
              <controlPr defaultSize="0" autoFill="0" autoLine="0" autoPict="0">
                <anchor moveWithCells="1">
                  <from>
                    <xdr:col>4</xdr:col>
                    <xdr:colOff>38100</xdr:colOff>
                    <xdr:row>182</xdr:row>
                    <xdr:rowOff>0</xdr:rowOff>
                  </from>
                  <to>
                    <xdr:col>4</xdr:col>
                    <xdr:colOff>238125</xdr:colOff>
                    <xdr:row>182</xdr:row>
                    <xdr:rowOff>238125</xdr:rowOff>
                  </to>
                </anchor>
              </controlPr>
            </control>
          </mc:Choice>
        </mc:AlternateContent>
        <mc:AlternateContent xmlns:mc="http://schemas.openxmlformats.org/markup-compatibility/2006">
          <mc:Choice Requires="x14">
            <control shapeId="3245" r:id="rId176" name="Check Box 173">
              <controlPr defaultSize="0" autoFill="0" autoLine="0" autoPict="0">
                <anchor moveWithCells="1">
                  <from>
                    <xdr:col>4</xdr:col>
                    <xdr:colOff>38100</xdr:colOff>
                    <xdr:row>183</xdr:row>
                    <xdr:rowOff>0</xdr:rowOff>
                  </from>
                  <to>
                    <xdr:col>4</xdr:col>
                    <xdr:colOff>238125</xdr:colOff>
                    <xdr:row>183</xdr:row>
                    <xdr:rowOff>238125</xdr:rowOff>
                  </to>
                </anchor>
              </controlPr>
            </control>
          </mc:Choice>
        </mc:AlternateContent>
        <mc:AlternateContent xmlns:mc="http://schemas.openxmlformats.org/markup-compatibility/2006">
          <mc:Choice Requires="x14">
            <control shapeId="3246" r:id="rId177" name="Check Box 174">
              <controlPr defaultSize="0" autoFill="0" autoLine="0" autoPict="0">
                <anchor moveWithCells="1">
                  <from>
                    <xdr:col>4</xdr:col>
                    <xdr:colOff>38100</xdr:colOff>
                    <xdr:row>184</xdr:row>
                    <xdr:rowOff>0</xdr:rowOff>
                  </from>
                  <to>
                    <xdr:col>4</xdr:col>
                    <xdr:colOff>238125</xdr:colOff>
                    <xdr:row>184</xdr:row>
                    <xdr:rowOff>238125</xdr:rowOff>
                  </to>
                </anchor>
              </controlPr>
            </control>
          </mc:Choice>
        </mc:AlternateContent>
        <mc:AlternateContent xmlns:mc="http://schemas.openxmlformats.org/markup-compatibility/2006">
          <mc:Choice Requires="x14">
            <control shapeId="3247" r:id="rId178" name="Check Box 175">
              <controlPr defaultSize="0" autoFill="0" autoLine="0" autoPict="0">
                <anchor moveWithCells="1">
                  <from>
                    <xdr:col>4</xdr:col>
                    <xdr:colOff>38100</xdr:colOff>
                    <xdr:row>185</xdr:row>
                    <xdr:rowOff>0</xdr:rowOff>
                  </from>
                  <to>
                    <xdr:col>4</xdr:col>
                    <xdr:colOff>238125</xdr:colOff>
                    <xdr:row>185</xdr:row>
                    <xdr:rowOff>238125</xdr:rowOff>
                  </to>
                </anchor>
              </controlPr>
            </control>
          </mc:Choice>
        </mc:AlternateContent>
        <mc:AlternateContent xmlns:mc="http://schemas.openxmlformats.org/markup-compatibility/2006">
          <mc:Choice Requires="x14">
            <control shapeId="3248" r:id="rId179" name="Check Box 176">
              <controlPr defaultSize="0" autoFill="0" autoLine="0" autoPict="0">
                <anchor moveWithCells="1">
                  <from>
                    <xdr:col>4</xdr:col>
                    <xdr:colOff>38100</xdr:colOff>
                    <xdr:row>186</xdr:row>
                    <xdr:rowOff>0</xdr:rowOff>
                  </from>
                  <to>
                    <xdr:col>4</xdr:col>
                    <xdr:colOff>238125</xdr:colOff>
                    <xdr:row>186</xdr:row>
                    <xdr:rowOff>238125</xdr:rowOff>
                  </to>
                </anchor>
              </controlPr>
            </control>
          </mc:Choice>
        </mc:AlternateContent>
        <mc:AlternateContent xmlns:mc="http://schemas.openxmlformats.org/markup-compatibility/2006">
          <mc:Choice Requires="x14">
            <control shapeId="3249" r:id="rId180" name="Check Box 177">
              <controlPr defaultSize="0" autoFill="0" autoLine="0" autoPict="0">
                <anchor moveWithCells="1">
                  <from>
                    <xdr:col>4</xdr:col>
                    <xdr:colOff>38100</xdr:colOff>
                    <xdr:row>187</xdr:row>
                    <xdr:rowOff>0</xdr:rowOff>
                  </from>
                  <to>
                    <xdr:col>4</xdr:col>
                    <xdr:colOff>238125</xdr:colOff>
                    <xdr:row>187</xdr:row>
                    <xdr:rowOff>238125</xdr:rowOff>
                  </to>
                </anchor>
              </controlPr>
            </control>
          </mc:Choice>
        </mc:AlternateContent>
        <mc:AlternateContent xmlns:mc="http://schemas.openxmlformats.org/markup-compatibility/2006">
          <mc:Choice Requires="x14">
            <control shapeId="3250" r:id="rId181" name="Check Box 178">
              <controlPr defaultSize="0" autoFill="0" autoLine="0" autoPict="0">
                <anchor moveWithCells="1">
                  <from>
                    <xdr:col>4</xdr:col>
                    <xdr:colOff>47625</xdr:colOff>
                    <xdr:row>189</xdr:row>
                    <xdr:rowOff>114300</xdr:rowOff>
                  </from>
                  <to>
                    <xdr:col>4</xdr:col>
                    <xdr:colOff>247650</xdr:colOff>
                    <xdr:row>189</xdr:row>
                    <xdr:rowOff>352425</xdr:rowOff>
                  </to>
                </anchor>
              </controlPr>
            </control>
          </mc:Choice>
        </mc:AlternateContent>
        <mc:AlternateContent xmlns:mc="http://schemas.openxmlformats.org/markup-compatibility/2006">
          <mc:Choice Requires="x14">
            <control shapeId="3251" r:id="rId182" name="Check Box 179">
              <controlPr defaultSize="0" autoFill="0" autoLine="0" autoPict="0">
                <anchor moveWithCells="1">
                  <from>
                    <xdr:col>4</xdr:col>
                    <xdr:colOff>66675</xdr:colOff>
                    <xdr:row>190</xdr:row>
                    <xdr:rowOff>133350</xdr:rowOff>
                  </from>
                  <to>
                    <xdr:col>4</xdr:col>
                    <xdr:colOff>266700</xdr:colOff>
                    <xdr:row>190</xdr:row>
                    <xdr:rowOff>371475</xdr:rowOff>
                  </to>
                </anchor>
              </controlPr>
            </control>
          </mc:Choice>
        </mc:AlternateContent>
        <mc:AlternateContent xmlns:mc="http://schemas.openxmlformats.org/markup-compatibility/2006">
          <mc:Choice Requires="x14">
            <control shapeId="3252" r:id="rId183" name="Check Box 180">
              <controlPr defaultSize="0" autoFill="0" autoLine="0" autoPict="0">
                <anchor moveWithCells="1">
                  <from>
                    <xdr:col>4</xdr:col>
                    <xdr:colOff>47625</xdr:colOff>
                    <xdr:row>191</xdr:row>
                    <xdr:rowOff>95250</xdr:rowOff>
                  </from>
                  <to>
                    <xdr:col>4</xdr:col>
                    <xdr:colOff>247650</xdr:colOff>
                    <xdr:row>191</xdr:row>
                    <xdr:rowOff>333375</xdr:rowOff>
                  </to>
                </anchor>
              </controlPr>
            </control>
          </mc:Choice>
        </mc:AlternateContent>
        <mc:AlternateContent xmlns:mc="http://schemas.openxmlformats.org/markup-compatibility/2006">
          <mc:Choice Requires="x14">
            <control shapeId="3253" r:id="rId184" name="Check Box 181">
              <controlPr defaultSize="0" autoFill="0" autoLine="0" autoPict="0">
                <anchor moveWithCells="1">
                  <from>
                    <xdr:col>4</xdr:col>
                    <xdr:colOff>47625</xdr:colOff>
                    <xdr:row>194</xdr:row>
                    <xdr:rowOff>466725</xdr:rowOff>
                  </from>
                  <to>
                    <xdr:col>4</xdr:col>
                    <xdr:colOff>247650</xdr:colOff>
                    <xdr:row>194</xdr:row>
                    <xdr:rowOff>704850</xdr:rowOff>
                  </to>
                </anchor>
              </controlPr>
            </control>
          </mc:Choice>
        </mc:AlternateContent>
        <mc:AlternateContent xmlns:mc="http://schemas.openxmlformats.org/markup-compatibility/2006">
          <mc:Choice Requires="x14">
            <control shapeId="3254" r:id="rId185" name="Check Box 182">
              <controlPr defaultSize="0" autoFill="0" autoLine="0" autoPict="0">
                <anchor moveWithCells="1">
                  <from>
                    <xdr:col>4</xdr:col>
                    <xdr:colOff>57150</xdr:colOff>
                    <xdr:row>197</xdr:row>
                    <xdr:rowOff>76200</xdr:rowOff>
                  </from>
                  <to>
                    <xdr:col>4</xdr:col>
                    <xdr:colOff>257175</xdr:colOff>
                    <xdr:row>197</xdr:row>
                    <xdr:rowOff>314325</xdr:rowOff>
                  </to>
                </anchor>
              </controlPr>
            </control>
          </mc:Choice>
        </mc:AlternateContent>
        <mc:AlternateContent xmlns:mc="http://schemas.openxmlformats.org/markup-compatibility/2006">
          <mc:Choice Requires="x14">
            <control shapeId="3255" r:id="rId186" name="Check Box 183">
              <controlPr defaultSize="0" autoFill="0" autoLine="0" autoPict="0">
                <anchor moveWithCells="1">
                  <from>
                    <xdr:col>4</xdr:col>
                    <xdr:colOff>47625</xdr:colOff>
                    <xdr:row>198</xdr:row>
                    <xdr:rowOff>104775</xdr:rowOff>
                  </from>
                  <to>
                    <xdr:col>4</xdr:col>
                    <xdr:colOff>247650</xdr:colOff>
                    <xdr:row>198</xdr:row>
                    <xdr:rowOff>342900</xdr:rowOff>
                  </to>
                </anchor>
              </controlPr>
            </control>
          </mc:Choice>
        </mc:AlternateContent>
        <mc:AlternateContent xmlns:mc="http://schemas.openxmlformats.org/markup-compatibility/2006">
          <mc:Choice Requires="x14">
            <control shapeId="3256" r:id="rId187" name="Check Box 184">
              <controlPr defaultSize="0" autoFill="0" autoLine="0" autoPict="0">
                <anchor moveWithCells="1">
                  <from>
                    <xdr:col>4</xdr:col>
                    <xdr:colOff>38100</xdr:colOff>
                    <xdr:row>199</xdr:row>
                    <xdr:rowOff>0</xdr:rowOff>
                  </from>
                  <to>
                    <xdr:col>4</xdr:col>
                    <xdr:colOff>238125</xdr:colOff>
                    <xdr:row>199</xdr:row>
                    <xdr:rowOff>238125</xdr:rowOff>
                  </to>
                </anchor>
              </controlPr>
            </control>
          </mc:Choice>
        </mc:AlternateContent>
        <mc:AlternateContent xmlns:mc="http://schemas.openxmlformats.org/markup-compatibility/2006">
          <mc:Choice Requires="x14">
            <control shapeId="3257" r:id="rId188" name="Check Box 185">
              <controlPr defaultSize="0" autoFill="0" autoLine="0" autoPict="0">
                <anchor moveWithCells="1">
                  <from>
                    <xdr:col>4</xdr:col>
                    <xdr:colOff>38100</xdr:colOff>
                    <xdr:row>200</xdr:row>
                    <xdr:rowOff>0</xdr:rowOff>
                  </from>
                  <to>
                    <xdr:col>4</xdr:col>
                    <xdr:colOff>238125</xdr:colOff>
                    <xdr:row>200</xdr:row>
                    <xdr:rowOff>238125</xdr:rowOff>
                  </to>
                </anchor>
              </controlPr>
            </control>
          </mc:Choice>
        </mc:AlternateContent>
        <mc:AlternateContent xmlns:mc="http://schemas.openxmlformats.org/markup-compatibility/2006">
          <mc:Choice Requires="x14">
            <control shapeId="3258" r:id="rId189" name="Check Box 186">
              <controlPr defaultSize="0" autoFill="0" autoLine="0" autoPict="0">
                <anchor moveWithCells="1">
                  <from>
                    <xdr:col>4</xdr:col>
                    <xdr:colOff>38100</xdr:colOff>
                    <xdr:row>201</xdr:row>
                    <xdr:rowOff>0</xdr:rowOff>
                  </from>
                  <to>
                    <xdr:col>4</xdr:col>
                    <xdr:colOff>238125</xdr:colOff>
                    <xdr:row>201</xdr:row>
                    <xdr:rowOff>238125</xdr:rowOff>
                  </to>
                </anchor>
              </controlPr>
            </control>
          </mc:Choice>
        </mc:AlternateContent>
        <mc:AlternateContent xmlns:mc="http://schemas.openxmlformats.org/markup-compatibility/2006">
          <mc:Choice Requires="x14">
            <control shapeId="3259" r:id="rId190" name="Check Box 187">
              <controlPr defaultSize="0" autoFill="0" autoLine="0" autoPict="0">
                <anchor moveWithCells="1">
                  <from>
                    <xdr:col>4</xdr:col>
                    <xdr:colOff>38100</xdr:colOff>
                    <xdr:row>202</xdr:row>
                    <xdr:rowOff>114300</xdr:rowOff>
                  </from>
                  <to>
                    <xdr:col>4</xdr:col>
                    <xdr:colOff>238125</xdr:colOff>
                    <xdr:row>202</xdr:row>
                    <xdr:rowOff>352425</xdr:rowOff>
                  </to>
                </anchor>
              </controlPr>
            </control>
          </mc:Choice>
        </mc:AlternateContent>
        <mc:AlternateContent xmlns:mc="http://schemas.openxmlformats.org/markup-compatibility/2006">
          <mc:Choice Requires="x14">
            <control shapeId="3260" r:id="rId191" name="Check Box 188">
              <controlPr defaultSize="0" autoFill="0" autoLine="0" autoPict="0">
                <anchor moveWithCells="1">
                  <from>
                    <xdr:col>4</xdr:col>
                    <xdr:colOff>57150</xdr:colOff>
                    <xdr:row>203</xdr:row>
                    <xdr:rowOff>114300</xdr:rowOff>
                  </from>
                  <to>
                    <xdr:col>4</xdr:col>
                    <xdr:colOff>257175</xdr:colOff>
                    <xdr:row>203</xdr:row>
                    <xdr:rowOff>352425</xdr:rowOff>
                  </to>
                </anchor>
              </controlPr>
            </control>
          </mc:Choice>
        </mc:AlternateContent>
        <mc:AlternateContent xmlns:mc="http://schemas.openxmlformats.org/markup-compatibility/2006">
          <mc:Choice Requires="x14">
            <control shapeId="3261" r:id="rId192" name="Check Box 189">
              <controlPr defaultSize="0" autoFill="0" autoLine="0" autoPict="0">
                <anchor moveWithCells="1">
                  <from>
                    <xdr:col>4</xdr:col>
                    <xdr:colOff>57150</xdr:colOff>
                    <xdr:row>206</xdr:row>
                    <xdr:rowOff>504825</xdr:rowOff>
                  </from>
                  <to>
                    <xdr:col>4</xdr:col>
                    <xdr:colOff>257175</xdr:colOff>
                    <xdr:row>206</xdr:row>
                    <xdr:rowOff>742950</xdr:rowOff>
                  </to>
                </anchor>
              </controlPr>
            </control>
          </mc:Choice>
        </mc:AlternateContent>
        <mc:AlternateContent xmlns:mc="http://schemas.openxmlformats.org/markup-compatibility/2006">
          <mc:Choice Requires="x14">
            <control shapeId="3262" r:id="rId193" name="Check Box 190">
              <controlPr defaultSize="0" autoFill="0" autoLine="0" autoPict="0">
                <anchor moveWithCells="1">
                  <from>
                    <xdr:col>4</xdr:col>
                    <xdr:colOff>38100</xdr:colOff>
                    <xdr:row>209</xdr:row>
                    <xdr:rowOff>0</xdr:rowOff>
                  </from>
                  <to>
                    <xdr:col>4</xdr:col>
                    <xdr:colOff>238125</xdr:colOff>
                    <xdr:row>209</xdr:row>
                    <xdr:rowOff>238125</xdr:rowOff>
                  </to>
                </anchor>
              </controlPr>
            </control>
          </mc:Choice>
        </mc:AlternateContent>
        <mc:AlternateContent xmlns:mc="http://schemas.openxmlformats.org/markup-compatibility/2006">
          <mc:Choice Requires="x14">
            <control shapeId="3263" r:id="rId194" name="Check Box 191">
              <controlPr defaultSize="0" autoFill="0" autoLine="0" autoPict="0">
                <anchor moveWithCells="1">
                  <from>
                    <xdr:col>4</xdr:col>
                    <xdr:colOff>47625</xdr:colOff>
                    <xdr:row>210</xdr:row>
                    <xdr:rowOff>114300</xdr:rowOff>
                  </from>
                  <to>
                    <xdr:col>4</xdr:col>
                    <xdr:colOff>247650</xdr:colOff>
                    <xdr:row>210</xdr:row>
                    <xdr:rowOff>352425</xdr:rowOff>
                  </to>
                </anchor>
              </controlPr>
            </control>
          </mc:Choice>
        </mc:AlternateContent>
        <mc:AlternateContent xmlns:mc="http://schemas.openxmlformats.org/markup-compatibility/2006">
          <mc:Choice Requires="x14">
            <control shapeId="3264" r:id="rId195" name="Check Box 192">
              <controlPr defaultSize="0" autoFill="0" autoLine="0" autoPict="0">
                <anchor moveWithCells="1">
                  <from>
                    <xdr:col>4</xdr:col>
                    <xdr:colOff>38100</xdr:colOff>
                    <xdr:row>211</xdr:row>
                    <xdr:rowOff>0</xdr:rowOff>
                  </from>
                  <to>
                    <xdr:col>4</xdr:col>
                    <xdr:colOff>238125</xdr:colOff>
                    <xdr:row>211</xdr:row>
                    <xdr:rowOff>238125</xdr:rowOff>
                  </to>
                </anchor>
              </controlPr>
            </control>
          </mc:Choice>
        </mc:AlternateContent>
        <mc:AlternateContent xmlns:mc="http://schemas.openxmlformats.org/markup-compatibility/2006">
          <mc:Choice Requires="x14">
            <control shapeId="3265" r:id="rId196" name="Check Box 193">
              <controlPr defaultSize="0" autoFill="0" autoLine="0" autoPict="0">
                <anchor moveWithCells="1">
                  <from>
                    <xdr:col>4</xdr:col>
                    <xdr:colOff>38100</xdr:colOff>
                    <xdr:row>212</xdr:row>
                    <xdr:rowOff>0</xdr:rowOff>
                  </from>
                  <to>
                    <xdr:col>4</xdr:col>
                    <xdr:colOff>238125</xdr:colOff>
                    <xdr:row>212</xdr:row>
                    <xdr:rowOff>238125</xdr:rowOff>
                  </to>
                </anchor>
              </controlPr>
            </control>
          </mc:Choice>
        </mc:AlternateContent>
        <mc:AlternateContent xmlns:mc="http://schemas.openxmlformats.org/markup-compatibility/2006">
          <mc:Choice Requires="x14">
            <control shapeId="3266" r:id="rId197" name="Check Box 194">
              <controlPr defaultSize="0" autoFill="0" autoLine="0" autoPict="0">
                <anchor moveWithCells="1">
                  <from>
                    <xdr:col>4</xdr:col>
                    <xdr:colOff>38100</xdr:colOff>
                    <xdr:row>213</xdr:row>
                    <xdr:rowOff>114300</xdr:rowOff>
                  </from>
                  <to>
                    <xdr:col>4</xdr:col>
                    <xdr:colOff>238125</xdr:colOff>
                    <xdr:row>213</xdr:row>
                    <xdr:rowOff>352425</xdr:rowOff>
                  </to>
                </anchor>
              </controlPr>
            </control>
          </mc:Choice>
        </mc:AlternateContent>
        <mc:AlternateContent xmlns:mc="http://schemas.openxmlformats.org/markup-compatibility/2006">
          <mc:Choice Requires="x14">
            <control shapeId="3267" r:id="rId198" name="Check Box 195">
              <controlPr defaultSize="0" autoFill="0" autoLine="0" autoPict="0">
                <anchor moveWithCells="1">
                  <from>
                    <xdr:col>4</xdr:col>
                    <xdr:colOff>38100</xdr:colOff>
                    <xdr:row>214</xdr:row>
                    <xdr:rowOff>104775</xdr:rowOff>
                  </from>
                  <to>
                    <xdr:col>4</xdr:col>
                    <xdr:colOff>238125</xdr:colOff>
                    <xdr:row>214</xdr:row>
                    <xdr:rowOff>342900</xdr:rowOff>
                  </to>
                </anchor>
              </controlPr>
            </control>
          </mc:Choice>
        </mc:AlternateContent>
        <mc:AlternateContent xmlns:mc="http://schemas.openxmlformats.org/markup-compatibility/2006">
          <mc:Choice Requires="x14">
            <control shapeId="3268" r:id="rId199" name="Check Box 196">
              <controlPr defaultSize="0" autoFill="0" autoLine="0" autoPict="0">
                <anchor moveWithCells="1">
                  <from>
                    <xdr:col>1</xdr:col>
                    <xdr:colOff>19050</xdr:colOff>
                    <xdr:row>5</xdr:row>
                    <xdr:rowOff>266700</xdr:rowOff>
                  </from>
                  <to>
                    <xdr:col>1</xdr:col>
                    <xdr:colOff>219075</xdr:colOff>
                    <xdr:row>6</xdr:row>
                    <xdr:rowOff>209550</xdr:rowOff>
                  </to>
                </anchor>
              </controlPr>
            </control>
          </mc:Choice>
        </mc:AlternateContent>
        <mc:AlternateContent xmlns:mc="http://schemas.openxmlformats.org/markup-compatibility/2006">
          <mc:Choice Requires="x14">
            <control shapeId="3269" r:id="rId200" name="Check Box 197">
              <controlPr defaultSize="0" autoFill="0" autoLine="0" autoPict="0">
                <anchor moveWithCells="1">
                  <from>
                    <xdr:col>1</xdr:col>
                    <xdr:colOff>9525</xdr:colOff>
                    <xdr:row>7</xdr:row>
                    <xdr:rowOff>609600</xdr:rowOff>
                  </from>
                  <to>
                    <xdr:col>1</xdr:col>
                    <xdr:colOff>209550</xdr:colOff>
                    <xdr:row>8</xdr:row>
                    <xdr:rowOff>219075</xdr:rowOff>
                  </to>
                </anchor>
              </controlPr>
            </control>
          </mc:Choice>
        </mc:AlternateContent>
        <mc:AlternateContent xmlns:mc="http://schemas.openxmlformats.org/markup-compatibility/2006">
          <mc:Choice Requires="x14">
            <control shapeId="3270" r:id="rId201" name="Check Box 198">
              <controlPr defaultSize="0" autoFill="0" autoLine="0" autoPict="0">
                <anchor moveWithCells="1">
                  <from>
                    <xdr:col>1</xdr:col>
                    <xdr:colOff>19050</xdr:colOff>
                    <xdr:row>10</xdr:row>
                    <xdr:rowOff>571500</xdr:rowOff>
                  </from>
                  <to>
                    <xdr:col>1</xdr:col>
                    <xdr:colOff>219075</xdr:colOff>
                    <xdr:row>11</xdr:row>
                    <xdr:rowOff>219075</xdr:rowOff>
                  </to>
                </anchor>
              </controlPr>
            </control>
          </mc:Choice>
        </mc:AlternateContent>
        <mc:AlternateContent xmlns:mc="http://schemas.openxmlformats.org/markup-compatibility/2006">
          <mc:Choice Requires="x14">
            <control shapeId="3271" r:id="rId202" name="Check Box 199">
              <controlPr defaultSize="0" autoFill="0" autoLine="0" autoPict="0">
                <anchor moveWithCells="1">
                  <from>
                    <xdr:col>1</xdr:col>
                    <xdr:colOff>9525</xdr:colOff>
                    <xdr:row>12</xdr:row>
                    <xdr:rowOff>771525</xdr:rowOff>
                  </from>
                  <to>
                    <xdr:col>1</xdr:col>
                    <xdr:colOff>209550</xdr:colOff>
                    <xdr:row>13</xdr:row>
                    <xdr:rowOff>209550</xdr:rowOff>
                  </to>
                </anchor>
              </controlPr>
            </control>
          </mc:Choice>
        </mc:AlternateContent>
        <mc:AlternateContent xmlns:mc="http://schemas.openxmlformats.org/markup-compatibility/2006">
          <mc:Choice Requires="x14">
            <control shapeId="3272" r:id="rId203" name="Check Box 200">
              <controlPr defaultSize="0" autoFill="0" autoLine="0" autoPict="0">
                <anchor moveWithCells="1">
                  <from>
                    <xdr:col>1</xdr:col>
                    <xdr:colOff>28575</xdr:colOff>
                    <xdr:row>13</xdr:row>
                    <xdr:rowOff>838200</xdr:rowOff>
                  </from>
                  <to>
                    <xdr:col>1</xdr:col>
                    <xdr:colOff>228600</xdr:colOff>
                    <xdr:row>14</xdr:row>
                    <xdr:rowOff>209550</xdr:rowOff>
                  </to>
                </anchor>
              </controlPr>
            </control>
          </mc:Choice>
        </mc:AlternateContent>
        <mc:AlternateContent xmlns:mc="http://schemas.openxmlformats.org/markup-compatibility/2006">
          <mc:Choice Requires="x14">
            <control shapeId="3273" r:id="rId204" name="Check Box 201">
              <controlPr defaultSize="0" autoFill="0" autoLine="0" autoPict="0">
                <anchor moveWithCells="1">
                  <from>
                    <xdr:col>1</xdr:col>
                    <xdr:colOff>9525</xdr:colOff>
                    <xdr:row>19</xdr:row>
                    <xdr:rowOff>247650</xdr:rowOff>
                  </from>
                  <to>
                    <xdr:col>1</xdr:col>
                    <xdr:colOff>209550</xdr:colOff>
                    <xdr:row>20</xdr:row>
                    <xdr:rowOff>209550</xdr:rowOff>
                  </to>
                </anchor>
              </controlPr>
            </control>
          </mc:Choice>
        </mc:AlternateContent>
        <mc:AlternateContent xmlns:mc="http://schemas.openxmlformats.org/markup-compatibility/2006">
          <mc:Choice Requires="x14">
            <control shapeId="3274" r:id="rId205" name="Check Box 202">
              <controlPr defaultSize="0" autoFill="0" autoLine="0" autoPict="0">
                <anchor moveWithCells="1">
                  <from>
                    <xdr:col>1</xdr:col>
                    <xdr:colOff>19050</xdr:colOff>
                    <xdr:row>23</xdr:row>
                    <xdr:rowOff>600075</xdr:rowOff>
                  </from>
                  <to>
                    <xdr:col>1</xdr:col>
                    <xdr:colOff>219075</xdr:colOff>
                    <xdr:row>25</xdr:row>
                    <xdr:rowOff>19050</xdr:rowOff>
                  </to>
                </anchor>
              </controlPr>
            </control>
          </mc:Choice>
        </mc:AlternateContent>
        <mc:AlternateContent xmlns:mc="http://schemas.openxmlformats.org/markup-compatibility/2006">
          <mc:Choice Requires="x14">
            <control shapeId="3275" r:id="rId206" name="Check Box 203">
              <controlPr defaultSize="0" autoFill="0" autoLine="0" autoPict="0">
                <anchor moveWithCells="1">
                  <from>
                    <xdr:col>1</xdr:col>
                    <xdr:colOff>38100</xdr:colOff>
                    <xdr:row>26</xdr:row>
                    <xdr:rowOff>247650</xdr:rowOff>
                  </from>
                  <to>
                    <xdr:col>1</xdr:col>
                    <xdr:colOff>238125</xdr:colOff>
                    <xdr:row>27</xdr:row>
                    <xdr:rowOff>209550</xdr:rowOff>
                  </to>
                </anchor>
              </controlPr>
            </control>
          </mc:Choice>
        </mc:AlternateContent>
        <mc:AlternateContent xmlns:mc="http://schemas.openxmlformats.org/markup-compatibility/2006">
          <mc:Choice Requires="x14">
            <control shapeId="3276" r:id="rId207" name="Check Box 204">
              <controlPr defaultSize="0" autoFill="0" autoLine="0" autoPict="0">
                <anchor moveWithCells="1">
                  <from>
                    <xdr:col>1</xdr:col>
                    <xdr:colOff>28575</xdr:colOff>
                    <xdr:row>27</xdr:row>
                    <xdr:rowOff>828675</xdr:rowOff>
                  </from>
                  <to>
                    <xdr:col>1</xdr:col>
                    <xdr:colOff>228600</xdr:colOff>
                    <xdr:row>28</xdr:row>
                    <xdr:rowOff>209550</xdr:rowOff>
                  </to>
                </anchor>
              </controlPr>
            </control>
          </mc:Choice>
        </mc:AlternateContent>
        <mc:AlternateContent xmlns:mc="http://schemas.openxmlformats.org/markup-compatibility/2006">
          <mc:Choice Requires="x14">
            <control shapeId="3277" r:id="rId208" name="Check Box 205">
              <controlPr defaultSize="0" autoFill="0" autoLine="0" autoPict="0">
                <anchor moveWithCells="1">
                  <from>
                    <xdr:col>1</xdr:col>
                    <xdr:colOff>19050</xdr:colOff>
                    <xdr:row>29</xdr:row>
                    <xdr:rowOff>247650</xdr:rowOff>
                  </from>
                  <to>
                    <xdr:col>1</xdr:col>
                    <xdr:colOff>219075</xdr:colOff>
                    <xdr:row>30</xdr:row>
                    <xdr:rowOff>209550</xdr:rowOff>
                  </to>
                </anchor>
              </controlPr>
            </control>
          </mc:Choice>
        </mc:AlternateContent>
        <mc:AlternateContent xmlns:mc="http://schemas.openxmlformats.org/markup-compatibility/2006">
          <mc:Choice Requires="x14">
            <control shapeId="3278" r:id="rId209" name="Check Box 206">
              <controlPr defaultSize="0" autoFill="0" autoLine="0" autoPict="0">
                <anchor moveWithCells="1">
                  <from>
                    <xdr:col>1</xdr:col>
                    <xdr:colOff>9525</xdr:colOff>
                    <xdr:row>36</xdr:row>
                    <xdr:rowOff>857250</xdr:rowOff>
                  </from>
                  <to>
                    <xdr:col>1</xdr:col>
                    <xdr:colOff>209550</xdr:colOff>
                    <xdr:row>37</xdr:row>
                    <xdr:rowOff>209550</xdr:rowOff>
                  </to>
                </anchor>
              </controlPr>
            </control>
          </mc:Choice>
        </mc:AlternateContent>
        <mc:AlternateContent xmlns:mc="http://schemas.openxmlformats.org/markup-compatibility/2006">
          <mc:Choice Requires="x14">
            <control shapeId="3279" r:id="rId210" name="Check Box 207">
              <controlPr defaultSize="0" autoFill="0" autoLine="0" autoPict="0">
                <anchor moveWithCells="1">
                  <from>
                    <xdr:col>1</xdr:col>
                    <xdr:colOff>0</xdr:colOff>
                    <xdr:row>40</xdr:row>
                    <xdr:rowOff>238125</xdr:rowOff>
                  </from>
                  <to>
                    <xdr:col>1</xdr:col>
                    <xdr:colOff>200025</xdr:colOff>
                    <xdr:row>41</xdr:row>
                    <xdr:rowOff>200025</xdr:rowOff>
                  </to>
                </anchor>
              </controlPr>
            </control>
          </mc:Choice>
        </mc:AlternateContent>
        <mc:AlternateContent xmlns:mc="http://schemas.openxmlformats.org/markup-compatibility/2006">
          <mc:Choice Requires="x14">
            <control shapeId="3280" r:id="rId211" name="Check Box 208">
              <controlPr defaultSize="0" autoFill="0" autoLine="0" autoPict="0">
                <anchor moveWithCells="1">
                  <from>
                    <xdr:col>1</xdr:col>
                    <xdr:colOff>19050</xdr:colOff>
                    <xdr:row>47</xdr:row>
                    <xdr:rowOff>619125</xdr:rowOff>
                  </from>
                  <to>
                    <xdr:col>1</xdr:col>
                    <xdr:colOff>219075</xdr:colOff>
                    <xdr:row>48</xdr:row>
                    <xdr:rowOff>209550</xdr:rowOff>
                  </to>
                </anchor>
              </controlPr>
            </control>
          </mc:Choice>
        </mc:AlternateContent>
        <mc:AlternateContent xmlns:mc="http://schemas.openxmlformats.org/markup-compatibility/2006">
          <mc:Choice Requires="x14">
            <control shapeId="3281" r:id="rId212" name="Check Box 209">
              <controlPr defaultSize="0" autoFill="0" autoLine="0" autoPict="0">
                <anchor moveWithCells="1">
                  <from>
                    <xdr:col>1</xdr:col>
                    <xdr:colOff>28575</xdr:colOff>
                    <xdr:row>54</xdr:row>
                    <xdr:rowOff>600075</xdr:rowOff>
                  </from>
                  <to>
                    <xdr:col>1</xdr:col>
                    <xdr:colOff>228600</xdr:colOff>
                    <xdr:row>55</xdr:row>
                    <xdr:rowOff>219075</xdr:rowOff>
                  </to>
                </anchor>
              </controlPr>
            </control>
          </mc:Choice>
        </mc:AlternateContent>
        <mc:AlternateContent xmlns:mc="http://schemas.openxmlformats.org/markup-compatibility/2006">
          <mc:Choice Requires="x14">
            <control shapeId="3282" r:id="rId213" name="Check Box 210">
              <controlPr defaultSize="0" autoFill="0" autoLine="0" autoPict="0">
                <anchor moveWithCells="1">
                  <from>
                    <xdr:col>1</xdr:col>
                    <xdr:colOff>0</xdr:colOff>
                    <xdr:row>68</xdr:row>
                    <xdr:rowOff>257175</xdr:rowOff>
                  </from>
                  <to>
                    <xdr:col>1</xdr:col>
                    <xdr:colOff>200025</xdr:colOff>
                    <xdr:row>69</xdr:row>
                    <xdr:rowOff>219075</xdr:rowOff>
                  </to>
                </anchor>
              </controlPr>
            </control>
          </mc:Choice>
        </mc:AlternateContent>
        <mc:AlternateContent xmlns:mc="http://schemas.openxmlformats.org/markup-compatibility/2006">
          <mc:Choice Requires="x14">
            <control shapeId="3283" r:id="rId214" name="Check Box 211">
              <controlPr defaultSize="0" autoFill="0" autoLine="0" autoPict="0">
                <anchor moveWithCells="1">
                  <from>
                    <xdr:col>1</xdr:col>
                    <xdr:colOff>0</xdr:colOff>
                    <xdr:row>82</xdr:row>
                    <xdr:rowOff>247650</xdr:rowOff>
                  </from>
                  <to>
                    <xdr:col>1</xdr:col>
                    <xdr:colOff>200025</xdr:colOff>
                    <xdr:row>83</xdr:row>
                    <xdr:rowOff>209550</xdr:rowOff>
                  </to>
                </anchor>
              </controlPr>
            </control>
          </mc:Choice>
        </mc:AlternateContent>
        <mc:AlternateContent xmlns:mc="http://schemas.openxmlformats.org/markup-compatibility/2006">
          <mc:Choice Requires="x14">
            <control shapeId="3284" r:id="rId215" name="Check Box 212">
              <controlPr defaultSize="0" autoFill="0" autoLine="0" autoPict="0">
                <anchor moveWithCells="1">
                  <from>
                    <xdr:col>1</xdr:col>
                    <xdr:colOff>0</xdr:colOff>
                    <xdr:row>84</xdr:row>
                    <xdr:rowOff>609600</xdr:rowOff>
                  </from>
                  <to>
                    <xdr:col>1</xdr:col>
                    <xdr:colOff>200025</xdr:colOff>
                    <xdr:row>85</xdr:row>
                    <xdr:rowOff>209550</xdr:rowOff>
                  </to>
                </anchor>
              </controlPr>
            </control>
          </mc:Choice>
        </mc:AlternateContent>
        <mc:AlternateContent xmlns:mc="http://schemas.openxmlformats.org/markup-compatibility/2006">
          <mc:Choice Requires="x14">
            <control shapeId="3285" r:id="rId216" name="Check Box 213">
              <controlPr defaultSize="0" autoFill="0" autoLine="0" autoPict="0">
                <anchor moveWithCells="1">
                  <from>
                    <xdr:col>1</xdr:col>
                    <xdr:colOff>9525</xdr:colOff>
                    <xdr:row>89</xdr:row>
                    <xdr:rowOff>1114425</xdr:rowOff>
                  </from>
                  <to>
                    <xdr:col>1</xdr:col>
                    <xdr:colOff>209550</xdr:colOff>
                    <xdr:row>90</xdr:row>
                    <xdr:rowOff>209550</xdr:rowOff>
                  </to>
                </anchor>
              </controlPr>
            </control>
          </mc:Choice>
        </mc:AlternateContent>
        <mc:AlternateContent xmlns:mc="http://schemas.openxmlformats.org/markup-compatibility/2006">
          <mc:Choice Requires="x14">
            <control shapeId="3286" r:id="rId217" name="Check Box 214">
              <controlPr defaultSize="0" autoFill="0" autoLine="0" autoPict="0">
                <anchor moveWithCells="1">
                  <from>
                    <xdr:col>1</xdr:col>
                    <xdr:colOff>19050</xdr:colOff>
                    <xdr:row>95</xdr:row>
                    <xdr:rowOff>590550</xdr:rowOff>
                  </from>
                  <to>
                    <xdr:col>1</xdr:col>
                    <xdr:colOff>219075</xdr:colOff>
                    <xdr:row>96</xdr:row>
                    <xdr:rowOff>219075</xdr:rowOff>
                  </to>
                </anchor>
              </controlPr>
            </control>
          </mc:Choice>
        </mc:AlternateContent>
        <mc:AlternateContent xmlns:mc="http://schemas.openxmlformats.org/markup-compatibility/2006">
          <mc:Choice Requires="x14">
            <control shapeId="3287" r:id="rId218" name="Check Box 215">
              <controlPr defaultSize="0" autoFill="0" autoLine="0" autoPict="0">
                <anchor moveWithCells="1">
                  <from>
                    <xdr:col>1</xdr:col>
                    <xdr:colOff>9525</xdr:colOff>
                    <xdr:row>98</xdr:row>
                    <xdr:rowOff>257175</xdr:rowOff>
                  </from>
                  <to>
                    <xdr:col>1</xdr:col>
                    <xdr:colOff>209550</xdr:colOff>
                    <xdr:row>99</xdr:row>
                    <xdr:rowOff>219075</xdr:rowOff>
                  </to>
                </anchor>
              </controlPr>
            </control>
          </mc:Choice>
        </mc:AlternateContent>
        <mc:AlternateContent xmlns:mc="http://schemas.openxmlformats.org/markup-compatibility/2006">
          <mc:Choice Requires="x14">
            <control shapeId="3288" r:id="rId219" name="Check Box 216">
              <controlPr defaultSize="0" autoFill="0" autoLine="0" autoPict="0">
                <anchor moveWithCells="1">
                  <from>
                    <xdr:col>1</xdr:col>
                    <xdr:colOff>9525</xdr:colOff>
                    <xdr:row>101</xdr:row>
                    <xdr:rowOff>1343025</xdr:rowOff>
                  </from>
                  <to>
                    <xdr:col>1</xdr:col>
                    <xdr:colOff>209550</xdr:colOff>
                    <xdr:row>102</xdr:row>
                    <xdr:rowOff>209550</xdr:rowOff>
                  </to>
                </anchor>
              </controlPr>
            </control>
          </mc:Choice>
        </mc:AlternateContent>
        <mc:AlternateContent xmlns:mc="http://schemas.openxmlformats.org/markup-compatibility/2006">
          <mc:Choice Requires="x14">
            <control shapeId="3289" r:id="rId220" name="Check Box 217">
              <controlPr defaultSize="0" autoFill="0" autoLine="0" autoPict="0">
                <anchor moveWithCells="1">
                  <from>
                    <xdr:col>1</xdr:col>
                    <xdr:colOff>19050</xdr:colOff>
                    <xdr:row>103</xdr:row>
                    <xdr:rowOff>419100</xdr:rowOff>
                  </from>
                  <to>
                    <xdr:col>1</xdr:col>
                    <xdr:colOff>219075</xdr:colOff>
                    <xdr:row>104</xdr:row>
                    <xdr:rowOff>200025</xdr:rowOff>
                  </to>
                </anchor>
              </controlPr>
            </control>
          </mc:Choice>
        </mc:AlternateContent>
        <mc:AlternateContent xmlns:mc="http://schemas.openxmlformats.org/markup-compatibility/2006">
          <mc:Choice Requires="x14">
            <control shapeId="3290" r:id="rId221" name="Check Box 218">
              <controlPr defaultSize="0" autoFill="0" autoLine="0" autoPict="0">
                <anchor moveWithCells="1">
                  <from>
                    <xdr:col>1</xdr:col>
                    <xdr:colOff>9525</xdr:colOff>
                    <xdr:row>107</xdr:row>
                    <xdr:rowOff>600075</xdr:rowOff>
                  </from>
                  <to>
                    <xdr:col>1</xdr:col>
                    <xdr:colOff>209550</xdr:colOff>
                    <xdr:row>108</xdr:row>
                    <xdr:rowOff>209550</xdr:rowOff>
                  </to>
                </anchor>
              </controlPr>
            </control>
          </mc:Choice>
        </mc:AlternateContent>
        <mc:AlternateContent xmlns:mc="http://schemas.openxmlformats.org/markup-compatibility/2006">
          <mc:Choice Requires="x14">
            <control shapeId="3291" r:id="rId222" name="Check Box 219">
              <controlPr defaultSize="0" autoFill="0" autoLine="0" autoPict="0">
                <anchor moveWithCells="1">
                  <from>
                    <xdr:col>1</xdr:col>
                    <xdr:colOff>9525</xdr:colOff>
                    <xdr:row>118</xdr:row>
                    <xdr:rowOff>590550</xdr:rowOff>
                  </from>
                  <to>
                    <xdr:col>1</xdr:col>
                    <xdr:colOff>209550</xdr:colOff>
                    <xdr:row>119</xdr:row>
                    <xdr:rowOff>219075</xdr:rowOff>
                  </to>
                </anchor>
              </controlPr>
            </control>
          </mc:Choice>
        </mc:AlternateContent>
        <mc:AlternateContent xmlns:mc="http://schemas.openxmlformats.org/markup-compatibility/2006">
          <mc:Choice Requires="x14">
            <control shapeId="3292" r:id="rId223" name="Check Box 220">
              <controlPr defaultSize="0" autoFill="0" autoLine="0" autoPict="0">
                <anchor moveWithCells="1">
                  <from>
                    <xdr:col>1</xdr:col>
                    <xdr:colOff>19050</xdr:colOff>
                    <xdr:row>127</xdr:row>
                    <xdr:rowOff>600075</xdr:rowOff>
                  </from>
                  <to>
                    <xdr:col>1</xdr:col>
                    <xdr:colOff>219075</xdr:colOff>
                    <xdr:row>128</xdr:row>
                    <xdr:rowOff>209550</xdr:rowOff>
                  </to>
                </anchor>
              </controlPr>
            </control>
          </mc:Choice>
        </mc:AlternateContent>
        <mc:AlternateContent xmlns:mc="http://schemas.openxmlformats.org/markup-compatibility/2006">
          <mc:Choice Requires="x14">
            <control shapeId="3293" r:id="rId224" name="Check Box 221">
              <controlPr defaultSize="0" autoFill="0" autoLine="0" autoPict="0">
                <anchor moveWithCells="1">
                  <from>
                    <xdr:col>1</xdr:col>
                    <xdr:colOff>19050</xdr:colOff>
                    <xdr:row>135</xdr:row>
                    <xdr:rowOff>257175</xdr:rowOff>
                  </from>
                  <to>
                    <xdr:col>1</xdr:col>
                    <xdr:colOff>219075</xdr:colOff>
                    <xdr:row>136</xdr:row>
                    <xdr:rowOff>219075</xdr:rowOff>
                  </to>
                </anchor>
              </controlPr>
            </control>
          </mc:Choice>
        </mc:AlternateContent>
        <mc:AlternateContent xmlns:mc="http://schemas.openxmlformats.org/markup-compatibility/2006">
          <mc:Choice Requires="x14">
            <control shapeId="3294" r:id="rId225" name="Check Box 222">
              <controlPr defaultSize="0" autoFill="0" autoLine="0" autoPict="0">
                <anchor moveWithCells="1">
                  <from>
                    <xdr:col>1</xdr:col>
                    <xdr:colOff>19050</xdr:colOff>
                    <xdr:row>146</xdr:row>
                    <xdr:rowOff>809625</xdr:rowOff>
                  </from>
                  <to>
                    <xdr:col>1</xdr:col>
                    <xdr:colOff>219075</xdr:colOff>
                    <xdr:row>147</xdr:row>
                    <xdr:rowOff>209550</xdr:rowOff>
                  </to>
                </anchor>
              </controlPr>
            </control>
          </mc:Choice>
        </mc:AlternateContent>
        <mc:AlternateContent xmlns:mc="http://schemas.openxmlformats.org/markup-compatibility/2006">
          <mc:Choice Requires="x14">
            <control shapeId="3295" r:id="rId226" name="Check Box 223">
              <controlPr defaultSize="0" autoFill="0" autoLine="0" autoPict="0">
                <anchor moveWithCells="1">
                  <from>
                    <xdr:col>1</xdr:col>
                    <xdr:colOff>19050</xdr:colOff>
                    <xdr:row>144</xdr:row>
                    <xdr:rowOff>800100</xdr:rowOff>
                  </from>
                  <to>
                    <xdr:col>1</xdr:col>
                    <xdr:colOff>219075</xdr:colOff>
                    <xdr:row>145</xdr:row>
                    <xdr:rowOff>219075</xdr:rowOff>
                  </to>
                </anchor>
              </controlPr>
            </control>
          </mc:Choice>
        </mc:AlternateContent>
        <mc:AlternateContent xmlns:mc="http://schemas.openxmlformats.org/markup-compatibility/2006">
          <mc:Choice Requires="x14">
            <control shapeId="3296" r:id="rId227" name="Check Box 224">
              <controlPr defaultSize="0" autoFill="0" autoLine="0" autoPict="0">
                <anchor moveWithCells="1">
                  <from>
                    <xdr:col>1</xdr:col>
                    <xdr:colOff>9525</xdr:colOff>
                    <xdr:row>148</xdr:row>
                    <xdr:rowOff>609600</xdr:rowOff>
                  </from>
                  <to>
                    <xdr:col>1</xdr:col>
                    <xdr:colOff>209550</xdr:colOff>
                    <xdr:row>149</xdr:row>
                    <xdr:rowOff>219075</xdr:rowOff>
                  </to>
                </anchor>
              </controlPr>
            </control>
          </mc:Choice>
        </mc:AlternateContent>
        <mc:AlternateContent xmlns:mc="http://schemas.openxmlformats.org/markup-compatibility/2006">
          <mc:Choice Requires="x14">
            <control shapeId="3297" r:id="rId228" name="Check Box 225">
              <controlPr defaultSize="0" autoFill="0" autoLine="0" autoPict="0">
                <anchor moveWithCells="1">
                  <from>
                    <xdr:col>1</xdr:col>
                    <xdr:colOff>9525</xdr:colOff>
                    <xdr:row>147</xdr:row>
                    <xdr:rowOff>1314450</xdr:rowOff>
                  </from>
                  <to>
                    <xdr:col>1</xdr:col>
                    <xdr:colOff>209550</xdr:colOff>
                    <xdr:row>148</xdr:row>
                    <xdr:rowOff>219075</xdr:rowOff>
                  </to>
                </anchor>
              </controlPr>
            </control>
          </mc:Choice>
        </mc:AlternateContent>
        <mc:AlternateContent xmlns:mc="http://schemas.openxmlformats.org/markup-compatibility/2006">
          <mc:Choice Requires="x14">
            <control shapeId="3298" r:id="rId229" name="Check Box 226">
              <controlPr defaultSize="0" autoFill="0" autoLine="0" autoPict="0">
                <anchor moveWithCells="1">
                  <from>
                    <xdr:col>1</xdr:col>
                    <xdr:colOff>9525</xdr:colOff>
                    <xdr:row>153</xdr:row>
                    <xdr:rowOff>257175</xdr:rowOff>
                  </from>
                  <to>
                    <xdr:col>1</xdr:col>
                    <xdr:colOff>209550</xdr:colOff>
                    <xdr:row>154</xdr:row>
                    <xdr:rowOff>219075</xdr:rowOff>
                  </to>
                </anchor>
              </controlPr>
            </control>
          </mc:Choice>
        </mc:AlternateContent>
        <mc:AlternateContent xmlns:mc="http://schemas.openxmlformats.org/markup-compatibility/2006">
          <mc:Choice Requires="x14">
            <control shapeId="3299" r:id="rId230" name="Check Box 227">
              <controlPr defaultSize="0" autoFill="0" autoLine="0" autoPict="0">
                <anchor moveWithCells="1">
                  <from>
                    <xdr:col>1</xdr:col>
                    <xdr:colOff>0</xdr:colOff>
                    <xdr:row>151</xdr:row>
                    <xdr:rowOff>257175</xdr:rowOff>
                  </from>
                  <to>
                    <xdr:col>1</xdr:col>
                    <xdr:colOff>200025</xdr:colOff>
                    <xdr:row>152</xdr:row>
                    <xdr:rowOff>219075</xdr:rowOff>
                  </to>
                </anchor>
              </controlPr>
            </control>
          </mc:Choice>
        </mc:AlternateContent>
        <mc:AlternateContent xmlns:mc="http://schemas.openxmlformats.org/markup-compatibility/2006">
          <mc:Choice Requires="x14">
            <control shapeId="3300" r:id="rId231" name="Check Box 228">
              <controlPr defaultSize="0" autoFill="0" autoLine="0" autoPict="0">
                <anchor moveWithCells="1">
                  <from>
                    <xdr:col>1</xdr:col>
                    <xdr:colOff>28575</xdr:colOff>
                    <xdr:row>156</xdr:row>
                    <xdr:rowOff>247650</xdr:rowOff>
                  </from>
                  <to>
                    <xdr:col>1</xdr:col>
                    <xdr:colOff>228600</xdr:colOff>
                    <xdr:row>157</xdr:row>
                    <xdr:rowOff>209550</xdr:rowOff>
                  </to>
                </anchor>
              </controlPr>
            </control>
          </mc:Choice>
        </mc:AlternateContent>
        <mc:AlternateContent xmlns:mc="http://schemas.openxmlformats.org/markup-compatibility/2006">
          <mc:Choice Requires="x14">
            <control shapeId="3301" r:id="rId232" name="Check Box 229">
              <controlPr defaultSize="0" autoFill="0" autoLine="0" autoPict="0">
                <anchor moveWithCells="1">
                  <from>
                    <xdr:col>1</xdr:col>
                    <xdr:colOff>28575</xdr:colOff>
                    <xdr:row>158</xdr:row>
                    <xdr:rowOff>257175</xdr:rowOff>
                  </from>
                  <to>
                    <xdr:col>1</xdr:col>
                    <xdr:colOff>228600</xdr:colOff>
                    <xdr:row>159</xdr:row>
                    <xdr:rowOff>219075</xdr:rowOff>
                  </to>
                </anchor>
              </controlPr>
            </control>
          </mc:Choice>
        </mc:AlternateContent>
        <mc:AlternateContent xmlns:mc="http://schemas.openxmlformats.org/markup-compatibility/2006">
          <mc:Choice Requires="x14">
            <control shapeId="3302" r:id="rId233" name="Check Box 230">
              <controlPr defaultSize="0" autoFill="0" autoLine="0" autoPict="0">
                <anchor moveWithCells="1">
                  <from>
                    <xdr:col>1</xdr:col>
                    <xdr:colOff>19050</xdr:colOff>
                    <xdr:row>160</xdr:row>
                    <xdr:rowOff>257175</xdr:rowOff>
                  </from>
                  <to>
                    <xdr:col>1</xdr:col>
                    <xdr:colOff>219075</xdr:colOff>
                    <xdr:row>161</xdr:row>
                    <xdr:rowOff>219075</xdr:rowOff>
                  </to>
                </anchor>
              </controlPr>
            </control>
          </mc:Choice>
        </mc:AlternateContent>
        <mc:AlternateContent xmlns:mc="http://schemas.openxmlformats.org/markup-compatibility/2006">
          <mc:Choice Requires="x14">
            <control shapeId="3303" r:id="rId234" name="Check Box 231">
              <controlPr defaultSize="0" autoFill="0" autoLine="0" autoPict="0">
                <anchor moveWithCells="1">
                  <from>
                    <xdr:col>1</xdr:col>
                    <xdr:colOff>19050</xdr:colOff>
                    <xdr:row>171</xdr:row>
                    <xdr:rowOff>438150</xdr:rowOff>
                  </from>
                  <to>
                    <xdr:col>1</xdr:col>
                    <xdr:colOff>219075</xdr:colOff>
                    <xdr:row>172</xdr:row>
                    <xdr:rowOff>219075</xdr:rowOff>
                  </to>
                </anchor>
              </controlPr>
            </control>
          </mc:Choice>
        </mc:AlternateContent>
        <mc:AlternateContent xmlns:mc="http://schemas.openxmlformats.org/markup-compatibility/2006">
          <mc:Choice Requires="x14">
            <control shapeId="3304" r:id="rId235" name="Check Box 232">
              <controlPr defaultSize="0" autoFill="0" autoLine="0" autoPict="0">
                <anchor moveWithCells="1">
                  <from>
                    <xdr:col>1</xdr:col>
                    <xdr:colOff>9525</xdr:colOff>
                    <xdr:row>181</xdr:row>
                    <xdr:rowOff>428625</xdr:rowOff>
                  </from>
                  <to>
                    <xdr:col>1</xdr:col>
                    <xdr:colOff>209550</xdr:colOff>
                    <xdr:row>182</xdr:row>
                    <xdr:rowOff>209550</xdr:rowOff>
                  </to>
                </anchor>
              </controlPr>
            </control>
          </mc:Choice>
        </mc:AlternateContent>
        <mc:AlternateContent xmlns:mc="http://schemas.openxmlformats.org/markup-compatibility/2006">
          <mc:Choice Requires="x14">
            <control shapeId="3305" r:id="rId236" name="Check Box 233">
              <controlPr defaultSize="0" autoFill="0" autoLine="0" autoPict="0">
                <anchor moveWithCells="1">
                  <from>
                    <xdr:col>1</xdr:col>
                    <xdr:colOff>9525</xdr:colOff>
                    <xdr:row>191</xdr:row>
                    <xdr:rowOff>438150</xdr:rowOff>
                  </from>
                  <to>
                    <xdr:col>1</xdr:col>
                    <xdr:colOff>209550</xdr:colOff>
                    <xdr:row>192</xdr:row>
                    <xdr:rowOff>219075</xdr:rowOff>
                  </to>
                </anchor>
              </controlPr>
            </control>
          </mc:Choice>
        </mc:AlternateContent>
        <mc:AlternateContent xmlns:mc="http://schemas.openxmlformats.org/markup-compatibility/2006">
          <mc:Choice Requires="x14">
            <control shapeId="3306" r:id="rId237" name="Check Box 234">
              <controlPr defaultSize="0" autoFill="0" autoLine="0" autoPict="0">
                <anchor moveWithCells="1">
                  <from>
                    <xdr:col>1</xdr:col>
                    <xdr:colOff>9525</xdr:colOff>
                    <xdr:row>203</xdr:row>
                    <xdr:rowOff>428625</xdr:rowOff>
                  </from>
                  <to>
                    <xdr:col>1</xdr:col>
                    <xdr:colOff>209550</xdr:colOff>
                    <xdr:row>204</xdr:row>
                    <xdr:rowOff>209550</xdr:rowOff>
                  </to>
                </anchor>
              </controlPr>
            </control>
          </mc:Choice>
        </mc:AlternateContent>
        <mc:AlternateContent xmlns:mc="http://schemas.openxmlformats.org/markup-compatibility/2006">
          <mc:Choice Requires="x14">
            <control shapeId="3307" r:id="rId238" name="Check Box 235">
              <controlPr defaultSize="0" autoFill="0" autoLine="0" autoPict="0">
                <anchor moveWithCells="1">
                  <from>
                    <xdr:col>4</xdr:col>
                    <xdr:colOff>57150</xdr:colOff>
                    <xdr:row>54</xdr:row>
                    <xdr:rowOff>200025</xdr:rowOff>
                  </from>
                  <to>
                    <xdr:col>4</xdr:col>
                    <xdr:colOff>257175</xdr:colOff>
                    <xdr:row>54</xdr:row>
                    <xdr:rowOff>438150</xdr:rowOff>
                  </to>
                </anchor>
              </controlPr>
            </control>
          </mc:Choice>
        </mc:AlternateContent>
        <mc:AlternateContent xmlns:mc="http://schemas.openxmlformats.org/markup-compatibility/2006">
          <mc:Choice Requires="x14">
            <control shapeId="3308" r:id="rId239" name="Check Box 236">
              <controlPr defaultSize="0" autoFill="0" autoLine="0" autoPict="0">
                <anchor moveWithCells="1">
                  <from>
                    <xdr:col>1</xdr:col>
                    <xdr:colOff>28575</xdr:colOff>
                    <xdr:row>114</xdr:row>
                    <xdr:rowOff>247650</xdr:rowOff>
                  </from>
                  <to>
                    <xdr:col>1</xdr:col>
                    <xdr:colOff>228600</xdr:colOff>
                    <xdr:row>115</xdr:row>
                    <xdr:rowOff>209550</xdr:rowOff>
                  </to>
                </anchor>
              </controlPr>
            </control>
          </mc:Choice>
        </mc:AlternateContent>
        <mc:AlternateContent xmlns:mc="http://schemas.openxmlformats.org/markup-compatibility/2006">
          <mc:Choice Requires="x14">
            <control shapeId="3309" r:id="rId240" name="Check Box 237">
              <controlPr defaultSize="0" autoFill="0" autoLine="0" autoPict="0">
                <anchor moveWithCells="1">
                  <from>
                    <xdr:col>4</xdr:col>
                    <xdr:colOff>66675</xdr:colOff>
                    <xdr:row>43</xdr:row>
                    <xdr:rowOff>514350</xdr:rowOff>
                  </from>
                  <to>
                    <xdr:col>4</xdr:col>
                    <xdr:colOff>266700</xdr:colOff>
                    <xdr:row>43</xdr:row>
                    <xdr:rowOff>752475</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FF66"/>
    <pageSetUpPr fitToPage="1"/>
  </sheetPr>
  <dimension ref="A1:GK107"/>
  <sheetViews>
    <sheetView view="pageBreakPreview" zoomScaleNormal="100" zoomScaleSheetLayoutView="100" workbookViewId="0">
      <selection activeCell="F7" sqref="F7"/>
    </sheetView>
  </sheetViews>
  <sheetFormatPr defaultColWidth="9" defaultRowHeight="20.100000000000001" customHeight="1"/>
  <cols>
    <col min="1" max="1" width="28.5" style="336" customWidth="1"/>
    <col min="2" max="2" width="8.375" style="337" customWidth="1"/>
    <col min="3" max="3" width="37.625" style="338" customWidth="1"/>
    <col min="4" max="4" width="16.75" style="336" customWidth="1"/>
    <col min="5" max="5" width="4.125" style="339" customWidth="1"/>
    <col min="6" max="6" width="15.625" style="340" customWidth="1"/>
    <col min="7" max="7" width="24.625" style="341" customWidth="1"/>
    <col min="8" max="193" width="9" style="208"/>
    <col min="194" max="16384" width="9" style="209"/>
  </cols>
  <sheetData>
    <row r="1" spans="1:193" ht="30" customHeight="1" thickBot="1">
      <c r="A1" s="447" t="s">
        <v>708</v>
      </c>
      <c r="B1" s="447"/>
      <c r="C1" s="447"/>
      <c r="D1" s="447"/>
      <c r="E1" s="447"/>
      <c r="F1" s="447"/>
      <c r="G1" s="447"/>
    </row>
    <row r="2" spans="1:193" s="214" customFormat="1" ht="26.25" customHeight="1" thickTop="1">
      <c r="A2" s="210"/>
      <c r="B2" s="211"/>
      <c r="C2" s="212"/>
      <c r="D2" s="410" t="s">
        <v>0</v>
      </c>
      <c r="E2" s="411"/>
      <c r="F2" s="448">
        <f>'基準（地密通所）'!C2</f>
        <v>0</v>
      </c>
      <c r="G2" s="449"/>
      <c r="H2" s="213"/>
      <c r="I2" s="213"/>
      <c r="J2" s="213"/>
      <c r="K2" s="213"/>
      <c r="L2" s="213"/>
      <c r="M2" s="213"/>
      <c r="N2" s="213"/>
      <c r="O2" s="213"/>
      <c r="P2" s="213"/>
      <c r="Q2" s="213"/>
      <c r="R2" s="213"/>
      <c r="S2" s="213"/>
      <c r="T2" s="213"/>
      <c r="U2" s="213"/>
      <c r="V2" s="213"/>
      <c r="W2" s="213"/>
      <c r="X2" s="213"/>
      <c r="Y2" s="213"/>
      <c r="Z2" s="213"/>
      <c r="AA2" s="213"/>
      <c r="AB2" s="213"/>
      <c r="AC2" s="213"/>
      <c r="AD2" s="213"/>
      <c r="AE2" s="213"/>
      <c r="AF2" s="213"/>
      <c r="AG2" s="213"/>
      <c r="AH2" s="213"/>
      <c r="AI2" s="213"/>
      <c r="AJ2" s="213"/>
      <c r="AK2" s="213"/>
      <c r="AL2" s="213"/>
      <c r="AM2" s="213"/>
      <c r="AN2" s="213"/>
      <c r="AO2" s="213"/>
      <c r="AP2" s="213"/>
      <c r="AQ2" s="213"/>
      <c r="AR2" s="213"/>
      <c r="AS2" s="213"/>
      <c r="AT2" s="213"/>
      <c r="AU2" s="213"/>
      <c r="AV2" s="213"/>
      <c r="AW2" s="213"/>
      <c r="AX2" s="213"/>
      <c r="AY2" s="213"/>
      <c r="AZ2" s="213"/>
      <c r="BA2" s="213"/>
      <c r="BB2" s="213"/>
      <c r="BC2" s="213"/>
      <c r="BD2" s="213"/>
      <c r="BE2" s="213"/>
      <c r="BF2" s="213"/>
      <c r="BG2" s="213"/>
      <c r="BH2" s="213"/>
      <c r="BI2" s="213"/>
      <c r="BJ2" s="213"/>
      <c r="BK2" s="213"/>
      <c r="BL2" s="213"/>
      <c r="BM2" s="213"/>
      <c r="BN2" s="213"/>
      <c r="BO2" s="213"/>
      <c r="BP2" s="213"/>
      <c r="BQ2" s="213"/>
      <c r="BR2" s="213"/>
      <c r="BS2" s="213"/>
      <c r="BT2" s="213"/>
      <c r="BU2" s="213"/>
      <c r="BV2" s="213"/>
      <c r="BW2" s="213"/>
      <c r="BX2" s="213"/>
      <c r="BY2" s="213"/>
      <c r="BZ2" s="213"/>
      <c r="CA2" s="213"/>
      <c r="CB2" s="213"/>
      <c r="CC2" s="213"/>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c r="ED2" s="213"/>
      <c r="EE2" s="213"/>
      <c r="EF2" s="213"/>
      <c r="EG2" s="213"/>
      <c r="EH2" s="213"/>
      <c r="EI2" s="213"/>
      <c r="EJ2" s="213"/>
      <c r="EK2" s="213"/>
      <c r="EL2" s="213"/>
      <c r="EM2" s="213"/>
      <c r="EN2" s="213"/>
      <c r="EO2" s="213"/>
      <c r="EP2" s="213"/>
      <c r="EQ2" s="213"/>
      <c r="ER2" s="213"/>
      <c r="ES2" s="213"/>
      <c r="ET2" s="213"/>
      <c r="EU2" s="213"/>
      <c r="EV2" s="213"/>
      <c r="EW2" s="213"/>
      <c r="EX2" s="213"/>
      <c r="EY2" s="213"/>
      <c r="EZ2" s="213"/>
      <c r="FA2" s="213"/>
      <c r="FB2" s="213"/>
      <c r="FC2" s="213"/>
      <c r="FD2" s="213"/>
      <c r="FE2" s="213"/>
      <c r="FF2" s="213"/>
      <c r="FG2" s="213"/>
      <c r="FH2" s="213"/>
      <c r="FI2" s="213"/>
      <c r="FJ2" s="213"/>
      <c r="FK2" s="213"/>
      <c r="FL2" s="213"/>
      <c r="FM2" s="213"/>
      <c r="FN2" s="213"/>
      <c r="FO2" s="213"/>
      <c r="FP2" s="213"/>
      <c r="FQ2" s="213"/>
      <c r="FR2" s="213"/>
      <c r="FS2" s="213"/>
      <c r="FT2" s="213"/>
      <c r="FU2" s="213"/>
      <c r="FV2" s="213"/>
      <c r="FW2" s="213"/>
      <c r="FX2" s="213"/>
      <c r="FY2" s="213"/>
      <c r="FZ2" s="213"/>
      <c r="GA2" s="213"/>
      <c r="GB2" s="213"/>
      <c r="GC2" s="213"/>
      <c r="GD2" s="213"/>
      <c r="GE2" s="213"/>
      <c r="GF2" s="213"/>
      <c r="GG2" s="213"/>
      <c r="GH2" s="213"/>
      <c r="GI2" s="213"/>
      <c r="GJ2" s="213"/>
      <c r="GK2" s="213"/>
    </row>
    <row r="3" spans="1:193" s="214" customFormat="1" ht="26.25" customHeight="1">
      <c r="A3" s="210"/>
      <c r="B3" s="211"/>
      <c r="C3" s="212"/>
      <c r="D3" s="412" t="s">
        <v>1</v>
      </c>
      <c r="E3" s="413"/>
      <c r="F3" s="450">
        <f>'基準（地密通所）'!C3</f>
        <v>0</v>
      </c>
      <c r="G3" s="451"/>
      <c r="H3" s="213"/>
      <c r="I3" s="213"/>
      <c r="J3" s="213"/>
      <c r="K3" s="213"/>
      <c r="L3" s="213"/>
      <c r="M3" s="213"/>
      <c r="N3" s="213"/>
      <c r="O3" s="213"/>
      <c r="P3" s="213"/>
      <c r="Q3" s="213"/>
      <c r="R3" s="213"/>
      <c r="S3" s="213"/>
      <c r="T3" s="213"/>
      <c r="U3" s="213"/>
      <c r="V3" s="213"/>
      <c r="W3" s="213"/>
      <c r="X3" s="213"/>
      <c r="Y3" s="213"/>
      <c r="Z3" s="213"/>
      <c r="AA3" s="213"/>
      <c r="AB3" s="213"/>
      <c r="AC3" s="213"/>
      <c r="AD3" s="213"/>
      <c r="AE3" s="213"/>
      <c r="AF3" s="213"/>
      <c r="AG3" s="213"/>
      <c r="AH3" s="213"/>
      <c r="AI3" s="213"/>
      <c r="AJ3" s="213"/>
      <c r="AK3" s="213"/>
      <c r="AL3" s="213"/>
      <c r="AM3" s="213"/>
      <c r="AN3" s="213"/>
      <c r="AO3" s="213"/>
      <c r="AP3" s="213"/>
      <c r="AQ3" s="213"/>
      <c r="AR3" s="213"/>
      <c r="AS3" s="213"/>
      <c r="AT3" s="213"/>
      <c r="AU3" s="213"/>
      <c r="AV3" s="213"/>
      <c r="AW3" s="213"/>
      <c r="AX3" s="213"/>
      <c r="AY3" s="213"/>
      <c r="AZ3" s="213"/>
      <c r="BA3" s="213"/>
      <c r="BB3" s="213"/>
      <c r="BC3" s="213"/>
      <c r="BD3" s="213"/>
      <c r="BE3" s="213"/>
      <c r="BF3" s="213"/>
      <c r="BG3" s="213"/>
      <c r="BH3" s="213"/>
      <c r="BI3" s="213"/>
      <c r="BJ3" s="213"/>
      <c r="BK3" s="213"/>
      <c r="BL3" s="213"/>
      <c r="BM3" s="213"/>
      <c r="BN3" s="213"/>
      <c r="BO3" s="213"/>
      <c r="BP3" s="213"/>
      <c r="BQ3" s="213"/>
      <c r="BR3" s="213"/>
      <c r="BS3" s="213"/>
      <c r="BT3" s="213"/>
      <c r="BU3" s="213"/>
      <c r="BV3" s="213"/>
      <c r="BW3" s="213"/>
      <c r="BX3" s="213"/>
      <c r="BY3" s="213"/>
      <c r="BZ3" s="213"/>
      <c r="CA3" s="213"/>
      <c r="CB3" s="213"/>
      <c r="CC3" s="213"/>
      <c r="CD3" s="213"/>
      <c r="CE3" s="213"/>
      <c r="CF3" s="213"/>
      <c r="CG3" s="213"/>
      <c r="CH3" s="213"/>
      <c r="CI3" s="213"/>
      <c r="CJ3" s="213"/>
      <c r="CK3" s="213"/>
      <c r="CL3" s="213"/>
      <c r="CM3" s="213"/>
      <c r="CN3" s="213"/>
      <c r="CO3" s="213"/>
      <c r="CP3" s="213"/>
      <c r="CQ3" s="213"/>
      <c r="CR3" s="213"/>
      <c r="CS3" s="213"/>
      <c r="CT3" s="213"/>
      <c r="CU3" s="213"/>
      <c r="CV3" s="213"/>
      <c r="CW3" s="213"/>
      <c r="CX3" s="213"/>
      <c r="CY3" s="213"/>
      <c r="CZ3" s="213"/>
      <c r="DA3" s="213"/>
      <c r="DB3" s="213"/>
      <c r="DC3" s="213"/>
      <c r="DD3" s="213"/>
      <c r="DE3" s="213"/>
      <c r="DF3" s="213"/>
      <c r="DG3" s="213"/>
      <c r="DH3" s="213"/>
      <c r="DI3" s="213"/>
      <c r="DJ3" s="213"/>
      <c r="DK3" s="213"/>
      <c r="DL3" s="213"/>
      <c r="DM3" s="213"/>
      <c r="DN3" s="213"/>
      <c r="DO3" s="213"/>
      <c r="DP3" s="213"/>
      <c r="DQ3" s="213"/>
      <c r="DR3" s="213"/>
      <c r="DS3" s="213"/>
      <c r="DT3" s="213"/>
      <c r="DU3" s="213"/>
      <c r="DV3" s="213"/>
      <c r="DW3" s="213"/>
      <c r="DX3" s="213"/>
      <c r="DY3" s="213"/>
      <c r="DZ3" s="213"/>
      <c r="EA3" s="213"/>
      <c r="EB3" s="213"/>
      <c r="EC3" s="213"/>
      <c r="ED3" s="213"/>
      <c r="EE3" s="213"/>
      <c r="EF3" s="213"/>
      <c r="EG3" s="213"/>
      <c r="EH3" s="213"/>
      <c r="EI3" s="213"/>
      <c r="EJ3" s="213"/>
      <c r="EK3" s="213"/>
      <c r="EL3" s="213"/>
      <c r="EM3" s="213"/>
      <c r="EN3" s="213"/>
      <c r="EO3" s="213"/>
      <c r="EP3" s="213"/>
      <c r="EQ3" s="213"/>
      <c r="ER3" s="213"/>
      <c r="ES3" s="213"/>
      <c r="ET3" s="213"/>
      <c r="EU3" s="213"/>
      <c r="EV3" s="213"/>
      <c r="EW3" s="213"/>
      <c r="EX3" s="213"/>
      <c r="EY3" s="213"/>
      <c r="EZ3" s="213"/>
      <c r="FA3" s="213"/>
      <c r="FB3" s="213"/>
      <c r="FC3" s="213"/>
      <c r="FD3" s="213"/>
      <c r="FE3" s="213"/>
      <c r="FF3" s="213"/>
      <c r="FG3" s="213"/>
      <c r="FH3" s="213"/>
      <c r="FI3" s="213"/>
      <c r="FJ3" s="213"/>
      <c r="FK3" s="213"/>
      <c r="FL3" s="213"/>
      <c r="FM3" s="213"/>
      <c r="FN3" s="213"/>
      <c r="FO3" s="213"/>
      <c r="FP3" s="213"/>
      <c r="FQ3" s="213"/>
      <c r="FR3" s="213"/>
      <c r="FS3" s="213"/>
      <c r="FT3" s="213"/>
      <c r="FU3" s="213"/>
      <c r="FV3" s="213"/>
      <c r="FW3" s="213"/>
      <c r="FX3" s="213"/>
      <c r="FY3" s="213"/>
      <c r="FZ3" s="213"/>
      <c r="GA3" s="213"/>
      <c r="GB3" s="213"/>
      <c r="GC3" s="213"/>
      <c r="GD3" s="213"/>
      <c r="GE3" s="213"/>
      <c r="GF3" s="213"/>
      <c r="GG3" s="213"/>
      <c r="GH3" s="213"/>
      <c r="GI3" s="213"/>
      <c r="GJ3" s="213"/>
      <c r="GK3" s="213"/>
    </row>
    <row r="4" spans="1:193" s="218" customFormat="1" ht="26.25" customHeight="1" thickBot="1">
      <c r="A4" s="215"/>
      <c r="B4" s="215"/>
      <c r="C4" s="216"/>
      <c r="D4" s="414" t="s">
        <v>2</v>
      </c>
      <c r="E4" s="415"/>
      <c r="F4" s="452" t="s">
        <v>335</v>
      </c>
      <c r="G4" s="453"/>
      <c r="H4" s="217"/>
      <c r="I4" s="217"/>
      <c r="J4" s="217"/>
      <c r="K4" s="217"/>
      <c r="L4" s="217"/>
      <c r="M4" s="217"/>
      <c r="N4" s="217"/>
      <c r="O4" s="217"/>
      <c r="P4" s="217"/>
      <c r="Q4" s="217"/>
      <c r="R4" s="217"/>
      <c r="S4" s="217"/>
      <c r="T4" s="217"/>
      <c r="U4" s="217"/>
      <c r="V4" s="217"/>
      <c r="W4" s="217"/>
      <c r="X4" s="217"/>
      <c r="Y4" s="217"/>
      <c r="Z4" s="217"/>
      <c r="AA4" s="217"/>
      <c r="AB4" s="217"/>
      <c r="AC4" s="217"/>
      <c r="AD4" s="217"/>
      <c r="AE4" s="217"/>
      <c r="AF4" s="217"/>
      <c r="AG4" s="217"/>
      <c r="AH4" s="217"/>
      <c r="AI4" s="217"/>
      <c r="AJ4" s="217"/>
      <c r="AK4" s="217"/>
      <c r="AL4" s="217"/>
      <c r="AM4" s="217"/>
      <c r="AN4" s="217"/>
      <c r="AO4" s="217"/>
      <c r="AP4" s="217"/>
      <c r="AQ4" s="217"/>
      <c r="AR4" s="217"/>
      <c r="AS4" s="217"/>
      <c r="AT4" s="217"/>
      <c r="AU4" s="217"/>
      <c r="AV4" s="217"/>
      <c r="AW4" s="217"/>
      <c r="AX4" s="217"/>
      <c r="AY4" s="217"/>
      <c r="AZ4" s="217"/>
      <c r="BA4" s="217"/>
      <c r="BB4" s="217"/>
      <c r="BC4" s="217"/>
      <c r="BD4" s="217"/>
      <c r="BE4" s="217"/>
      <c r="BF4" s="217"/>
      <c r="BG4" s="217"/>
      <c r="BH4" s="217"/>
      <c r="BI4" s="217"/>
      <c r="BJ4" s="217"/>
      <c r="BK4" s="217"/>
      <c r="BL4" s="217"/>
      <c r="BM4" s="217"/>
      <c r="BN4" s="217"/>
      <c r="BO4" s="217"/>
      <c r="BP4" s="217"/>
      <c r="BQ4" s="217"/>
      <c r="BR4" s="217"/>
      <c r="BS4" s="217"/>
      <c r="BT4" s="217"/>
      <c r="BU4" s="217"/>
      <c r="BV4" s="217"/>
      <c r="BW4" s="217"/>
      <c r="BX4" s="217"/>
      <c r="BY4" s="217"/>
      <c r="BZ4" s="217"/>
      <c r="CA4" s="217"/>
      <c r="CB4" s="217"/>
      <c r="CC4" s="217"/>
      <c r="CD4" s="217"/>
      <c r="CE4" s="217"/>
      <c r="CF4" s="217"/>
      <c r="CG4" s="217"/>
      <c r="CH4" s="217"/>
      <c r="CI4" s="217"/>
      <c r="CJ4" s="217"/>
      <c r="CK4" s="217"/>
      <c r="CL4" s="217"/>
      <c r="CM4" s="217"/>
      <c r="CN4" s="217"/>
      <c r="CO4" s="217"/>
      <c r="CP4" s="217"/>
      <c r="CQ4" s="217"/>
      <c r="CR4" s="217"/>
      <c r="CS4" s="217"/>
      <c r="CT4" s="217"/>
      <c r="CU4" s="217"/>
      <c r="CV4" s="217"/>
      <c r="CW4" s="217"/>
      <c r="CX4" s="217"/>
      <c r="CY4" s="217"/>
      <c r="CZ4" s="217"/>
      <c r="DA4" s="217"/>
      <c r="DB4" s="217"/>
      <c r="DC4" s="217"/>
      <c r="DD4" s="217"/>
      <c r="DE4" s="217"/>
      <c r="DF4" s="217"/>
      <c r="DG4" s="217"/>
      <c r="DH4" s="217"/>
      <c r="DI4" s="217"/>
      <c r="DJ4" s="217"/>
      <c r="DK4" s="217"/>
      <c r="DL4" s="217"/>
      <c r="DM4" s="217"/>
      <c r="DN4" s="217"/>
      <c r="DO4" s="217"/>
      <c r="DP4" s="217"/>
      <c r="DQ4" s="217"/>
      <c r="DR4" s="217"/>
      <c r="DS4" s="217"/>
      <c r="DT4" s="217"/>
      <c r="DU4" s="217"/>
      <c r="DV4" s="217"/>
      <c r="DW4" s="217"/>
      <c r="DX4" s="217"/>
      <c r="DY4" s="217"/>
      <c r="DZ4" s="217"/>
      <c r="EA4" s="217"/>
      <c r="EB4" s="217"/>
      <c r="EC4" s="217"/>
      <c r="ED4" s="217"/>
      <c r="EE4" s="217"/>
      <c r="EF4" s="217"/>
      <c r="EG4" s="217"/>
      <c r="EH4" s="217"/>
      <c r="EI4" s="217"/>
      <c r="EJ4" s="217"/>
      <c r="EK4" s="217"/>
      <c r="EL4" s="217"/>
      <c r="EM4" s="217"/>
      <c r="EN4" s="217"/>
      <c r="EO4" s="217"/>
      <c r="EP4" s="217"/>
      <c r="EQ4" s="217"/>
      <c r="ER4" s="217"/>
      <c r="ES4" s="217"/>
      <c r="ET4" s="217"/>
      <c r="EU4" s="217"/>
      <c r="EV4" s="217"/>
      <c r="EW4" s="217"/>
      <c r="EX4" s="217"/>
      <c r="EY4" s="217"/>
      <c r="EZ4" s="217"/>
      <c r="FA4" s="217"/>
      <c r="FB4" s="217"/>
      <c r="FC4" s="217"/>
      <c r="FD4" s="217"/>
      <c r="FE4" s="217"/>
      <c r="FF4" s="217"/>
      <c r="FG4" s="217"/>
      <c r="FH4" s="217"/>
      <c r="FI4" s="217"/>
      <c r="FJ4" s="217"/>
      <c r="FK4" s="217"/>
      <c r="FL4" s="217"/>
      <c r="FM4" s="217"/>
      <c r="FN4" s="217"/>
      <c r="FO4" s="217"/>
      <c r="FP4" s="217"/>
      <c r="FQ4" s="217"/>
      <c r="FR4" s="217"/>
      <c r="FS4" s="217"/>
      <c r="FT4" s="217"/>
      <c r="FU4" s="217"/>
      <c r="FV4" s="217"/>
      <c r="FW4" s="217"/>
      <c r="FX4" s="217"/>
      <c r="FY4" s="217"/>
      <c r="FZ4" s="217"/>
      <c r="GA4" s="217"/>
      <c r="GB4" s="217"/>
      <c r="GC4" s="217"/>
      <c r="GD4" s="217"/>
      <c r="GE4" s="217"/>
      <c r="GF4" s="217"/>
      <c r="GG4" s="217"/>
      <c r="GH4" s="217"/>
      <c r="GI4" s="217"/>
      <c r="GJ4" s="217"/>
      <c r="GK4" s="217"/>
    </row>
    <row r="5" spans="1:193" s="218" customFormat="1" ht="14.25" customHeight="1" thickTop="1">
      <c r="A5" s="215"/>
      <c r="B5" s="215"/>
      <c r="C5" s="216"/>
      <c r="D5" s="465"/>
      <c r="E5" s="465"/>
      <c r="F5" s="466"/>
      <c r="G5" s="466"/>
      <c r="H5" s="217"/>
      <c r="I5" s="217"/>
      <c r="J5" s="217"/>
      <c r="K5" s="217"/>
      <c r="L5" s="217"/>
      <c r="M5" s="217"/>
      <c r="N5" s="217"/>
      <c r="O5" s="217"/>
      <c r="P5" s="217"/>
      <c r="Q5" s="217"/>
      <c r="R5" s="217"/>
      <c r="S5" s="217"/>
      <c r="T5" s="217"/>
      <c r="U5" s="217"/>
      <c r="V5" s="217"/>
      <c r="W5" s="217"/>
      <c r="X5" s="217"/>
      <c r="Y5" s="217"/>
      <c r="Z5" s="217"/>
      <c r="AA5" s="217"/>
      <c r="AB5" s="217"/>
      <c r="AC5" s="217"/>
      <c r="AD5" s="217"/>
      <c r="AE5" s="217"/>
      <c r="AF5" s="217"/>
      <c r="AG5" s="217"/>
      <c r="AH5" s="217"/>
      <c r="AI5" s="217"/>
      <c r="AJ5" s="217"/>
      <c r="AK5" s="217"/>
      <c r="AL5" s="217"/>
      <c r="AM5" s="217"/>
      <c r="AN5" s="217"/>
      <c r="AO5" s="217"/>
      <c r="AP5" s="217"/>
      <c r="AQ5" s="217"/>
      <c r="AR5" s="217"/>
      <c r="AS5" s="217"/>
      <c r="AT5" s="217"/>
      <c r="AU5" s="217"/>
      <c r="AV5" s="217"/>
      <c r="AW5" s="217"/>
      <c r="AX5" s="217"/>
      <c r="AY5" s="217"/>
      <c r="AZ5" s="217"/>
      <c r="BA5" s="217"/>
      <c r="BB5" s="217"/>
      <c r="BC5" s="217"/>
      <c r="BD5" s="217"/>
      <c r="BE5" s="217"/>
      <c r="BF5" s="217"/>
      <c r="BG5" s="217"/>
      <c r="BH5" s="217"/>
      <c r="BI5" s="217"/>
      <c r="BJ5" s="217"/>
      <c r="BK5" s="217"/>
      <c r="BL5" s="217"/>
      <c r="BM5" s="217"/>
      <c r="BN5" s="217"/>
      <c r="BO5" s="217"/>
      <c r="BP5" s="217"/>
      <c r="BQ5" s="217"/>
      <c r="BR5" s="217"/>
      <c r="BS5" s="217"/>
      <c r="BT5" s="217"/>
      <c r="BU5" s="217"/>
      <c r="BV5" s="217"/>
      <c r="BW5" s="217"/>
      <c r="BX5" s="217"/>
      <c r="BY5" s="217"/>
      <c r="BZ5" s="217"/>
      <c r="CA5" s="217"/>
      <c r="CB5" s="217"/>
      <c r="CC5" s="217"/>
      <c r="CD5" s="217"/>
      <c r="CE5" s="217"/>
      <c r="CF5" s="217"/>
      <c r="CG5" s="217"/>
      <c r="CH5" s="217"/>
      <c r="CI5" s="217"/>
      <c r="CJ5" s="217"/>
      <c r="CK5" s="217"/>
      <c r="CL5" s="217"/>
      <c r="CM5" s="217"/>
      <c r="CN5" s="217"/>
      <c r="CO5" s="217"/>
      <c r="CP5" s="217"/>
      <c r="CQ5" s="217"/>
      <c r="CR5" s="217"/>
      <c r="CS5" s="217"/>
      <c r="CT5" s="217"/>
      <c r="CU5" s="217"/>
      <c r="CV5" s="217"/>
      <c r="CW5" s="217"/>
      <c r="CX5" s="217"/>
      <c r="CY5" s="217"/>
      <c r="CZ5" s="217"/>
      <c r="DA5" s="217"/>
      <c r="DB5" s="217"/>
      <c r="DC5" s="217"/>
      <c r="DD5" s="217"/>
      <c r="DE5" s="217"/>
      <c r="DF5" s="217"/>
      <c r="DG5" s="217"/>
      <c r="DH5" s="217"/>
      <c r="DI5" s="217"/>
      <c r="DJ5" s="217"/>
      <c r="DK5" s="217"/>
      <c r="DL5" s="217"/>
      <c r="DM5" s="217"/>
      <c r="DN5" s="217"/>
      <c r="DO5" s="217"/>
      <c r="DP5" s="217"/>
      <c r="DQ5" s="217"/>
      <c r="DR5" s="217"/>
      <c r="DS5" s="217"/>
      <c r="DT5" s="217"/>
      <c r="DU5" s="217"/>
      <c r="DV5" s="217"/>
      <c r="DW5" s="217"/>
      <c r="DX5" s="217"/>
      <c r="DY5" s="217"/>
      <c r="DZ5" s="217"/>
      <c r="EA5" s="217"/>
      <c r="EB5" s="217"/>
      <c r="EC5" s="217"/>
      <c r="ED5" s="217"/>
      <c r="EE5" s="217"/>
      <c r="EF5" s="217"/>
      <c r="EG5" s="217"/>
      <c r="EH5" s="217"/>
      <c r="EI5" s="217"/>
      <c r="EJ5" s="217"/>
      <c r="EK5" s="217"/>
      <c r="EL5" s="217"/>
      <c r="EM5" s="217"/>
      <c r="EN5" s="217"/>
      <c r="EO5" s="217"/>
      <c r="EP5" s="217"/>
      <c r="EQ5" s="217"/>
      <c r="ER5" s="217"/>
      <c r="ES5" s="217"/>
      <c r="ET5" s="217"/>
      <c r="EU5" s="217"/>
      <c r="EV5" s="217"/>
      <c r="EW5" s="217"/>
      <c r="EX5" s="217"/>
      <c r="EY5" s="217"/>
      <c r="EZ5" s="217"/>
      <c r="FA5" s="217"/>
      <c r="FB5" s="217"/>
      <c r="FC5" s="217"/>
      <c r="FD5" s="217"/>
      <c r="FE5" s="217"/>
      <c r="FF5" s="217"/>
      <c r="FG5" s="217"/>
      <c r="FH5" s="217"/>
      <c r="FI5" s="217"/>
      <c r="FJ5" s="217"/>
      <c r="FK5" s="217"/>
      <c r="FL5" s="217"/>
      <c r="FM5" s="217"/>
      <c r="FN5" s="217"/>
      <c r="FO5" s="217"/>
      <c r="FP5" s="217"/>
      <c r="FQ5" s="217"/>
      <c r="FR5" s="217"/>
      <c r="FS5" s="217"/>
      <c r="FT5" s="217"/>
      <c r="FU5" s="217"/>
      <c r="FV5" s="217"/>
      <c r="FW5" s="217"/>
      <c r="FX5" s="217"/>
      <c r="FY5" s="217"/>
      <c r="FZ5" s="217"/>
      <c r="GA5" s="217"/>
      <c r="GB5" s="217"/>
      <c r="GC5" s="217"/>
      <c r="GD5" s="217"/>
      <c r="GE5" s="217"/>
      <c r="GF5" s="217"/>
      <c r="GG5" s="217"/>
      <c r="GH5" s="217"/>
      <c r="GI5" s="217"/>
      <c r="GJ5" s="217"/>
      <c r="GK5" s="217"/>
    </row>
    <row r="6" spans="1:193" ht="23.25" customHeight="1">
      <c r="A6" s="219" t="s">
        <v>336</v>
      </c>
      <c r="B6" s="220" t="s">
        <v>337</v>
      </c>
      <c r="C6" s="467" t="s">
        <v>338</v>
      </c>
      <c r="D6" s="468"/>
      <c r="E6" s="469" t="s">
        <v>339</v>
      </c>
      <c r="F6" s="470"/>
      <c r="G6" s="221" t="s">
        <v>340</v>
      </c>
    </row>
    <row r="7" spans="1:193" s="227" customFormat="1" ht="61.5" customHeight="1">
      <c r="A7" s="454" t="s">
        <v>707</v>
      </c>
      <c r="B7" s="222" t="s">
        <v>669</v>
      </c>
      <c r="C7" s="457" t="s">
        <v>706</v>
      </c>
      <c r="D7" s="458"/>
      <c r="E7" s="232"/>
      <c r="F7" s="233" t="s">
        <v>344</v>
      </c>
      <c r="G7" s="234"/>
      <c r="H7" s="226"/>
      <c r="I7" s="226"/>
      <c r="J7" s="226"/>
      <c r="K7" s="226"/>
      <c r="L7" s="226"/>
      <c r="M7" s="226"/>
      <c r="N7" s="226"/>
      <c r="O7" s="226"/>
      <c r="P7" s="226"/>
      <c r="Q7" s="226"/>
      <c r="R7" s="226"/>
      <c r="S7" s="226"/>
      <c r="T7" s="226"/>
      <c r="U7" s="226"/>
      <c r="V7" s="226"/>
      <c r="W7" s="226"/>
      <c r="X7" s="226"/>
      <c r="Y7" s="226"/>
      <c r="Z7" s="226"/>
      <c r="AA7" s="226"/>
      <c r="AB7" s="226"/>
      <c r="AC7" s="226"/>
      <c r="AD7" s="226"/>
      <c r="AE7" s="226"/>
      <c r="AF7" s="226"/>
      <c r="AG7" s="226"/>
      <c r="AH7" s="226"/>
      <c r="AI7" s="226"/>
      <c r="AJ7" s="226"/>
      <c r="AK7" s="226"/>
      <c r="AL7" s="226"/>
      <c r="AM7" s="226"/>
      <c r="AN7" s="226"/>
      <c r="AO7" s="226"/>
      <c r="AP7" s="226"/>
      <c r="AQ7" s="226"/>
      <c r="AR7" s="226"/>
      <c r="AS7" s="226"/>
      <c r="AT7" s="226"/>
      <c r="AU7" s="226"/>
      <c r="AV7" s="226"/>
      <c r="AW7" s="226"/>
      <c r="AX7" s="226"/>
      <c r="AY7" s="226"/>
      <c r="AZ7" s="226"/>
      <c r="BA7" s="226"/>
      <c r="BB7" s="226"/>
      <c r="BC7" s="226"/>
      <c r="BD7" s="226"/>
      <c r="BE7" s="226"/>
      <c r="BF7" s="226"/>
      <c r="BG7" s="226"/>
      <c r="BH7" s="226"/>
      <c r="BI7" s="226"/>
      <c r="BJ7" s="226"/>
      <c r="BK7" s="226"/>
      <c r="BL7" s="226"/>
      <c r="BM7" s="226"/>
      <c r="BN7" s="226"/>
      <c r="BO7" s="226"/>
      <c r="BP7" s="226"/>
      <c r="BQ7" s="226"/>
      <c r="BR7" s="226"/>
      <c r="BS7" s="226"/>
      <c r="BT7" s="226"/>
      <c r="BU7" s="226"/>
      <c r="BV7" s="226"/>
      <c r="BW7" s="226"/>
      <c r="BX7" s="226"/>
      <c r="BY7" s="226"/>
      <c r="BZ7" s="226"/>
      <c r="CA7" s="226"/>
      <c r="CB7" s="226"/>
      <c r="CC7" s="226"/>
      <c r="CD7" s="226"/>
      <c r="CE7" s="226"/>
      <c r="CF7" s="226"/>
      <c r="CG7" s="226"/>
      <c r="CH7" s="226"/>
      <c r="CI7" s="226"/>
      <c r="CJ7" s="226"/>
      <c r="CK7" s="226"/>
      <c r="CL7" s="226"/>
      <c r="CM7" s="226"/>
      <c r="CN7" s="226"/>
      <c r="CO7" s="226"/>
      <c r="CP7" s="226"/>
      <c r="CQ7" s="226"/>
      <c r="CR7" s="226"/>
      <c r="CS7" s="226"/>
      <c r="CT7" s="226"/>
      <c r="CU7" s="226"/>
      <c r="CV7" s="226"/>
      <c r="CW7" s="226"/>
      <c r="CX7" s="226"/>
      <c r="CY7" s="226"/>
      <c r="CZ7" s="226"/>
      <c r="DA7" s="226"/>
      <c r="DB7" s="226"/>
      <c r="DC7" s="226"/>
      <c r="DD7" s="226"/>
      <c r="DE7" s="226"/>
      <c r="DF7" s="226"/>
      <c r="DG7" s="226"/>
      <c r="DH7" s="226"/>
      <c r="DI7" s="226"/>
      <c r="DJ7" s="226"/>
      <c r="DK7" s="226"/>
      <c r="DL7" s="226"/>
      <c r="DM7" s="226"/>
      <c r="DN7" s="226"/>
      <c r="DO7" s="226"/>
      <c r="DP7" s="226"/>
      <c r="DQ7" s="226"/>
      <c r="DR7" s="226"/>
      <c r="DS7" s="226"/>
      <c r="DT7" s="226"/>
      <c r="DU7" s="226"/>
      <c r="DV7" s="226"/>
      <c r="DW7" s="226"/>
      <c r="DX7" s="226"/>
      <c r="DY7" s="226"/>
      <c r="DZ7" s="226"/>
      <c r="EA7" s="226"/>
      <c r="EB7" s="226"/>
      <c r="EC7" s="226"/>
      <c r="ED7" s="226"/>
      <c r="EE7" s="226"/>
      <c r="EF7" s="226"/>
      <c r="EG7" s="226"/>
      <c r="EH7" s="226"/>
      <c r="EI7" s="226"/>
      <c r="EJ7" s="226"/>
      <c r="EK7" s="226"/>
      <c r="EL7" s="226"/>
      <c r="EM7" s="226"/>
      <c r="EN7" s="226"/>
      <c r="EO7" s="226"/>
      <c r="EP7" s="226"/>
      <c r="EQ7" s="226"/>
      <c r="ER7" s="226"/>
      <c r="ES7" s="226"/>
      <c r="ET7" s="226"/>
      <c r="EU7" s="226"/>
      <c r="EV7" s="226"/>
      <c r="EW7" s="226"/>
      <c r="EX7" s="226"/>
      <c r="EY7" s="226"/>
      <c r="EZ7" s="226"/>
      <c r="FA7" s="226"/>
      <c r="FB7" s="226"/>
      <c r="FC7" s="226"/>
      <c r="FD7" s="226"/>
      <c r="FE7" s="226"/>
      <c r="FF7" s="226"/>
      <c r="FG7" s="226"/>
      <c r="FH7" s="226"/>
      <c r="FI7" s="226"/>
      <c r="FJ7" s="226"/>
      <c r="FK7" s="226"/>
      <c r="FL7" s="226"/>
      <c r="FM7" s="226"/>
      <c r="FN7" s="226"/>
      <c r="FO7" s="226"/>
      <c r="FP7" s="226"/>
      <c r="FQ7" s="226"/>
      <c r="FR7" s="226"/>
      <c r="FS7" s="226"/>
      <c r="FT7" s="226"/>
      <c r="FU7" s="226"/>
      <c r="FV7" s="226"/>
      <c r="FW7" s="226"/>
      <c r="FX7" s="226"/>
      <c r="FY7" s="226"/>
      <c r="FZ7" s="226"/>
      <c r="GA7" s="226"/>
      <c r="GB7" s="226"/>
      <c r="GC7" s="226"/>
      <c r="GD7" s="226"/>
      <c r="GE7" s="226"/>
      <c r="GF7" s="226"/>
      <c r="GG7" s="226"/>
      <c r="GH7" s="226"/>
      <c r="GI7" s="226"/>
      <c r="GJ7" s="226"/>
      <c r="GK7" s="226"/>
    </row>
    <row r="8" spans="1:193" s="260" customFormat="1" ht="75.75" customHeight="1">
      <c r="A8" s="455"/>
      <c r="B8" s="235"/>
      <c r="C8" s="476" t="s">
        <v>705</v>
      </c>
      <c r="D8" s="477"/>
      <c r="E8" s="223"/>
      <c r="F8" s="224" t="s">
        <v>344</v>
      </c>
      <c r="G8" s="550" t="s">
        <v>704</v>
      </c>
      <c r="H8" s="257"/>
      <c r="I8" s="257"/>
      <c r="J8" s="257"/>
      <c r="K8" s="257"/>
      <c r="L8" s="257"/>
      <c r="M8" s="257"/>
      <c r="N8" s="257"/>
      <c r="O8" s="257"/>
      <c r="P8" s="257"/>
      <c r="Q8" s="257"/>
      <c r="R8" s="257"/>
      <c r="S8" s="257"/>
      <c r="T8" s="257"/>
      <c r="U8" s="257"/>
      <c r="V8" s="257"/>
      <c r="W8" s="257"/>
      <c r="X8" s="257"/>
      <c r="Y8" s="257"/>
      <c r="Z8" s="257"/>
      <c r="AA8" s="257"/>
      <c r="AB8" s="257"/>
      <c r="AC8" s="257"/>
      <c r="AD8" s="257"/>
      <c r="AE8" s="257"/>
      <c r="AF8" s="257"/>
      <c r="AG8" s="257"/>
      <c r="AH8" s="257"/>
      <c r="AI8" s="257"/>
      <c r="AJ8" s="257"/>
      <c r="AK8" s="257"/>
      <c r="AL8" s="257"/>
      <c r="AM8" s="257"/>
      <c r="AN8" s="257"/>
      <c r="AO8" s="257"/>
      <c r="AP8" s="257"/>
      <c r="AQ8" s="257"/>
      <c r="AR8" s="257"/>
      <c r="AS8" s="257"/>
      <c r="AT8" s="257"/>
      <c r="AU8" s="257"/>
      <c r="AV8" s="257"/>
      <c r="AW8" s="257"/>
      <c r="AX8" s="257"/>
      <c r="AY8" s="257"/>
      <c r="AZ8" s="257"/>
      <c r="BA8" s="257"/>
      <c r="BB8" s="257"/>
      <c r="BC8" s="257"/>
      <c r="BD8" s="257"/>
      <c r="BE8" s="257"/>
      <c r="BF8" s="257"/>
      <c r="BG8" s="257"/>
      <c r="BH8" s="257"/>
      <c r="BI8" s="257"/>
      <c r="BJ8" s="257"/>
      <c r="BK8" s="257"/>
      <c r="BL8" s="257"/>
      <c r="BM8" s="257"/>
      <c r="BN8" s="257"/>
      <c r="BO8" s="257"/>
      <c r="BP8" s="257"/>
      <c r="BQ8" s="257"/>
      <c r="BR8" s="257"/>
      <c r="BS8" s="257"/>
      <c r="BT8" s="257"/>
      <c r="BU8" s="257"/>
      <c r="BV8" s="257"/>
      <c r="BW8" s="257"/>
      <c r="BX8" s="257"/>
      <c r="BY8" s="257"/>
      <c r="BZ8" s="257"/>
      <c r="CA8" s="257"/>
      <c r="CB8" s="257"/>
      <c r="CC8" s="257"/>
      <c r="CD8" s="257"/>
      <c r="CE8" s="257"/>
      <c r="CF8" s="257"/>
      <c r="CG8" s="257"/>
      <c r="CH8" s="257"/>
      <c r="CI8" s="257"/>
      <c r="CJ8" s="257"/>
      <c r="CK8" s="257"/>
      <c r="CL8" s="257"/>
      <c r="CM8" s="257"/>
      <c r="CN8" s="257"/>
      <c r="CO8" s="257"/>
      <c r="CP8" s="257"/>
      <c r="CQ8" s="257"/>
      <c r="CR8" s="257"/>
      <c r="CS8" s="257"/>
      <c r="CT8" s="257"/>
      <c r="CU8" s="257"/>
      <c r="CV8" s="257"/>
      <c r="CW8" s="257"/>
      <c r="CX8" s="257"/>
      <c r="CY8" s="257"/>
      <c r="CZ8" s="257"/>
      <c r="DA8" s="257"/>
      <c r="DB8" s="257"/>
      <c r="DC8" s="257"/>
      <c r="DD8" s="257"/>
      <c r="DE8" s="257"/>
      <c r="DF8" s="257"/>
      <c r="DG8" s="257"/>
      <c r="DH8" s="257"/>
      <c r="DI8" s="257"/>
      <c r="DJ8" s="257"/>
      <c r="DK8" s="257"/>
      <c r="DL8" s="257"/>
      <c r="DM8" s="257"/>
      <c r="DN8" s="257"/>
      <c r="DO8" s="257"/>
      <c r="DP8" s="257"/>
      <c r="DQ8" s="257"/>
      <c r="DR8" s="257"/>
      <c r="DS8" s="257"/>
      <c r="DT8" s="257"/>
      <c r="DU8" s="257"/>
      <c r="DV8" s="257"/>
      <c r="DW8" s="257"/>
      <c r="DX8" s="257"/>
      <c r="DY8" s="257"/>
      <c r="DZ8" s="257"/>
      <c r="EA8" s="257"/>
      <c r="EB8" s="257"/>
      <c r="EC8" s="257"/>
      <c r="ED8" s="257"/>
      <c r="EE8" s="257"/>
      <c r="EF8" s="257"/>
      <c r="EG8" s="257"/>
      <c r="EH8" s="257"/>
      <c r="EI8" s="257"/>
      <c r="EJ8" s="257"/>
      <c r="EK8" s="257"/>
      <c r="EL8" s="257"/>
      <c r="EM8" s="257"/>
      <c r="EN8" s="257"/>
      <c r="EO8" s="257"/>
      <c r="EP8" s="257"/>
      <c r="EQ8" s="257"/>
      <c r="ER8" s="257"/>
      <c r="ES8" s="257"/>
      <c r="ET8" s="257"/>
      <c r="EU8" s="257"/>
      <c r="EV8" s="257"/>
      <c r="EW8" s="257"/>
      <c r="EX8" s="257"/>
      <c r="EY8" s="257"/>
      <c r="EZ8" s="257"/>
      <c r="FA8" s="257"/>
      <c r="FB8" s="257"/>
      <c r="FC8" s="257"/>
      <c r="FD8" s="257"/>
      <c r="FE8" s="257"/>
      <c r="FF8" s="257"/>
      <c r="FG8" s="257"/>
      <c r="FH8" s="257"/>
      <c r="FI8" s="257"/>
      <c r="FJ8" s="257"/>
      <c r="FK8" s="257"/>
      <c r="FL8" s="257"/>
      <c r="FM8" s="257"/>
      <c r="FN8" s="257"/>
      <c r="FO8" s="257"/>
      <c r="FP8" s="257"/>
      <c r="FQ8" s="257"/>
      <c r="FR8" s="257"/>
      <c r="FS8" s="257"/>
      <c r="FT8" s="257"/>
      <c r="FU8" s="257"/>
      <c r="FV8" s="257"/>
      <c r="FW8" s="257"/>
      <c r="FX8" s="257"/>
      <c r="FY8" s="257"/>
      <c r="FZ8" s="257"/>
      <c r="GA8" s="257"/>
      <c r="GB8" s="257"/>
      <c r="GC8" s="257"/>
      <c r="GD8" s="257"/>
      <c r="GE8" s="257"/>
      <c r="GF8" s="257"/>
      <c r="GG8" s="257"/>
      <c r="GH8" s="257"/>
      <c r="GI8" s="257"/>
      <c r="GJ8" s="257"/>
      <c r="GK8" s="257"/>
    </row>
    <row r="9" spans="1:193" s="260" customFormat="1" ht="93.75" customHeight="1">
      <c r="A9" s="455"/>
      <c r="B9" s="235"/>
      <c r="C9" s="459" t="s">
        <v>703</v>
      </c>
      <c r="D9" s="460"/>
      <c r="E9" s="223"/>
      <c r="F9" s="224" t="s">
        <v>344</v>
      </c>
      <c r="G9" s="551"/>
      <c r="H9" s="257"/>
      <c r="I9" s="257"/>
      <c r="J9" s="257"/>
      <c r="K9" s="257"/>
      <c r="L9" s="257"/>
      <c r="M9" s="257"/>
      <c r="N9" s="257"/>
      <c r="O9" s="257"/>
      <c r="P9" s="257"/>
      <c r="Q9" s="257"/>
      <c r="R9" s="257"/>
      <c r="S9" s="257"/>
      <c r="T9" s="257"/>
      <c r="U9" s="257"/>
      <c r="V9" s="257"/>
      <c r="W9" s="257"/>
      <c r="X9" s="257"/>
      <c r="Y9" s="257"/>
      <c r="Z9" s="257"/>
      <c r="AA9" s="257"/>
      <c r="AB9" s="257"/>
      <c r="AC9" s="257"/>
      <c r="AD9" s="257"/>
      <c r="AE9" s="257"/>
      <c r="AF9" s="257"/>
      <c r="AG9" s="257"/>
      <c r="AH9" s="257"/>
      <c r="AI9" s="257"/>
      <c r="AJ9" s="257"/>
      <c r="AK9" s="257"/>
      <c r="AL9" s="257"/>
      <c r="AM9" s="257"/>
      <c r="AN9" s="257"/>
      <c r="AO9" s="257"/>
      <c r="AP9" s="257"/>
      <c r="AQ9" s="257"/>
      <c r="AR9" s="257"/>
      <c r="AS9" s="257"/>
      <c r="AT9" s="257"/>
      <c r="AU9" s="257"/>
      <c r="AV9" s="257"/>
      <c r="AW9" s="257"/>
      <c r="AX9" s="257"/>
      <c r="AY9" s="257"/>
      <c r="AZ9" s="257"/>
      <c r="BA9" s="257"/>
      <c r="BB9" s="257"/>
      <c r="BC9" s="257"/>
      <c r="BD9" s="257"/>
      <c r="BE9" s="257"/>
      <c r="BF9" s="257"/>
      <c r="BG9" s="257"/>
      <c r="BH9" s="257"/>
      <c r="BI9" s="257"/>
      <c r="BJ9" s="257"/>
      <c r="BK9" s="257"/>
      <c r="BL9" s="257"/>
      <c r="BM9" s="257"/>
      <c r="BN9" s="257"/>
      <c r="BO9" s="257"/>
      <c r="BP9" s="257"/>
      <c r="BQ9" s="257"/>
      <c r="BR9" s="257"/>
      <c r="BS9" s="257"/>
      <c r="BT9" s="257"/>
      <c r="BU9" s="257"/>
      <c r="BV9" s="257"/>
      <c r="BW9" s="257"/>
      <c r="BX9" s="257"/>
      <c r="BY9" s="257"/>
      <c r="BZ9" s="257"/>
      <c r="CA9" s="257"/>
      <c r="CB9" s="257"/>
      <c r="CC9" s="257"/>
      <c r="CD9" s="257"/>
      <c r="CE9" s="257"/>
      <c r="CF9" s="257"/>
      <c r="CG9" s="257"/>
      <c r="CH9" s="257"/>
      <c r="CI9" s="257"/>
      <c r="CJ9" s="257"/>
      <c r="CK9" s="257"/>
      <c r="CL9" s="257"/>
      <c r="CM9" s="257"/>
      <c r="CN9" s="257"/>
      <c r="CO9" s="257"/>
      <c r="CP9" s="257"/>
      <c r="CQ9" s="257"/>
      <c r="CR9" s="257"/>
      <c r="CS9" s="257"/>
      <c r="CT9" s="257"/>
      <c r="CU9" s="257"/>
      <c r="CV9" s="257"/>
      <c r="CW9" s="257"/>
      <c r="CX9" s="257"/>
      <c r="CY9" s="257"/>
      <c r="CZ9" s="257"/>
      <c r="DA9" s="257"/>
      <c r="DB9" s="257"/>
      <c r="DC9" s="257"/>
      <c r="DD9" s="257"/>
      <c r="DE9" s="257"/>
      <c r="DF9" s="257"/>
      <c r="DG9" s="257"/>
      <c r="DH9" s="257"/>
      <c r="DI9" s="257"/>
      <c r="DJ9" s="257"/>
      <c r="DK9" s="257"/>
      <c r="DL9" s="257"/>
      <c r="DM9" s="257"/>
      <c r="DN9" s="257"/>
      <c r="DO9" s="257"/>
      <c r="DP9" s="257"/>
      <c r="DQ9" s="257"/>
      <c r="DR9" s="257"/>
      <c r="DS9" s="257"/>
      <c r="DT9" s="257"/>
      <c r="DU9" s="257"/>
      <c r="DV9" s="257"/>
      <c r="DW9" s="257"/>
      <c r="DX9" s="257"/>
      <c r="DY9" s="257"/>
      <c r="DZ9" s="257"/>
      <c r="EA9" s="257"/>
      <c r="EB9" s="257"/>
      <c r="EC9" s="257"/>
      <c r="ED9" s="257"/>
      <c r="EE9" s="257"/>
      <c r="EF9" s="257"/>
      <c r="EG9" s="257"/>
      <c r="EH9" s="257"/>
      <c r="EI9" s="257"/>
      <c r="EJ9" s="257"/>
      <c r="EK9" s="257"/>
      <c r="EL9" s="257"/>
      <c r="EM9" s="257"/>
      <c r="EN9" s="257"/>
      <c r="EO9" s="257"/>
      <c r="EP9" s="257"/>
      <c r="EQ9" s="257"/>
      <c r="ER9" s="257"/>
      <c r="ES9" s="257"/>
      <c r="ET9" s="257"/>
      <c r="EU9" s="257"/>
      <c r="EV9" s="257"/>
      <c r="EW9" s="257"/>
      <c r="EX9" s="257"/>
      <c r="EY9" s="257"/>
      <c r="EZ9" s="257"/>
      <c r="FA9" s="257"/>
      <c r="FB9" s="257"/>
      <c r="FC9" s="257"/>
      <c r="FD9" s="257"/>
      <c r="FE9" s="257"/>
      <c r="FF9" s="257"/>
      <c r="FG9" s="257"/>
      <c r="FH9" s="257"/>
      <c r="FI9" s="257"/>
      <c r="FJ9" s="257"/>
      <c r="FK9" s="257"/>
      <c r="FL9" s="257"/>
      <c r="FM9" s="257"/>
      <c r="FN9" s="257"/>
      <c r="FO9" s="257"/>
      <c r="FP9" s="257"/>
      <c r="FQ9" s="257"/>
      <c r="FR9" s="257"/>
      <c r="FS9" s="257"/>
      <c r="FT9" s="257"/>
      <c r="FU9" s="257"/>
      <c r="FV9" s="257"/>
      <c r="FW9" s="257"/>
      <c r="FX9" s="257"/>
      <c r="FY9" s="257"/>
      <c r="FZ9" s="257"/>
      <c r="GA9" s="257"/>
      <c r="GB9" s="257"/>
      <c r="GC9" s="257"/>
      <c r="GD9" s="257"/>
      <c r="GE9" s="257"/>
      <c r="GF9" s="257"/>
      <c r="GG9" s="257"/>
      <c r="GH9" s="257"/>
      <c r="GI9" s="257"/>
      <c r="GJ9" s="257"/>
      <c r="GK9" s="257"/>
    </row>
    <row r="10" spans="1:193" s="260" customFormat="1" ht="45.75" customHeight="1">
      <c r="A10" s="455"/>
      <c r="B10" s="235"/>
      <c r="C10" s="459" t="s">
        <v>702</v>
      </c>
      <c r="D10" s="460"/>
      <c r="E10" s="223"/>
      <c r="F10" s="224" t="s">
        <v>344</v>
      </c>
      <c r="G10" s="551"/>
      <c r="H10" s="257"/>
      <c r="I10" s="257"/>
      <c r="J10" s="257"/>
      <c r="K10" s="257"/>
      <c r="L10" s="257"/>
      <c r="M10" s="257"/>
      <c r="N10" s="257"/>
      <c r="O10" s="257"/>
      <c r="P10" s="257"/>
      <c r="Q10" s="257"/>
      <c r="R10" s="257"/>
      <c r="S10" s="257"/>
      <c r="T10" s="257"/>
      <c r="U10" s="257"/>
      <c r="V10" s="257"/>
      <c r="W10" s="257"/>
      <c r="X10" s="257"/>
      <c r="Y10" s="257"/>
      <c r="Z10" s="257"/>
      <c r="AA10" s="257"/>
      <c r="AB10" s="257"/>
      <c r="AC10" s="257"/>
      <c r="AD10" s="257"/>
      <c r="AE10" s="257"/>
      <c r="AF10" s="257"/>
      <c r="AG10" s="257"/>
      <c r="AH10" s="257"/>
      <c r="AI10" s="257"/>
      <c r="AJ10" s="257"/>
      <c r="AK10" s="257"/>
      <c r="AL10" s="257"/>
      <c r="AM10" s="257"/>
      <c r="AN10" s="257"/>
      <c r="AO10" s="257"/>
      <c r="AP10" s="257"/>
      <c r="AQ10" s="257"/>
      <c r="AR10" s="257"/>
      <c r="AS10" s="257"/>
      <c r="AT10" s="257"/>
      <c r="AU10" s="257"/>
      <c r="AV10" s="257"/>
      <c r="AW10" s="257"/>
      <c r="AX10" s="257"/>
      <c r="AY10" s="257"/>
      <c r="AZ10" s="257"/>
      <c r="BA10" s="257"/>
      <c r="BB10" s="257"/>
      <c r="BC10" s="257"/>
      <c r="BD10" s="257"/>
      <c r="BE10" s="257"/>
      <c r="BF10" s="257"/>
      <c r="BG10" s="257"/>
      <c r="BH10" s="257"/>
      <c r="BI10" s="257"/>
      <c r="BJ10" s="257"/>
      <c r="BK10" s="257"/>
      <c r="BL10" s="257"/>
      <c r="BM10" s="257"/>
      <c r="BN10" s="257"/>
      <c r="BO10" s="257"/>
      <c r="BP10" s="257"/>
      <c r="BQ10" s="257"/>
      <c r="BR10" s="257"/>
      <c r="BS10" s="257"/>
      <c r="BT10" s="257"/>
      <c r="BU10" s="257"/>
      <c r="BV10" s="257"/>
      <c r="BW10" s="257"/>
      <c r="BX10" s="257"/>
      <c r="BY10" s="257"/>
      <c r="BZ10" s="257"/>
      <c r="CA10" s="257"/>
      <c r="CB10" s="257"/>
      <c r="CC10" s="257"/>
      <c r="CD10" s="257"/>
      <c r="CE10" s="257"/>
      <c r="CF10" s="257"/>
      <c r="CG10" s="257"/>
      <c r="CH10" s="257"/>
      <c r="CI10" s="257"/>
      <c r="CJ10" s="257"/>
      <c r="CK10" s="257"/>
      <c r="CL10" s="257"/>
      <c r="CM10" s="257"/>
      <c r="CN10" s="257"/>
      <c r="CO10" s="257"/>
      <c r="CP10" s="257"/>
      <c r="CQ10" s="257"/>
      <c r="CR10" s="257"/>
      <c r="CS10" s="257"/>
      <c r="CT10" s="257"/>
      <c r="CU10" s="257"/>
      <c r="CV10" s="257"/>
      <c r="CW10" s="257"/>
      <c r="CX10" s="257"/>
      <c r="CY10" s="257"/>
      <c r="CZ10" s="257"/>
      <c r="DA10" s="257"/>
      <c r="DB10" s="257"/>
      <c r="DC10" s="257"/>
      <c r="DD10" s="257"/>
      <c r="DE10" s="257"/>
      <c r="DF10" s="257"/>
      <c r="DG10" s="257"/>
      <c r="DH10" s="257"/>
      <c r="DI10" s="257"/>
      <c r="DJ10" s="257"/>
      <c r="DK10" s="257"/>
      <c r="DL10" s="257"/>
      <c r="DM10" s="257"/>
      <c r="DN10" s="257"/>
      <c r="DO10" s="257"/>
      <c r="DP10" s="257"/>
      <c r="DQ10" s="257"/>
      <c r="DR10" s="257"/>
      <c r="DS10" s="257"/>
      <c r="DT10" s="257"/>
      <c r="DU10" s="257"/>
      <c r="DV10" s="257"/>
      <c r="DW10" s="257"/>
      <c r="DX10" s="257"/>
      <c r="DY10" s="257"/>
      <c r="DZ10" s="257"/>
      <c r="EA10" s="257"/>
      <c r="EB10" s="257"/>
      <c r="EC10" s="257"/>
      <c r="ED10" s="257"/>
      <c r="EE10" s="257"/>
      <c r="EF10" s="257"/>
      <c r="EG10" s="257"/>
      <c r="EH10" s="257"/>
      <c r="EI10" s="257"/>
      <c r="EJ10" s="257"/>
      <c r="EK10" s="257"/>
      <c r="EL10" s="257"/>
      <c r="EM10" s="257"/>
      <c r="EN10" s="257"/>
      <c r="EO10" s="257"/>
      <c r="EP10" s="257"/>
      <c r="EQ10" s="257"/>
      <c r="ER10" s="257"/>
      <c r="ES10" s="257"/>
      <c r="ET10" s="257"/>
      <c r="EU10" s="257"/>
      <c r="EV10" s="257"/>
      <c r="EW10" s="257"/>
      <c r="EX10" s="257"/>
      <c r="EY10" s="257"/>
      <c r="EZ10" s="257"/>
      <c r="FA10" s="257"/>
      <c r="FB10" s="257"/>
      <c r="FC10" s="257"/>
      <c r="FD10" s="257"/>
      <c r="FE10" s="257"/>
      <c r="FF10" s="257"/>
      <c r="FG10" s="257"/>
      <c r="FH10" s="257"/>
      <c r="FI10" s="257"/>
      <c r="FJ10" s="257"/>
      <c r="FK10" s="257"/>
      <c r="FL10" s="257"/>
      <c r="FM10" s="257"/>
      <c r="FN10" s="257"/>
      <c r="FO10" s="257"/>
      <c r="FP10" s="257"/>
      <c r="FQ10" s="257"/>
      <c r="FR10" s="257"/>
      <c r="FS10" s="257"/>
      <c r="FT10" s="257"/>
      <c r="FU10" s="257"/>
      <c r="FV10" s="257"/>
      <c r="FW10" s="257"/>
      <c r="FX10" s="257"/>
      <c r="FY10" s="257"/>
      <c r="FZ10" s="257"/>
      <c r="GA10" s="257"/>
      <c r="GB10" s="257"/>
      <c r="GC10" s="257"/>
      <c r="GD10" s="257"/>
      <c r="GE10" s="257"/>
      <c r="GF10" s="257"/>
      <c r="GG10" s="257"/>
      <c r="GH10" s="257"/>
      <c r="GI10" s="257"/>
      <c r="GJ10" s="257"/>
      <c r="GK10" s="257"/>
    </row>
    <row r="11" spans="1:193" s="260" customFormat="1" ht="57" customHeight="1">
      <c r="A11" s="455"/>
      <c r="B11" s="235"/>
      <c r="C11" s="459" t="s">
        <v>701</v>
      </c>
      <c r="D11" s="460"/>
      <c r="E11" s="223"/>
      <c r="F11" s="224" t="s">
        <v>344</v>
      </c>
      <c r="G11" s="552"/>
      <c r="H11" s="257"/>
      <c r="I11" s="257"/>
      <c r="J11" s="257"/>
      <c r="K11" s="257"/>
      <c r="L11" s="257"/>
      <c r="M11" s="257"/>
      <c r="N11" s="257"/>
      <c r="O11" s="257"/>
      <c r="P11" s="257"/>
      <c r="Q11" s="257"/>
      <c r="R11" s="257"/>
      <c r="S11" s="257"/>
      <c r="T11" s="257"/>
      <c r="U11" s="257"/>
      <c r="V11" s="257"/>
      <c r="W11" s="257"/>
      <c r="X11" s="257"/>
      <c r="Y11" s="257"/>
      <c r="Z11" s="257"/>
      <c r="AA11" s="257"/>
      <c r="AB11" s="257"/>
      <c r="AC11" s="257"/>
      <c r="AD11" s="257"/>
      <c r="AE11" s="257"/>
      <c r="AF11" s="257"/>
      <c r="AG11" s="257"/>
      <c r="AH11" s="257"/>
      <c r="AI11" s="257"/>
      <c r="AJ11" s="257"/>
      <c r="AK11" s="257"/>
      <c r="AL11" s="257"/>
      <c r="AM11" s="257"/>
      <c r="AN11" s="257"/>
      <c r="AO11" s="257"/>
      <c r="AP11" s="257"/>
      <c r="AQ11" s="257"/>
      <c r="AR11" s="257"/>
      <c r="AS11" s="257"/>
      <c r="AT11" s="257"/>
      <c r="AU11" s="257"/>
      <c r="AV11" s="257"/>
      <c r="AW11" s="257"/>
      <c r="AX11" s="257"/>
      <c r="AY11" s="257"/>
      <c r="AZ11" s="257"/>
      <c r="BA11" s="257"/>
      <c r="BB11" s="257"/>
      <c r="BC11" s="257"/>
      <c r="BD11" s="257"/>
      <c r="BE11" s="257"/>
      <c r="BF11" s="257"/>
      <c r="BG11" s="257"/>
      <c r="BH11" s="257"/>
      <c r="BI11" s="257"/>
      <c r="BJ11" s="257"/>
      <c r="BK11" s="257"/>
      <c r="BL11" s="257"/>
      <c r="BM11" s="257"/>
      <c r="BN11" s="257"/>
      <c r="BO11" s="257"/>
      <c r="BP11" s="257"/>
      <c r="BQ11" s="257"/>
      <c r="BR11" s="257"/>
      <c r="BS11" s="257"/>
      <c r="BT11" s="257"/>
      <c r="BU11" s="257"/>
      <c r="BV11" s="257"/>
      <c r="BW11" s="257"/>
      <c r="BX11" s="257"/>
      <c r="BY11" s="257"/>
      <c r="BZ11" s="257"/>
      <c r="CA11" s="257"/>
      <c r="CB11" s="257"/>
      <c r="CC11" s="257"/>
      <c r="CD11" s="257"/>
      <c r="CE11" s="257"/>
      <c r="CF11" s="257"/>
      <c r="CG11" s="257"/>
      <c r="CH11" s="257"/>
      <c r="CI11" s="257"/>
      <c r="CJ11" s="257"/>
      <c r="CK11" s="257"/>
      <c r="CL11" s="257"/>
      <c r="CM11" s="257"/>
      <c r="CN11" s="257"/>
      <c r="CO11" s="257"/>
      <c r="CP11" s="257"/>
      <c r="CQ11" s="257"/>
      <c r="CR11" s="257"/>
      <c r="CS11" s="257"/>
      <c r="CT11" s="257"/>
      <c r="CU11" s="257"/>
      <c r="CV11" s="257"/>
      <c r="CW11" s="257"/>
      <c r="CX11" s="257"/>
      <c r="CY11" s="257"/>
      <c r="CZ11" s="257"/>
      <c r="DA11" s="257"/>
      <c r="DB11" s="257"/>
      <c r="DC11" s="257"/>
      <c r="DD11" s="257"/>
      <c r="DE11" s="257"/>
      <c r="DF11" s="257"/>
      <c r="DG11" s="257"/>
      <c r="DH11" s="257"/>
      <c r="DI11" s="257"/>
      <c r="DJ11" s="257"/>
      <c r="DK11" s="257"/>
      <c r="DL11" s="257"/>
      <c r="DM11" s="257"/>
      <c r="DN11" s="257"/>
      <c r="DO11" s="257"/>
      <c r="DP11" s="257"/>
      <c r="DQ11" s="257"/>
      <c r="DR11" s="257"/>
      <c r="DS11" s="257"/>
      <c r="DT11" s="257"/>
      <c r="DU11" s="257"/>
      <c r="DV11" s="257"/>
      <c r="DW11" s="257"/>
      <c r="DX11" s="257"/>
      <c r="DY11" s="257"/>
      <c r="DZ11" s="257"/>
      <c r="EA11" s="257"/>
      <c r="EB11" s="257"/>
      <c r="EC11" s="257"/>
      <c r="ED11" s="257"/>
      <c r="EE11" s="257"/>
      <c r="EF11" s="257"/>
      <c r="EG11" s="257"/>
      <c r="EH11" s="257"/>
      <c r="EI11" s="257"/>
      <c r="EJ11" s="257"/>
      <c r="EK11" s="257"/>
      <c r="EL11" s="257"/>
      <c r="EM11" s="257"/>
      <c r="EN11" s="257"/>
      <c r="EO11" s="257"/>
      <c r="EP11" s="257"/>
      <c r="EQ11" s="257"/>
      <c r="ER11" s="257"/>
      <c r="ES11" s="257"/>
      <c r="ET11" s="257"/>
      <c r="EU11" s="257"/>
      <c r="EV11" s="257"/>
      <c r="EW11" s="257"/>
      <c r="EX11" s="257"/>
      <c r="EY11" s="257"/>
      <c r="EZ11" s="257"/>
      <c r="FA11" s="257"/>
      <c r="FB11" s="257"/>
      <c r="FC11" s="257"/>
      <c r="FD11" s="257"/>
      <c r="FE11" s="257"/>
      <c r="FF11" s="257"/>
      <c r="FG11" s="257"/>
      <c r="FH11" s="257"/>
      <c r="FI11" s="257"/>
      <c r="FJ11" s="257"/>
      <c r="FK11" s="257"/>
      <c r="FL11" s="257"/>
      <c r="FM11" s="257"/>
      <c r="FN11" s="257"/>
      <c r="FO11" s="257"/>
      <c r="FP11" s="257"/>
      <c r="FQ11" s="257"/>
      <c r="FR11" s="257"/>
      <c r="FS11" s="257"/>
      <c r="FT11" s="257"/>
      <c r="FU11" s="257"/>
      <c r="FV11" s="257"/>
      <c r="FW11" s="257"/>
      <c r="FX11" s="257"/>
      <c r="FY11" s="257"/>
      <c r="FZ11" s="257"/>
      <c r="GA11" s="257"/>
      <c r="GB11" s="257"/>
      <c r="GC11" s="257"/>
      <c r="GD11" s="257"/>
      <c r="GE11" s="257"/>
      <c r="GF11" s="257"/>
      <c r="GG11" s="257"/>
      <c r="GH11" s="257"/>
      <c r="GI11" s="257"/>
      <c r="GJ11" s="257"/>
      <c r="GK11" s="257"/>
    </row>
    <row r="12" spans="1:193" s="260" customFormat="1" ht="50.25" customHeight="1">
      <c r="A12" s="455"/>
      <c r="B12" s="235"/>
      <c r="C12" s="459" t="s">
        <v>700</v>
      </c>
      <c r="D12" s="460"/>
      <c r="E12" s="223"/>
      <c r="F12" s="224" t="s">
        <v>344</v>
      </c>
      <c r="G12" s="225" t="s">
        <v>677</v>
      </c>
      <c r="H12" s="257"/>
      <c r="I12" s="257"/>
      <c r="J12" s="257"/>
      <c r="K12" s="257"/>
      <c r="L12" s="257"/>
      <c r="M12" s="257"/>
      <c r="N12" s="257"/>
      <c r="O12" s="257"/>
      <c r="P12" s="257"/>
      <c r="Q12" s="257"/>
      <c r="R12" s="257"/>
      <c r="S12" s="257"/>
      <c r="T12" s="257"/>
      <c r="U12" s="257"/>
      <c r="V12" s="257"/>
      <c r="W12" s="257"/>
      <c r="X12" s="257"/>
      <c r="Y12" s="257"/>
      <c r="Z12" s="257"/>
      <c r="AA12" s="257"/>
      <c r="AB12" s="257"/>
      <c r="AC12" s="257"/>
      <c r="AD12" s="257"/>
      <c r="AE12" s="257"/>
      <c r="AF12" s="257"/>
      <c r="AG12" s="257"/>
      <c r="AH12" s="257"/>
      <c r="AI12" s="257"/>
      <c r="AJ12" s="257"/>
      <c r="AK12" s="257"/>
      <c r="AL12" s="257"/>
      <c r="AM12" s="257"/>
      <c r="AN12" s="257"/>
      <c r="AO12" s="257"/>
      <c r="AP12" s="257"/>
      <c r="AQ12" s="257"/>
      <c r="AR12" s="257"/>
      <c r="AS12" s="257"/>
      <c r="AT12" s="257"/>
      <c r="AU12" s="257"/>
      <c r="AV12" s="257"/>
      <c r="AW12" s="257"/>
      <c r="AX12" s="257"/>
      <c r="AY12" s="257"/>
      <c r="AZ12" s="257"/>
      <c r="BA12" s="257"/>
      <c r="BB12" s="257"/>
      <c r="BC12" s="257"/>
      <c r="BD12" s="257"/>
      <c r="BE12" s="257"/>
      <c r="BF12" s="257"/>
      <c r="BG12" s="257"/>
      <c r="BH12" s="257"/>
      <c r="BI12" s="257"/>
      <c r="BJ12" s="257"/>
      <c r="BK12" s="257"/>
      <c r="BL12" s="257"/>
      <c r="BM12" s="257"/>
      <c r="BN12" s="257"/>
      <c r="BO12" s="257"/>
      <c r="BP12" s="257"/>
      <c r="BQ12" s="257"/>
      <c r="BR12" s="257"/>
      <c r="BS12" s="257"/>
      <c r="BT12" s="257"/>
      <c r="BU12" s="257"/>
      <c r="BV12" s="257"/>
      <c r="BW12" s="257"/>
      <c r="BX12" s="257"/>
      <c r="BY12" s="257"/>
      <c r="BZ12" s="257"/>
      <c r="CA12" s="257"/>
      <c r="CB12" s="257"/>
      <c r="CC12" s="257"/>
      <c r="CD12" s="257"/>
      <c r="CE12" s="257"/>
      <c r="CF12" s="257"/>
      <c r="CG12" s="257"/>
      <c r="CH12" s="257"/>
      <c r="CI12" s="257"/>
      <c r="CJ12" s="257"/>
      <c r="CK12" s="257"/>
      <c r="CL12" s="257"/>
      <c r="CM12" s="257"/>
      <c r="CN12" s="257"/>
      <c r="CO12" s="257"/>
      <c r="CP12" s="257"/>
      <c r="CQ12" s="257"/>
      <c r="CR12" s="257"/>
      <c r="CS12" s="257"/>
      <c r="CT12" s="257"/>
      <c r="CU12" s="257"/>
      <c r="CV12" s="257"/>
      <c r="CW12" s="257"/>
      <c r="CX12" s="257"/>
      <c r="CY12" s="257"/>
      <c r="CZ12" s="257"/>
      <c r="DA12" s="257"/>
      <c r="DB12" s="257"/>
      <c r="DC12" s="257"/>
      <c r="DD12" s="257"/>
      <c r="DE12" s="257"/>
      <c r="DF12" s="257"/>
      <c r="DG12" s="257"/>
      <c r="DH12" s="257"/>
      <c r="DI12" s="257"/>
      <c r="DJ12" s="257"/>
      <c r="DK12" s="257"/>
      <c r="DL12" s="257"/>
      <c r="DM12" s="257"/>
      <c r="DN12" s="257"/>
      <c r="DO12" s="257"/>
      <c r="DP12" s="257"/>
      <c r="DQ12" s="257"/>
      <c r="DR12" s="257"/>
      <c r="DS12" s="257"/>
      <c r="DT12" s="257"/>
      <c r="DU12" s="257"/>
      <c r="DV12" s="257"/>
      <c r="DW12" s="257"/>
      <c r="DX12" s="257"/>
      <c r="DY12" s="257"/>
      <c r="DZ12" s="257"/>
      <c r="EA12" s="257"/>
      <c r="EB12" s="257"/>
      <c r="EC12" s="257"/>
      <c r="ED12" s="257"/>
      <c r="EE12" s="257"/>
      <c r="EF12" s="257"/>
      <c r="EG12" s="257"/>
      <c r="EH12" s="257"/>
      <c r="EI12" s="257"/>
      <c r="EJ12" s="257"/>
      <c r="EK12" s="257"/>
      <c r="EL12" s="257"/>
      <c r="EM12" s="257"/>
      <c r="EN12" s="257"/>
      <c r="EO12" s="257"/>
      <c r="EP12" s="257"/>
      <c r="EQ12" s="257"/>
      <c r="ER12" s="257"/>
      <c r="ES12" s="257"/>
      <c r="ET12" s="257"/>
      <c r="EU12" s="257"/>
      <c r="EV12" s="257"/>
      <c r="EW12" s="257"/>
      <c r="EX12" s="257"/>
      <c r="EY12" s="257"/>
      <c r="EZ12" s="257"/>
      <c r="FA12" s="257"/>
      <c r="FB12" s="257"/>
      <c r="FC12" s="257"/>
      <c r="FD12" s="257"/>
      <c r="FE12" s="257"/>
      <c r="FF12" s="257"/>
      <c r="FG12" s="257"/>
      <c r="FH12" s="257"/>
      <c r="FI12" s="257"/>
      <c r="FJ12" s="257"/>
      <c r="FK12" s="257"/>
      <c r="FL12" s="257"/>
      <c r="FM12" s="257"/>
      <c r="FN12" s="257"/>
      <c r="FO12" s="257"/>
      <c r="FP12" s="257"/>
      <c r="FQ12" s="257"/>
      <c r="FR12" s="257"/>
      <c r="FS12" s="257"/>
      <c r="FT12" s="257"/>
      <c r="FU12" s="257"/>
      <c r="FV12" s="257"/>
      <c r="FW12" s="257"/>
      <c r="FX12" s="257"/>
      <c r="FY12" s="257"/>
      <c r="FZ12" s="257"/>
      <c r="GA12" s="257"/>
      <c r="GB12" s="257"/>
      <c r="GC12" s="257"/>
      <c r="GD12" s="257"/>
      <c r="GE12" s="257"/>
      <c r="GF12" s="257"/>
      <c r="GG12" s="257"/>
      <c r="GH12" s="257"/>
      <c r="GI12" s="257"/>
      <c r="GJ12" s="257"/>
      <c r="GK12" s="257"/>
    </row>
    <row r="13" spans="1:193" s="260" customFormat="1" ht="99.75" customHeight="1">
      <c r="A13" s="455"/>
      <c r="B13" s="235"/>
      <c r="C13" s="459" t="s">
        <v>699</v>
      </c>
      <c r="D13" s="460"/>
      <c r="E13" s="223"/>
      <c r="F13" s="224" t="s">
        <v>344</v>
      </c>
      <c r="G13" s="225" t="s">
        <v>698</v>
      </c>
      <c r="H13" s="257"/>
      <c r="I13" s="257"/>
      <c r="J13" s="257"/>
      <c r="K13" s="257"/>
      <c r="L13" s="257"/>
      <c r="M13" s="257"/>
      <c r="N13" s="257"/>
      <c r="O13" s="257"/>
      <c r="P13" s="257"/>
      <c r="Q13" s="257"/>
      <c r="R13" s="257"/>
      <c r="S13" s="257"/>
      <c r="T13" s="257"/>
      <c r="U13" s="257"/>
      <c r="V13" s="257"/>
      <c r="W13" s="257"/>
      <c r="X13" s="257"/>
      <c r="Y13" s="257"/>
      <c r="Z13" s="257"/>
      <c r="AA13" s="257"/>
      <c r="AB13" s="257"/>
      <c r="AC13" s="257"/>
      <c r="AD13" s="257"/>
      <c r="AE13" s="257"/>
      <c r="AF13" s="257"/>
      <c r="AG13" s="257"/>
      <c r="AH13" s="257"/>
      <c r="AI13" s="257"/>
      <c r="AJ13" s="257"/>
      <c r="AK13" s="257"/>
      <c r="AL13" s="257"/>
      <c r="AM13" s="257"/>
      <c r="AN13" s="257"/>
      <c r="AO13" s="257"/>
      <c r="AP13" s="257"/>
      <c r="AQ13" s="257"/>
      <c r="AR13" s="257"/>
      <c r="AS13" s="257"/>
      <c r="AT13" s="257"/>
      <c r="AU13" s="257"/>
      <c r="AV13" s="257"/>
      <c r="AW13" s="257"/>
      <c r="AX13" s="257"/>
      <c r="AY13" s="257"/>
      <c r="AZ13" s="257"/>
      <c r="BA13" s="257"/>
      <c r="BB13" s="257"/>
      <c r="BC13" s="257"/>
      <c r="BD13" s="257"/>
      <c r="BE13" s="257"/>
      <c r="BF13" s="257"/>
      <c r="BG13" s="257"/>
      <c r="BH13" s="257"/>
      <c r="BI13" s="257"/>
      <c r="BJ13" s="257"/>
      <c r="BK13" s="257"/>
      <c r="BL13" s="257"/>
      <c r="BM13" s="257"/>
      <c r="BN13" s="257"/>
      <c r="BO13" s="257"/>
      <c r="BP13" s="257"/>
      <c r="BQ13" s="257"/>
      <c r="BR13" s="257"/>
      <c r="BS13" s="257"/>
      <c r="BT13" s="257"/>
      <c r="BU13" s="257"/>
      <c r="BV13" s="257"/>
      <c r="BW13" s="257"/>
      <c r="BX13" s="257"/>
      <c r="BY13" s="257"/>
      <c r="BZ13" s="257"/>
      <c r="CA13" s="257"/>
      <c r="CB13" s="257"/>
      <c r="CC13" s="257"/>
      <c r="CD13" s="257"/>
      <c r="CE13" s="257"/>
      <c r="CF13" s="257"/>
      <c r="CG13" s="257"/>
      <c r="CH13" s="257"/>
      <c r="CI13" s="257"/>
      <c r="CJ13" s="257"/>
      <c r="CK13" s="257"/>
      <c r="CL13" s="257"/>
      <c r="CM13" s="257"/>
      <c r="CN13" s="257"/>
      <c r="CO13" s="257"/>
      <c r="CP13" s="257"/>
      <c r="CQ13" s="257"/>
      <c r="CR13" s="257"/>
      <c r="CS13" s="257"/>
      <c r="CT13" s="257"/>
      <c r="CU13" s="257"/>
      <c r="CV13" s="257"/>
      <c r="CW13" s="257"/>
      <c r="CX13" s="257"/>
      <c r="CY13" s="257"/>
      <c r="CZ13" s="257"/>
      <c r="DA13" s="257"/>
      <c r="DB13" s="257"/>
      <c r="DC13" s="257"/>
      <c r="DD13" s="257"/>
      <c r="DE13" s="257"/>
      <c r="DF13" s="257"/>
      <c r="DG13" s="257"/>
      <c r="DH13" s="257"/>
      <c r="DI13" s="257"/>
      <c r="DJ13" s="257"/>
      <c r="DK13" s="257"/>
      <c r="DL13" s="257"/>
      <c r="DM13" s="257"/>
      <c r="DN13" s="257"/>
      <c r="DO13" s="257"/>
      <c r="DP13" s="257"/>
      <c r="DQ13" s="257"/>
      <c r="DR13" s="257"/>
      <c r="DS13" s="257"/>
      <c r="DT13" s="257"/>
      <c r="DU13" s="257"/>
      <c r="DV13" s="257"/>
      <c r="DW13" s="257"/>
      <c r="DX13" s="257"/>
      <c r="DY13" s="257"/>
      <c r="DZ13" s="257"/>
      <c r="EA13" s="257"/>
      <c r="EB13" s="257"/>
      <c r="EC13" s="257"/>
      <c r="ED13" s="257"/>
      <c r="EE13" s="257"/>
      <c r="EF13" s="257"/>
      <c r="EG13" s="257"/>
      <c r="EH13" s="257"/>
      <c r="EI13" s="257"/>
      <c r="EJ13" s="257"/>
      <c r="EK13" s="257"/>
      <c r="EL13" s="257"/>
      <c r="EM13" s="257"/>
      <c r="EN13" s="257"/>
      <c r="EO13" s="257"/>
      <c r="EP13" s="257"/>
      <c r="EQ13" s="257"/>
      <c r="ER13" s="257"/>
      <c r="ES13" s="257"/>
      <c r="ET13" s="257"/>
      <c r="EU13" s="257"/>
      <c r="EV13" s="257"/>
      <c r="EW13" s="257"/>
      <c r="EX13" s="257"/>
      <c r="EY13" s="257"/>
      <c r="EZ13" s="257"/>
      <c r="FA13" s="257"/>
      <c r="FB13" s="257"/>
      <c r="FC13" s="257"/>
      <c r="FD13" s="257"/>
      <c r="FE13" s="257"/>
      <c r="FF13" s="257"/>
      <c r="FG13" s="257"/>
      <c r="FH13" s="257"/>
      <c r="FI13" s="257"/>
      <c r="FJ13" s="257"/>
      <c r="FK13" s="257"/>
      <c r="FL13" s="257"/>
      <c r="FM13" s="257"/>
      <c r="FN13" s="257"/>
      <c r="FO13" s="257"/>
      <c r="FP13" s="257"/>
      <c r="FQ13" s="257"/>
      <c r="FR13" s="257"/>
      <c r="FS13" s="257"/>
      <c r="FT13" s="257"/>
      <c r="FU13" s="257"/>
      <c r="FV13" s="257"/>
      <c r="FW13" s="257"/>
      <c r="FX13" s="257"/>
      <c r="FY13" s="257"/>
      <c r="FZ13" s="257"/>
      <c r="GA13" s="257"/>
      <c r="GB13" s="257"/>
      <c r="GC13" s="257"/>
      <c r="GD13" s="257"/>
      <c r="GE13" s="257"/>
      <c r="GF13" s="257"/>
      <c r="GG13" s="257"/>
      <c r="GH13" s="257"/>
      <c r="GI13" s="257"/>
      <c r="GJ13" s="257"/>
      <c r="GK13" s="257"/>
    </row>
    <row r="14" spans="1:193" s="260" customFormat="1" ht="48.75" customHeight="1">
      <c r="A14" s="455"/>
      <c r="B14" s="235"/>
      <c r="C14" s="459" t="s">
        <v>697</v>
      </c>
      <c r="D14" s="460"/>
      <c r="E14" s="223"/>
      <c r="F14" s="224" t="s">
        <v>344</v>
      </c>
      <c r="G14" s="225" t="s">
        <v>422</v>
      </c>
      <c r="H14" s="257"/>
      <c r="I14" s="257"/>
      <c r="J14" s="257"/>
      <c r="K14" s="257"/>
      <c r="L14" s="257"/>
      <c r="M14" s="257"/>
      <c r="N14" s="257"/>
      <c r="O14" s="257"/>
      <c r="P14" s="257"/>
      <c r="Q14" s="257"/>
      <c r="R14" s="257"/>
      <c r="S14" s="257"/>
      <c r="T14" s="257"/>
      <c r="U14" s="257"/>
      <c r="V14" s="257"/>
      <c r="W14" s="257"/>
      <c r="X14" s="257"/>
      <c r="Y14" s="257"/>
      <c r="Z14" s="257"/>
      <c r="AA14" s="257"/>
      <c r="AB14" s="257"/>
      <c r="AC14" s="257"/>
      <c r="AD14" s="257"/>
      <c r="AE14" s="257"/>
      <c r="AF14" s="257"/>
      <c r="AG14" s="257"/>
      <c r="AH14" s="257"/>
      <c r="AI14" s="257"/>
      <c r="AJ14" s="257"/>
      <c r="AK14" s="257"/>
      <c r="AL14" s="257"/>
      <c r="AM14" s="257"/>
      <c r="AN14" s="257"/>
      <c r="AO14" s="257"/>
      <c r="AP14" s="257"/>
      <c r="AQ14" s="257"/>
      <c r="AR14" s="257"/>
      <c r="AS14" s="257"/>
      <c r="AT14" s="257"/>
      <c r="AU14" s="257"/>
      <c r="AV14" s="257"/>
      <c r="AW14" s="257"/>
      <c r="AX14" s="257"/>
      <c r="AY14" s="257"/>
      <c r="AZ14" s="257"/>
      <c r="BA14" s="257"/>
      <c r="BB14" s="257"/>
      <c r="BC14" s="257"/>
      <c r="BD14" s="257"/>
      <c r="BE14" s="257"/>
      <c r="BF14" s="257"/>
      <c r="BG14" s="257"/>
      <c r="BH14" s="257"/>
      <c r="BI14" s="257"/>
      <c r="BJ14" s="257"/>
      <c r="BK14" s="257"/>
      <c r="BL14" s="257"/>
      <c r="BM14" s="257"/>
      <c r="BN14" s="257"/>
      <c r="BO14" s="257"/>
      <c r="BP14" s="257"/>
      <c r="BQ14" s="257"/>
      <c r="BR14" s="257"/>
      <c r="BS14" s="257"/>
      <c r="BT14" s="257"/>
      <c r="BU14" s="257"/>
      <c r="BV14" s="257"/>
      <c r="BW14" s="257"/>
      <c r="BX14" s="257"/>
      <c r="BY14" s="257"/>
      <c r="BZ14" s="257"/>
      <c r="CA14" s="257"/>
      <c r="CB14" s="257"/>
      <c r="CC14" s="257"/>
      <c r="CD14" s="257"/>
      <c r="CE14" s="257"/>
      <c r="CF14" s="257"/>
      <c r="CG14" s="257"/>
      <c r="CH14" s="257"/>
      <c r="CI14" s="257"/>
      <c r="CJ14" s="257"/>
      <c r="CK14" s="257"/>
      <c r="CL14" s="257"/>
      <c r="CM14" s="257"/>
      <c r="CN14" s="257"/>
      <c r="CO14" s="257"/>
      <c r="CP14" s="257"/>
      <c r="CQ14" s="257"/>
      <c r="CR14" s="257"/>
      <c r="CS14" s="257"/>
      <c r="CT14" s="257"/>
      <c r="CU14" s="257"/>
      <c r="CV14" s="257"/>
      <c r="CW14" s="257"/>
      <c r="CX14" s="257"/>
      <c r="CY14" s="257"/>
      <c r="CZ14" s="257"/>
      <c r="DA14" s="257"/>
      <c r="DB14" s="257"/>
      <c r="DC14" s="257"/>
      <c r="DD14" s="257"/>
      <c r="DE14" s="257"/>
      <c r="DF14" s="257"/>
      <c r="DG14" s="257"/>
      <c r="DH14" s="257"/>
      <c r="DI14" s="257"/>
      <c r="DJ14" s="257"/>
      <c r="DK14" s="257"/>
      <c r="DL14" s="257"/>
      <c r="DM14" s="257"/>
      <c r="DN14" s="257"/>
      <c r="DO14" s="257"/>
      <c r="DP14" s="257"/>
      <c r="DQ14" s="257"/>
      <c r="DR14" s="257"/>
      <c r="DS14" s="257"/>
      <c r="DT14" s="257"/>
      <c r="DU14" s="257"/>
      <c r="DV14" s="257"/>
      <c r="DW14" s="257"/>
      <c r="DX14" s="257"/>
      <c r="DY14" s="257"/>
      <c r="DZ14" s="257"/>
      <c r="EA14" s="257"/>
      <c r="EB14" s="257"/>
      <c r="EC14" s="257"/>
      <c r="ED14" s="257"/>
      <c r="EE14" s="257"/>
      <c r="EF14" s="257"/>
      <c r="EG14" s="257"/>
      <c r="EH14" s="257"/>
      <c r="EI14" s="257"/>
      <c r="EJ14" s="257"/>
      <c r="EK14" s="257"/>
      <c r="EL14" s="257"/>
      <c r="EM14" s="257"/>
      <c r="EN14" s="257"/>
      <c r="EO14" s="257"/>
      <c r="EP14" s="257"/>
      <c r="EQ14" s="257"/>
      <c r="ER14" s="257"/>
      <c r="ES14" s="257"/>
      <c r="ET14" s="257"/>
      <c r="EU14" s="257"/>
      <c r="EV14" s="257"/>
      <c r="EW14" s="257"/>
      <c r="EX14" s="257"/>
      <c r="EY14" s="257"/>
      <c r="EZ14" s="257"/>
      <c r="FA14" s="257"/>
      <c r="FB14" s="257"/>
      <c r="FC14" s="257"/>
      <c r="FD14" s="257"/>
      <c r="FE14" s="257"/>
      <c r="FF14" s="257"/>
      <c r="FG14" s="257"/>
      <c r="FH14" s="257"/>
      <c r="FI14" s="257"/>
      <c r="FJ14" s="257"/>
      <c r="FK14" s="257"/>
      <c r="FL14" s="257"/>
      <c r="FM14" s="257"/>
      <c r="FN14" s="257"/>
      <c r="FO14" s="257"/>
      <c r="FP14" s="257"/>
      <c r="FQ14" s="257"/>
      <c r="FR14" s="257"/>
      <c r="FS14" s="257"/>
      <c r="FT14" s="257"/>
      <c r="FU14" s="257"/>
      <c r="FV14" s="257"/>
      <c r="FW14" s="257"/>
      <c r="FX14" s="257"/>
      <c r="FY14" s="257"/>
      <c r="FZ14" s="257"/>
      <c r="GA14" s="257"/>
      <c r="GB14" s="257"/>
      <c r="GC14" s="257"/>
      <c r="GD14" s="257"/>
      <c r="GE14" s="257"/>
      <c r="GF14" s="257"/>
      <c r="GG14" s="257"/>
      <c r="GH14" s="257"/>
      <c r="GI14" s="257"/>
      <c r="GJ14" s="257"/>
      <c r="GK14" s="257"/>
    </row>
    <row r="15" spans="1:193" s="260" customFormat="1" ht="84.75" customHeight="1">
      <c r="A15" s="455"/>
      <c r="B15" s="235"/>
      <c r="C15" s="459" t="s">
        <v>696</v>
      </c>
      <c r="D15" s="460"/>
      <c r="E15" s="223"/>
      <c r="F15" s="224" t="s">
        <v>344</v>
      </c>
      <c r="G15" s="225" t="s">
        <v>422</v>
      </c>
      <c r="H15" s="257"/>
      <c r="I15" s="257"/>
      <c r="J15" s="257"/>
      <c r="K15" s="257"/>
      <c r="L15" s="257"/>
      <c r="M15" s="257"/>
      <c r="N15" s="257"/>
      <c r="O15" s="257"/>
      <c r="P15" s="257"/>
      <c r="Q15" s="257"/>
      <c r="R15" s="257"/>
      <c r="S15" s="257"/>
      <c r="T15" s="257"/>
      <c r="U15" s="257"/>
      <c r="V15" s="257"/>
      <c r="W15" s="257"/>
      <c r="X15" s="257"/>
      <c r="Y15" s="257"/>
      <c r="Z15" s="257"/>
      <c r="AA15" s="257"/>
      <c r="AB15" s="257"/>
      <c r="AC15" s="257"/>
      <c r="AD15" s="257"/>
      <c r="AE15" s="257"/>
      <c r="AF15" s="257"/>
      <c r="AG15" s="257"/>
      <c r="AH15" s="257"/>
      <c r="AI15" s="257"/>
      <c r="AJ15" s="257"/>
      <c r="AK15" s="257"/>
      <c r="AL15" s="257"/>
      <c r="AM15" s="257"/>
      <c r="AN15" s="257"/>
      <c r="AO15" s="257"/>
      <c r="AP15" s="257"/>
      <c r="AQ15" s="257"/>
      <c r="AR15" s="257"/>
      <c r="AS15" s="257"/>
      <c r="AT15" s="257"/>
      <c r="AU15" s="257"/>
      <c r="AV15" s="257"/>
      <c r="AW15" s="257"/>
      <c r="AX15" s="257"/>
      <c r="AY15" s="257"/>
      <c r="AZ15" s="257"/>
      <c r="BA15" s="257"/>
      <c r="BB15" s="257"/>
      <c r="BC15" s="257"/>
      <c r="BD15" s="257"/>
      <c r="BE15" s="257"/>
      <c r="BF15" s="257"/>
      <c r="BG15" s="257"/>
      <c r="BH15" s="257"/>
      <c r="BI15" s="257"/>
      <c r="BJ15" s="257"/>
      <c r="BK15" s="257"/>
      <c r="BL15" s="257"/>
      <c r="BM15" s="257"/>
      <c r="BN15" s="257"/>
      <c r="BO15" s="257"/>
      <c r="BP15" s="257"/>
      <c r="BQ15" s="257"/>
      <c r="BR15" s="257"/>
      <c r="BS15" s="257"/>
      <c r="BT15" s="257"/>
      <c r="BU15" s="257"/>
      <c r="BV15" s="257"/>
      <c r="BW15" s="257"/>
      <c r="BX15" s="257"/>
      <c r="BY15" s="257"/>
      <c r="BZ15" s="257"/>
      <c r="CA15" s="257"/>
      <c r="CB15" s="257"/>
      <c r="CC15" s="257"/>
      <c r="CD15" s="257"/>
      <c r="CE15" s="257"/>
      <c r="CF15" s="257"/>
      <c r="CG15" s="257"/>
      <c r="CH15" s="257"/>
      <c r="CI15" s="257"/>
      <c r="CJ15" s="257"/>
      <c r="CK15" s="257"/>
      <c r="CL15" s="257"/>
      <c r="CM15" s="257"/>
      <c r="CN15" s="257"/>
      <c r="CO15" s="257"/>
      <c r="CP15" s="257"/>
      <c r="CQ15" s="257"/>
      <c r="CR15" s="257"/>
      <c r="CS15" s="257"/>
      <c r="CT15" s="257"/>
      <c r="CU15" s="257"/>
      <c r="CV15" s="257"/>
      <c r="CW15" s="257"/>
      <c r="CX15" s="257"/>
      <c r="CY15" s="257"/>
      <c r="CZ15" s="257"/>
      <c r="DA15" s="257"/>
      <c r="DB15" s="257"/>
      <c r="DC15" s="257"/>
      <c r="DD15" s="257"/>
      <c r="DE15" s="257"/>
      <c r="DF15" s="257"/>
      <c r="DG15" s="257"/>
      <c r="DH15" s="257"/>
      <c r="DI15" s="257"/>
      <c r="DJ15" s="257"/>
      <c r="DK15" s="257"/>
      <c r="DL15" s="257"/>
      <c r="DM15" s="257"/>
      <c r="DN15" s="257"/>
      <c r="DO15" s="257"/>
      <c r="DP15" s="257"/>
      <c r="DQ15" s="257"/>
      <c r="DR15" s="257"/>
      <c r="DS15" s="257"/>
      <c r="DT15" s="257"/>
      <c r="DU15" s="257"/>
      <c r="DV15" s="257"/>
      <c r="DW15" s="257"/>
      <c r="DX15" s="257"/>
      <c r="DY15" s="257"/>
      <c r="DZ15" s="257"/>
      <c r="EA15" s="257"/>
      <c r="EB15" s="257"/>
      <c r="EC15" s="257"/>
      <c r="ED15" s="257"/>
      <c r="EE15" s="257"/>
      <c r="EF15" s="257"/>
      <c r="EG15" s="257"/>
      <c r="EH15" s="257"/>
      <c r="EI15" s="257"/>
      <c r="EJ15" s="257"/>
      <c r="EK15" s="257"/>
      <c r="EL15" s="257"/>
      <c r="EM15" s="257"/>
      <c r="EN15" s="257"/>
      <c r="EO15" s="257"/>
      <c r="EP15" s="257"/>
      <c r="EQ15" s="257"/>
      <c r="ER15" s="257"/>
      <c r="ES15" s="257"/>
      <c r="ET15" s="257"/>
      <c r="EU15" s="257"/>
      <c r="EV15" s="257"/>
      <c r="EW15" s="257"/>
      <c r="EX15" s="257"/>
      <c r="EY15" s="257"/>
      <c r="EZ15" s="257"/>
      <c r="FA15" s="257"/>
      <c r="FB15" s="257"/>
      <c r="FC15" s="257"/>
      <c r="FD15" s="257"/>
      <c r="FE15" s="257"/>
      <c r="FF15" s="257"/>
      <c r="FG15" s="257"/>
      <c r="FH15" s="257"/>
      <c r="FI15" s="257"/>
      <c r="FJ15" s="257"/>
      <c r="FK15" s="257"/>
      <c r="FL15" s="257"/>
      <c r="FM15" s="257"/>
      <c r="FN15" s="257"/>
      <c r="FO15" s="257"/>
      <c r="FP15" s="257"/>
      <c r="FQ15" s="257"/>
      <c r="FR15" s="257"/>
      <c r="FS15" s="257"/>
      <c r="FT15" s="257"/>
      <c r="FU15" s="257"/>
      <c r="FV15" s="257"/>
      <c r="FW15" s="257"/>
      <c r="FX15" s="257"/>
      <c r="FY15" s="257"/>
      <c r="FZ15" s="257"/>
      <c r="GA15" s="257"/>
      <c r="GB15" s="257"/>
      <c r="GC15" s="257"/>
      <c r="GD15" s="257"/>
      <c r="GE15" s="257"/>
      <c r="GF15" s="257"/>
      <c r="GG15" s="257"/>
      <c r="GH15" s="257"/>
      <c r="GI15" s="257"/>
      <c r="GJ15" s="257"/>
      <c r="GK15" s="257"/>
    </row>
    <row r="16" spans="1:193" s="260" customFormat="1" ht="58.5" customHeight="1">
      <c r="A16" s="455"/>
      <c r="B16" s="235"/>
      <c r="C16" s="459" t="s">
        <v>695</v>
      </c>
      <c r="D16" s="460"/>
      <c r="E16" s="223"/>
      <c r="F16" s="224" t="s">
        <v>344</v>
      </c>
      <c r="G16" s="225" t="s">
        <v>422</v>
      </c>
      <c r="H16" s="257"/>
      <c r="I16" s="257"/>
      <c r="J16" s="257"/>
      <c r="K16" s="257"/>
      <c r="L16" s="257"/>
      <c r="M16" s="257"/>
      <c r="N16" s="257"/>
      <c r="O16" s="257"/>
      <c r="P16" s="257"/>
      <c r="Q16" s="257"/>
      <c r="R16" s="257"/>
      <c r="S16" s="257"/>
      <c r="T16" s="257"/>
      <c r="U16" s="257"/>
      <c r="V16" s="257"/>
      <c r="W16" s="257"/>
      <c r="X16" s="257"/>
      <c r="Y16" s="257"/>
      <c r="Z16" s="257"/>
      <c r="AA16" s="257"/>
      <c r="AB16" s="257"/>
      <c r="AC16" s="257"/>
      <c r="AD16" s="257"/>
      <c r="AE16" s="257"/>
      <c r="AF16" s="257"/>
      <c r="AG16" s="257"/>
      <c r="AH16" s="257"/>
      <c r="AI16" s="257"/>
      <c r="AJ16" s="257"/>
      <c r="AK16" s="257"/>
      <c r="AL16" s="257"/>
      <c r="AM16" s="257"/>
      <c r="AN16" s="257"/>
      <c r="AO16" s="257"/>
      <c r="AP16" s="257"/>
      <c r="AQ16" s="257"/>
      <c r="AR16" s="257"/>
      <c r="AS16" s="257"/>
      <c r="AT16" s="257"/>
      <c r="AU16" s="257"/>
      <c r="AV16" s="257"/>
      <c r="AW16" s="257"/>
      <c r="AX16" s="257"/>
      <c r="AY16" s="257"/>
      <c r="AZ16" s="257"/>
      <c r="BA16" s="257"/>
      <c r="BB16" s="257"/>
      <c r="BC16" s="257"/>
      <c r="BD16" s="257"/>
      <c r="BE16" s="257"/>
      <c r="BF16" s="257"/>
      <c r="BG16" s="257"/>
      <c r="BH16" s="257"/>
      <c r="BI16" s="257"/>
      <c r="BJ16" s="257"/>
      <c r="BK16" s="257"/>
      <c r="BL16" s="257"/>
      <c r="BM16" s="257"/>
      <c r="BN16" s="257"/>
      <c r="BO16" s="257"/>
      <c r="BP16" s="257"/>
      <c r="BQ16" s="257"/>
      <c r="BR16" s="257"/>
      <c r="BS16" s="257"/>
      <c r="BT16" s="257"/>
      <c r="BU16" s="257"/>
      <c r="BV16" s="257"/>
      <c r="BW16" s="257"/>
      <c r="BX16" s="257"/>
      <c r="BY16" s="257"/>
      <c r="BZ16" s="257"/>
      <c r="CA16" s="257"/>
      <c r="CB16" s="257"/>
      <c r="CC16" s="257"/>
      <c r="CD16" s="257"/>
      <c r="CE16" s="257"/>
      <c r="CF16" s="257"/>
      <c r="CG16" s="257"/>
      <c r="CH16" s="257"/>
      <c r="CI16" s="257"/>
      <c r="CJ16" s="257"/>
      <c r="CK16" s="257"/>
      <c r="CL16" s="257"/>
      <c r="CM16" s="257"/>
      <c r="CN16" s="257"/>
      <c r="CO16" s="257"/>
      <c r="CP16" s="257"/>
      <c r="CQ16" s="257"/>
      <c r="CR16" s="257"/>
      <c r="CS16" s="257"/>
      <c r="CT16" s="257"/>
      <c r="CU16" s="257"/>
      <c r="CV16" s="257"/>
      <c r="CW16" s="257"/>
      <c r="CX16" s="257"/>
      <c r="CY16" s="257"/>
      <c r="CZ16" s="257"/>
      <c r="DA16" s="257"/>
      <c r="DB16" s="257"/>
      <c r="DC16" s="257"/>
      <c r="DD16" s="257"/>
      <c r="DE16" s="257"/>
      <c r="DF16" s="257"/>
      <c r="DG16" s="257"/>
      <c r="DH16" s="257"/>
      <c r="DI16" s="257"/>
      <c r="DJ16" s="257"/>
      <c r="DK16" s="257"/>
      <c r="DL16" s="257"/>
      <c r="DM16" s="257"/>
      <c r="DN16" s="257"/>
      <c r="DO16" s="257"/>
      <c r="DP16" s="257"/>
      <c r="DQ16" s="257"/>
      <c r="DR16" s="257"/>
      <c r="DS16" s="257"/>
      <c r="DT16" s="257"/>
      <c r="DU16" s="257"/>
      <c r="DV16" s="257"/>
      <c r="DW16" s="257"/>
      <c r="DX16" s="257"/>
      <c r="DY16" s="257"/>
      <c r="DZ16" s="257"/>
      <c r="EA16" s="257"/>
      <c r="EB16" s="257"/>
      <c r="EC16" s="257"/>
      <c r="ED16" s="257"/>
      <c r="EE16" s="257"/>
      <c r="EF16" s="257"/>
      <c r="EG16" s="257"/>
      <c r="EH16" s="257"/>
      <c r="EI16" s="257"/>
      <c r="EJ16" s="257"/>
      <c r="EK16" s="257"/>
      <c r="EL16" s="257"/>
      <c r="EM16" s="257"/>
      <c r="EN16" s="257"/>
      <c r="EO16" s="257"/>
      <c r="EP16" s="257"/>
      <c r="EQ16" s="257"/>
      <c r="ER16" s="257"/>
      <c r="ES16" s="257"/>
      <c r="ET16" s="257"/>
      <c r="EU16" s="257"/>
      <c r="EV16" s="257"/>
      <c r="EW16" s="257"/>
      <c r="EX16" s="257"/>
      <c r="EY16" s="257"/>
      <c r="EZ16" s="257"/>
      <c r="FA16" s="257"/>
      <c r="FB16" s="257"/>
      <c r="FC16" s="257"/>
      <c r="FD16" s="257"/>
      <c r="FE16" s="257"/>
      <c r="FF16" s="257"/>
      <c r="FG16" s="257"/>
      <c r="FH16" s="257"/>
      <c r="FI16" s="257"/>
      <c r="FJ16" s="257"/>
      <c r="FK16" s="257"/>
      <c r="FL16" s="257"/>
      <c r="FM16" s="257"/>
      <c r="FN16" s="257"/>
      <c r="FO16" s="257"/>
      <c r="FP16" s="257"/>
      <c r="FQ16" s="257"/>
      <c r="FR16" s="257"/>
      <c r="FS16" s="257"/>
      <c r="FT16" s="257"/>
      <c r="FU16" s="257"/>
      <c r="FV16" s="257"/>
      <c r="FW16" s="257"/>
      <c r="FX16" s="257"/>
      <c r="FY16" s="257"/>
      <c r="FZ16" s="257"/>
      <c r="GA16" s="257"/>
      <c r="GB16" s="257"/>
      <c r="GC16" s="257"/>
      <c r="GD16" s="257"/>
      <c r="GE16" s="257"/>
      <c r="GF16" s="257"/>
      <c r="GG16" s="257"/>
      <c r="GH16" s="257"/>
      <c r="GI16" s="257"/>
      <c r="GJ16" s="257"/>
      <c r="GK16" s="257"/>
    </row>
    <row r="17" spans="1:193" s="260" customFormat="1" ht="86.25" customHeight="1">
      <c r="A17" s="455"/>
      <c r="B17" s="235"/>
      <c r="C17" s="459" t="s">
        <v>694</v>
      </c>
      <c r="D17" s="460"/>
      <c r="E17" s="223"/>
      <c r="F17" s="224" t="s">
        <v>344</v>
      </c>
      <c r="G17" s="225" t="s">
        <v>693</v>
      </c>
      <c r="H17" s="257"/>
      <c r="I17" s="257"/>
      <c r="J17" s="257"/>
      <c r="K17" s="257"/>
      <c r="L17" s="257"/>
      <c r="M17" s="257"/>
      <c r="N17" s="257"/>
      <c r="O17" s="257"/>
      <c r="P17" s="257"/>
      <c r="Q17" s="257"/>
      <c r="R17" s="257"/>
      <c r="S17" s="257"/>
      <c r="T17" s="257"/>
      <c r="U17" s="257"/>
      <c r="V17" s="257"/>
      <c r="W17" s="257"/>
      <c r="X17" s="257"/>
      <c r="Y17" s="257"/>
      <c r="Z17" s="257"/>
      <c r="AA17" s="257"/>
      <c r="AB17" s="257"/>
      <c r="AC17" s="257"/>
      <c r="AD17" s="257"/>
      <c r="AE17" s="257"/>
      <c r="AF17" s="257"/>
      <c r="AG17" s="257"/>
      <c r="AH17" s="257"/>
      <c r="AI17" s="257"/>
      <c r="AJ17" s="257"/>
      <c r="AK17" s="257"/>
      <c r="AL17" s="257"/>
      <c r="AM17" s="257"/>
      <c r="AN17" s="257"/>
      <c r="AO17" s="257"/>
      <c r="AP17" s="257"/>
      <c r="AQ17" s="257"/>
      <c r="AR17" s="257"/>
      <c r="AS17" s="257"/>
      <c r="AT17" s="257"/>
      <c r="AU17" s="257"/>
      <c r="AV17" s="257"/>
      <c r="AW17" s="257"/>
      <c r="AX17" s="257"/>
      <c r="AY17" s="257"/>
      <c r="AZ17" s="257"/>
      <c r="BA17" s="257"/>
      <c r="BB17" s="257"/>
      <c r="BC17" s="257"/>
      <c r="BD17" s="257"/>
      <c r="BE17" s="257"/>
      <c r="BF17" s="257"/>
      <c r="BG17" s="257"/>
      <c r="BH17" s="257"/>
      <c r="BI17" s="257"/>
      <c r="BJ17" s="257"/>
      <c r="BK17" s="257"/>
      <c r="BL17" s="257"/>
      <c r="BM17" s="257"/>
      <c r="BN17" s="257"/>
      <c r="BO17" s="257"/>
      <c r="BP17" s="257"/>
      <c r="BQ17" s="257"/>
      <c r="BR17" s="257"/>
      <c r="BS17" s="257"/>
      <c r="BT17" s="257"/>
      <c r="BU17" s="257"/>
      <c r="BV17" s="257"/>
      <c r="BW17" s="257"/>
      <c r="BX17" s="257"/>
      <c r="BY17" s="257"/>
      <c r="BZ17" s="257"/>
      <c r="CA17" s="257"/>
      <c r="CB17" s="257"/>
      <c r="CC17" s="257"/>
      <c r="CD17" s="257"/>
      <c r="CE17" s="257"/>
      <c r="CF17" s="257"/>
      <c r="CG17" s="257"/>
      <c r="CH17" s="257"/>
      <c r="CI17" s="257"/>
      <c r="CJ17" s="257"/>
      <c r="CK17" s="257"/>
      <c r="CL17" s="257"/>
      <c r="CM17" s="257"/>
      <c r="CN17" s="257"/>
      <c r="CO17" s="257"/>
      <c r="CP17" s="257"/>
      <c r="CQ17" s="257"/>
      <c r="CR17" s="257"/>
      <c r="CS17" s="257"/>
      <c r="CT17" s="257"/>
      <c r="CU17" s="257"/>
      <c r="CV17" s="257"/>
      <c r="CW17" s="257"/>
      <c r="CX17" s="257"/>
      <c r="CY17" s="257"/>
      <c r="CZ17" s="257"/>
      <c r="DA17" s="257"/>
      <c r="DB17" s="257"/>
      <c r="DC17" s="257"/>
      <c r="DD17" s="257"/>
      <c r="DE17" s="257"/>
      <c r="DF17" s="257"/>
      <c r="DG17" s="257"/>
      <c r="DH17" s="257"/>
      <c r="DI17" s="257"/>
      <c r="DJ17" s="257"/>
      <c r="DK17" s="257"/>
      <c r="DL17" s="257"/>
      <c r="DM17" s="257"/>
      <c r="DN17" s="257"/>
      <c r="DO17" s="257"/>
      <c r="DP17" s="257"/>
      <c r="DQ17" s="257"/>
      <c r="DR17" s="257"/>
      <c r="DS17" s="257"/>
      <c r="DT17" s="257"/>
      <c r="DU17" s="257"/>
      <c r="DV17" s="257"/>
      <c r="DW17" s="257"/>
      <c r="DX17" s="257"/>
      <c r="DY17" s="257"/>
      <c r="DZ17" s="257"/>
      <c r="EA17" s="257"/>
      <c r="EB17" s="257"/>
      <c r="EC17" s="257"/>
      <c r="ED17" s="257"/>
      <c r="EE17" s="257"/>
      <c r="EF17" s="257"/>
      <c r="EG17" s="257"/>
      <c r="EH17" s="257"/>
      <c r="EI17" s="257"/>
      <c r="EJ17" s="257"/>
      <c r="EK17" s="257"/>
      <c r="EL17" s="257"/>
      <c r="EM17" s="257"/>
      <c r="EN17" s="257"/>
      <c r="EO17" s="257"/>
      <c r="EP17" s="257"/>
      <c r="EQ17" s="257"/>
      <c r="ER17" s="257"/>
      <c r="ES17" s="257"/>
      <c r="ET17" s="257"/>
      <c r="EU17" s="257"/>
      <c r="EV17" s="257"/>
      <c r="EW17" s="257"/>
      <c r="EX17" s="257"/>
      <c r="EY17" s="257"/>
      <c r="EZ17" s="257"/>
      <c r="FA17" s="257"/>
      <c r="FB17" s="257"/>
      <c r="FC17" s="257"/>
      <c r="FD17" s="257"/>
      <c r="FE17" s="257"/>
      <c r="FF17" s="257"/>
      <c r="FG17" s="257"/>
      <c r="FH17" s="257"/>
      <c r="FI17" s="257"/>
      <c r="FJ17" s="257"/>
      <c r="FK17" s="257"/>
      <c r="FL17" s="257"/>
      <c r="FM17" s="257"/>
      <c r="FN17" s="257"/>
      <c r="FO17" s="257"/>
      <c r="FP17" s="257"/>
      <c r="FQ17" s="257"/>
      <c r="FR17" s="257"/>
      <c r="FS17" s="257"/>
      <c r="FT17" s="257"/>
      <c r="FU17" s="257"/>
      <c r="FV17" s="257"/>
      <c r="FW17" s="257"/>
      <c r="FX17" s="257"/>
      <c r="FY17" s="257"/>
      <c r="FZ17" s="257"/>
      <c r="GA17" s="257"/>
      <c r="GB17" s="257"/>
      <c r="GC17" s="257"/>
      <c r="GD17" s="257"/>
      <c r="GE17" s="257"/>
      <c r="GF17" s="257"/>
      <c r="GG17" s="257"/>
      <c r="GH17" s="257"/>
      <c r="GI17" s="257"/>
      <c r="GJ17" s="257"/>
      <c r="GK17" s="257"/>
    </row>
    <row r="18" spans="1:193" s="260" customFormat="1" ht="73.5" customHeight="1">
      <c r="A18" s="455"/>
      <c r="B18" s="235"/>
      <c r="C18" s="459" t="s">
        <v>692</v>
      </c>
      <c r="D18" s="460"/>
      <c r="E18" s="223"/>
      <c r="F18" s="224" t="s">
        <v>344</v>
      </c>
      <c r="G18" s="225" t="s">
        <v>691</v>
      </c>
      <c r="H18" s="257"/>
      <c r="I18" s="257"/>
      <c r="J18" s="257"/>
      <c r="K18" s="257"/>
      <c r="L18" s="257"/>
      <c r="M18" s="257"/>
      <c r="N18" s="257"/>
      <c r="O18" s="257"/>
      <c r="P18" s="257"/>
      <c r="Q18" s="257"/>
      <c r="R18" s="257"/>
      <c r="S18" s="257"/>
      <c r="T18" s="257"/>
      <c r="U18" s="257"/>
      <c r="V18" s="257"/>
      <c r="W18" s="257"/>
      <c r="X18" s="257"/>
      <c r="Y18" s="257"/>
      <c r="Z18" s="257"/>
      <c r="AA18" s="257"/>
      <c r="AB18" s="257"/>
      <c r="AC18" s="257"/>
      <c r="AD18" s="257"/>
      <c r="AE18" s="257"/>
      <c r="AF18" s="257"/>
      <c r="AG18" s="257"/>
      <c r="AH18" s="257"/>
      <c r="AI18" s="257"/>
      <c r="AJ18" s="257"/>
      <c r="AK18" s="257"/>
      <c r="AL18" s="257"/>
      <c r="AM18" s="257"/>
      <c r="AN18" s="257"/>
      <c r="AO18" s="257"/>
      <c r="AP18" s="257"/>
      <c r="AQ18" s="257"/>
      <c r="AR18" s="257"/>
      <c r="AS18" s="257"/>
      <c r="AT18" s="257"/>
      <c r="AU18" s="257"/>
      <c r="AV18" s="257"/>
      <c r="AW18" s="257"/>
      <c r="AX18" s="257"/>
      <c r="AY18" s="257"/>
      <c r="AZ18" s="257"/>
      <c r="BA18" s="257"/>
      <c r="BB18" s="257"/>
      <c r="BC18" s="257"/>
      <c r="BD18" s="257"/>
      <c r="BE18" s="257"/>
      <c r="BF18" s="257"/>
      <c r="BG18" s="257"/>
      <c r="BH18" s="257"/>
      <c r="BI18" s="257"/>
      <c r="BJ18" s="257"/>
      <c r="BK18" s="257"/>
      <c r="BL18" s="257"/>
      <c r="BM18" s="257"/>
      <c r="BN18" s="257"/>
      <c r="BO18" s="257"/>
      <c r="BP18" s="257"/>
      <c r="BQ18" s="257"/>
      <c r="BR18" s="257"/>
      <c r="BS18" s="257"/>
      <c r="BT18" s="257"/>
      <c r="BU18" s="257"/>
      <c r="BV18" s="257"/>
      <c r="BW18" s="257"/>
      <c r="BX18" s="257"/>
      <c r="BY18" s="257"/>
      <c r="BZ18" s="257"/>
      <c r="CA18" s="257"/>
      <c r="CB18" s="257"/>
      <c r="CC18" s="257"/>
      <c r="CD18" s="257"/>
      <c r="CE18" s="257"/>
      <c r="CF18" s="257"/>
      <c r="CG18" s="257"/>
      <c r="CH18" s="257"/>
      <c r="CI18" s="257"/>
      <c r="CJ18" s="257"/>
      <c r="CK18" s="257"/>
      <c r="CL18" s="257"/>
      <c r="CM18" s="257"/>
      <c r="CN18" s="257"/>
      <c r="CO18" s="257"/>
      <c r="CP18" s="257"/>
      <c r="CQ18" s="257"/>
      <c r="CR18" s="257"/>
      <c r="CS18" s="257"/>
      <c r="CT18" s="257"/>
      <c r="CU18" s="257"/>
      <c r="CV18" s="257"/>
      <c r="CW18" s="257"/>
      <c r="CX18" s="257"/>
      <c r="CY18" s="257"/>
      <c r="CZ18" s="257"/>
      <c r="DA18" s="257"/>
      <c r="DB18" s="257"/>
      <c r="DC18" s="257"/>
      <c r="DD18" s="257"/>
      <c r="DE18" s="257"/>
      <c r="DF18" s="257"/>
      <c r="DG18" s="257"/>
      <c r="DH18" s="257"/>
      <c r="DI18" s="257"/>
      <c r="DJ18" s="257"/>
      <c r="DK18" s="257"/>
      <c r="DL18" s="257"/>
      <c r="DM18" s="257"/>
      <c r="DN18" s="257"/>
      <c r="DO18" s="257"/>
      <c r="DP18" s="257"/>
      <c r="DQ18" s="257"/>
      <c r="DR18" s="257"/>
      <c r="DS18" s="257"/>
      <c r="DT18" s="257"/>
      <c r="DU18" s="257"/>
      <c r="DV18" s="257"/>
      <c r="DW18" s="257"/>
      <c r="DX18" s="257"/>
      <c r="DY18" s="257"/>
      <c r="DZ18" s="257"/>
      <c r="EA18" s="257"/>
      <c r="EB18" s="257"/>
      <c r="EC18" s="257"/>
      <c r="ED18" s="257"/>
      <c r="EE18" s="257"/>
      <c r="EF18" s="257"/>
      <c r="EG18" s="257"/>
      <c r="EH18" s="257"/>
      <c r="EI18" s="257"/>
      <c r="EJ18" s="257"/>
      <c r="EK18" s="257"/>
      <c r="EL18" s="257"/>
      <c r="EM18" s="257"/>
      <c r="EN18" s="257"/>
      <c r="EO18" s="257"/>
      <c r="EP18" s="257"/>
      <c r="EQ18" s="257"/>
      <c r="ER18" s="257"/>
      <c r="ES18" s="257"/>
      <c r="ET18" s="257"/>
      <c r="EU18" s="257"/>
      <c r="EV18" s="257"/>
      <c r="EW18" s="257"/>
      <c r="EX18" s="257"/>
      <c r="EY18" s="257"/>
      <c r="EZ18" s="257"/>
      <c r="FA18" s="257"/>
      <c r="FB18" s="257"/>
      <c r="FC18" s="257"/>
      <c r="FD18" s="257"/>
      <c r="FE18" s="257"/>
      <c r="FF18" s="257"/>
      <c r="FG18" s="257"/>
      <c r="FH18" s="257"/>
      <c r="FI18" s="257"/>
      <c r="FJ18" s="257"/>
      <c r="FK18" s="257"/>
      <c r="FL18" s="257"/>
      <c r="FM18" s="257"/>
      <c r="FN18" s="257"/>
      <c r="FO18" s="257"/>
      <c r="FP18" s="257"/>
      <c r="FQ18" s="257"/>
      <c r="FR18" s="257"/>
      <c r="FS18" s="257"/>
      <c r="FT18" s="257"/>
      <c r="FU18" s="257"/>
      <c r="FV18" s="257"/>
      <c r="FW18" s="257"/>
      <c r="FX18" s="257"/>
      <c r="FY18" s="257"/>
      <c r="FZ18" s="257"/>
      <c r="GA18" s="257"/>
      <c r="GB18" s="257"/>
      <c r="GC18" s="257"/>
      <c r="GD18" s="257"/>
      <c r="GE18" s="257"/>
      <c r="GF18" s="257"/>
      <c r="GG18" s="257"/>
      <c r="GH18" s="257"/>
      <c r="GI18" s="257"/>
      <c r="GJ18" s="257"/>
      <c r="GK18" s="257"/>
    </row>
    <row r="19" spans="1:193" s="260" customFormat="1" ht="83.25" customHeight="1">
      <c r="A19" s="456"/>
      <c r="B19" s="228"/>
      <c r="C19" s="461" t="s">
        <v>690</v>
      </c>
      <c r="D19" s="462"/>
      <c r="E19" s="236"/>
      <c r="F19" s="237" t="s">
        <v>344</v>
      </c>
      <c r="G19" s="238" t="s">
        <v>689</v>
      </c>
      <c r="H19" s="257"/>
      <c r="I19" s="257"/>
      <c r="J19" s="257"/>
      <c r="K19" s="257"/>
      <c r="L19" s="257"/>
      <c r="M19" s="257"/>
      <c r="N19" s="257"/>
      <c r="O19" s="257"/>
      <c r="P19" s="257"/>
      <c r="Q19" s="257"/>
      <c r="R19" s="257"/>
      <c r="S19" s="257"/>
      <c r="T19" s="257"/>
      <c r="U19" s="257"/>
      <c r="V19" s="257"/>
      <c r="W19" s="257"/>
      <c r="X19" s="257"/>
      <c r="Y19" s="257"/>
      <c r="Z19" s="257"/>
      <c r="AA19" s="257"/>
      <c r="AB19" s="257"/>
      <c r="AC19" s="257"/>
      <c r="AD19" s="257"/>
      <c r="AE19" s="257"/>
      <c r="AF19" s="257"/>
      <c r="AG19" s="257"/>
      <c r="AH19" s="257"/>
      <c r="AI19" s="257"/>
      <c r="AJ19" s="257"/>
      <c r="AK19" s="257"/>
      <c r="AL19" s="257"/>
      <c r="AM19" s="257"/>
      <c r="AN19" s="257"/>
      <c r="AO19" s="257"/>
      <c r="AP19" s="257"/>
      <c r="AQ19" s="257"/>
      <c r="AR19" s="257"/>
      <c r="AS19" s="257"/>
      <c r="AT19" s="257"/>
      <c r="AU19" s="257"/>
      <c r="AV19" s="257"/>
      <c r="AW19" s="257"/>
      <c r="AX19" s="257"/>
      <c r="AY19" s="257"/>
      <c r="AZ19" s="257"/>
      <c r="BA19" s="257"/>
      <c r="BB19" s="257"/>
      <c r="BC19" s="257"/>
      <c r="BD19" s="257"/>
      <c r="BE19" s="257"/>
      <c r="BF19" s="257"/>
      <c r="BG19" s="257"/>
      <c r="BH19" s="257"/>
      <c r="BI19" s="257"/>
      <c r="BJ19" s="257"/>
      <c r="BK19" s="257"/>
      <c r="BL19" s="257"/>
      <c r="BM19" s="257"/>
      <c r="BN19" s="257"/>
      <c r="BO19" s="257"/>
      <c r="BP19" s="257"/>
      <c r="BQ19" s="257"/>
      <c r="BR19" s="257"/>
      <c r="BS19" s="257"/>
      <c r="BT19" s="257"/>
      <c r="BU19" s="257"/>
      <c r="BV19" s="257"/>
      <c r="BW19" s="257"/>
      <c r="BX19" s="257"/>
      <c r="BY19" s="257"/>
      <c r="BZ19" s="257"/>
      <c r="CA19" s="257"/>
      <c r="CB19" s="257"/>
      <c r="CC19" s="257"/>
      <c r="CD19" s="257"/>
      <c r="CE19" s="257"/>
      <c r="CF19" s="257"/>
      <c r="CG19" s="257"/>
      <c r="CH19" s="257"/>
      <c r="CI19" s="257"/>
      <c r="CJ19" s="257"/>
      <c r="CK19" s="257"/>
      <c r="CL19" s="257"/>
      <c r="CM19" s="257"/>
      <c r="CN19" s="257"/>
      <c r="CO19" s="257"/>
      <c r="CP19" s="257"/>
      <c r="CQ19" s="257"/>
      <c r="CR19" s="257"/>
      <c r="CS19" s="257"/>
      <c r="CT19" s="257"/>
      <c r="CU19" s="257"/>
      <c r="CV19" s="257"/>
      <c r="CW19" s="257"/>
      <c r="CX19" s="257"/>
      <c r="CY19" s="257"/>
      <c r="CZ19" s="257"/>
      <c r="DA19" s="257"/>
      <c r="DB19" s="257"/>
      <c r="DC19" s="257"/>
      <c r="DD19" s="257"/>
      <c r="DE19" s="257"/>
      <c r="DF19" s="257"/>
      <c r="DG19" s="257"/>
      <c r="DH19" s="257"/>
      <c r="DI19" s="257"/>
      <c r="DJ19" s="257"/>
      <c r="DK19" s="257"/>
      <c r="DL19" s="257"/>
      <c r="DM19" s="257"/>
      <c r="DN19" s="257"/>
      <c r="DO19" s="257"/>
      <c r="DP19" s="257"/>
      <c r="DQ19" s="257"/>
      <c r="DR19" s="257"/>
      <c r="DS19" s="257"/>
      <c r="DT19" s="257"/>
      <c r="DU19" s="257"/>
      <c r="DV19" s="257"/>
      <c r="DW19" s="257"/>
      <c r="DX19" s="257"/>
      <c r="DY19" s="257"/>
      <c r="DZ19" s="257"/>
      <c r="EA19" s="257"/>
      <c r="EB19" s="257"/>
      <c r="EC19" s="257"/>
      <c r="ED19" s="257"/>
      <c r="EE19" s="257"/>
      <c r="EF19" s="257"/>
      <c r="EG19" s="257"/>
      <c r="EH19" s="257"/>
      <c r="EI19" s="257"/>
      <c r="EJ19" s="257"/>
      <c r="EK19" s="257"/>
      <c r="EL19" s="257"/>
      <c r="EM19" s="257"/>
      <c r="EN19" s="257"/>
      <c r="EO19" s="257"/>
      <c r="EP19" s="257"/>
      <c r="EQ19" s="257"/>
      <c r="ER19" s="257"/>
      <c r="ES19" s="257"/>
      <c r="ET19" s="257"/>
      <c r="EU19" s="257"/>
      <c r="EV19" s="257"/>
      <c r="EW19" s="257"/>
      <c r="EX19" s="257"/>
      <c r="EY19" s="257"/>
      <c r="EZ19" s="257"/>
      <c r="FA19" s="257"/>
      <c r="FB19" s="257"/>
      <c r="FC19" s="257"/>
      <c r="FD19" s="257"/>
      <c r="FE19" s="257"/>
      <c r="FF19" s="257"/>
      <c r="FG19" s="257"/>
      <c r="FH19" s="257"/>
      <c r="FI19" s="257"/>
      <c r="FJ19" s="257"/>
      <c r="FK19" s="257"/>
      <c r="FL19" s="257"/>
      <c r="FM19" s="257"/>
      <c r="FN19" s="257"/>
      <c r="FO19" s="257"/>
      <c r="FP19" s="257"/>
      <c r="FQ19" s="257"/>
      <c r="FR19" s="257"/>
      <c r="FS19" s="257"/>
      <c r="FT19" s="257"/>
      <c r="FU19" s="257"/>
      <c r="FV19" s="257"/>
      <c r="FW19" s="257"/>
      <c r="FX19" s="257"/>
      <c r="FY19" s="257"/>
      <c r="FZ19" s="257"/>
      <c r="GA19" s="257"/>
      <c r="GB19" s="257"/>
      <c r="GC19" s="257"/>
      <c r="GD19" s="257"/>
      <c r="GE19" s="257"/>
      <c r="GF19" s="257"/>
      <c r="GG19" s="257"/>
      <c r="GH19" s="257"/>
      <c r="GI19" s="257"/>
      <c r="GJ19" s="257"/>
      <c r="GK19" s="257"/>
    </row>
    <row r="20" spans="1:193" s="260" customFormat="1" ht="51.75" customHeight="1">
      <c r="A20" s="478" t="s">
        <v>688</v>
      </c>
      <c r="B20" s="265" t="s">
        <v>669</v>
      </c>
      <c r="C20" s="457" t="s">
        <v>687</v>
      </c>
      <c r="D20" s="458"/>
      <c r="E20" s="232"/>
      <c r="F20" s="233" t="s">
        <v>344</v>
      </c>
      <c r="G20" s="234" t="s">
        <v>686</v>
      </c>
      <c r="H20" s="257"/>
      <c r="I20" s="257"/>
      <c r="J20" s="257"/>
      <c r="K20" s="257"/>
      <c r="L20" s="257"/>
      <c r="M20" s="257"/>
      <c r="N20" s="257"/>
      <c r="O20" s="257"/>
      <c r="P20" s="257"/>
      <c r="Q20" s="257"/>
      <c r="R20" s="257"/>
      <c r="S20" s="257"/>
      <c r="T20" s="257"/>
      <c r="U20" s="257"/>
      <c r="V20" s="257"/>
      <c r="W20" s="257"/>
      <c r="X20" s="257"/>
      <c r="Y20" s="257"/>
      <c r="Z20" s="257"/>
      <c r="AA20" s="257"/>
      <c r="AB20" s="257"/>
      <c r="AC20" s="257"/>
      <c r="AD20" s="257"/>
      <c r="AE20" s="257"/>
      <c r="AF20" s="257"/>
      <c r="AG20" s="257"/>
      <c r="AH20" s="257"/>
      <c r="AI20" s="257"/>
      <c r="AJ20" s="257"/>
      <c r="AK20" s="257"/>
      <c r="AL20" s="257"/>
      <c r="AM20" s="257"/>
      <c r="AN20" s="257"/>
      <c r="AO20" s="257"/>
      <c r="AP20" s="257"/>
      <c r="AQ20" s="257"/>
      <c r="AR20" s="257"/>
      <c r="AS20" s="257"/>
      <c r="AT20" s="257"/>
      <c r="AU20" s="257"/>
      <c r="AV20" s="257"/>
      <c r="AW20" s="257"/>
      <c r="AX20" s="257"/>
      <c r="AY20" s="257"/>
      <c r="AZ20" s="257"/>
      <c r="BA20" s="257"/>
      <c r="BB20" s="257"/>
      <c r="BC20" s="257"/>
      <c r="BD20" s="257"/>
      <c r="BE20" s="257"/>
      <c r="BF20" s="257"/>
      <c r="BG20" s="257"/>
      <c r="BH20" s="257"/>
      <c r="BI20" s="257"/>
      <c r="BJ20" s="257"/>
      <c r="BK20" s="257"/>
      <c r="BL20" s="257"/>
      <c r="BM20" s="257"/>
      <c r="BN20" s="257"/>
      <c r="BO20" s="257"/>
      <c r="BP20" s="257"/>
      <c r="BQ20" s="257"/>
      <c r="BR20" s="257"/>
      <c r="BS20" s="257"/>
      <c r="BT20" s="257"/>
      <c r="BU20" s="257"/>
      <c r="BV20" s="257"/>
      <c r="BW20" s="257"/>
      <c r="BX20" s="257"/>
      <c r="BY20" s="257"/>
      <c r="BZ20" s="257"/>
      <c r="CA20" s="257"/>
      <c r="CB20" s="257"/>
      <c r="CC20" s="257"/>
      <c r="CD20" s="257"/>
      <c r="CE20" s="257"/>
      <c r="CF20" s="257"/>
      <c r="CG20" s="257"/>
      <c r="CH20" s="257"/>
      <c r="CI20" s="257"/>
      <c r="CJ20" s="257"/>
      <c r="CK20" s="257"/>
      <c r="CL20" s="257"/>
      <c r="CM20" s="257"/>
      <c r="CN20" s="257"/>
      <c r="CO20" s="257"/>
      <c r="CP20" s="257"/>
      <c r="CQ20" s="257"/>
      <c r="CR20" s="257"/>
      <c r="CS20" s="257"/>
      <c r="CT20" s="257"/>
      <c r="CU20" s="257"/>
      <c r="CV20" s="257"/>
      <c r="CW20" s="257"/>
      <c r="CX20" s="257"/>
      <c r="CY20" s="257"/>
      <c r="CZ20" s="257"/>
      <c r="DA20" s="257"/>
      <c r="DB20" s="257"/>
      <c r="DC20" s="257"/>
      <c r="DD20" s="257"/>
      <c r="DE20" s="257"/>
      <c r="DF20" s="257"/>
      <c r="DG20" s="257"/>
      <c r="DH20" s="257"/>
      <c r="DI20" s="257"/>
      <c r="DJ20" s="257"/>
      <c r="DK20" s="257"/>
      <c r="DL20" s="257"/>
      <c r="DM20" s="257"/>
      <c r="DN20" s="257"/>
      <c r="DO20" s="257"/>
      <c r="DP20" s="257"/>
      <c r="DQ20" s="257"/>
      <c r="DR20" s="257"/>
      <c r="DS20" s="257"/>
      <c r="DT20" s="257"/>
      <c r="DU20" s="257"/>
      <c r="DV20" s="257"/>
      <c r="DW20" s="257"/>
      <c r="DX20" s="257"/>
      <c r="DY20" s="257"/>
      <c r="DZ20" s="257"/>
      <c r="EA20" s="257"/>
      <c r="EB20" s="257"/>
      <c r="EC20" s="257"/>
      <c r="ED20" s="257"/>
      <c r="EE20" s="257"/>
      <c r="EF20" s="257"/>
      <c r="EG20" s="257"/>
      <c r="EH20" s="257"/>
      <c r="EI20" s="257"/>
      <c r="EJ20" s="257"/>
      <c r="EK20" s="257"/>
      <c r="EL20" s="257"/>
      <c r="EM20" s="257"/>
      <c r="EN20" s="257"/>
      <c r="EO20" s="257"/>
      <c r="EP20" s="257"/>
      <c r="EQ20" s="257"/>
      <c r="ER20" s="257"/>
      <c r="ES20" s="257"/>
      <c r="ET20" s="257"/>
      <c r="EU20" s="257"/>
      <c r="EV20" s="257"/>
      <c r="EW20" s="257"/>
      <c r="EX20" s="257"/>
      <c r="EY20" s="257"/>
      <c r="EZ20" s="257"/>
      <c r="FA20" s="257"/>
      <c r="FB20" s="257"/>
      <c r="FC20" s="257"/>
      <c r="FD20" s="257"/>
      <c r="FE20" s="257"/>
      <c r="FF20" s="257"/>
      <c r="FG20" s="257"/>
      <c r="FH20" s="257"/>
      <c r="FI20" s="257"/>
      <c r="FJ20" s="257"/>
      <c r="FK20" s="257"/>
      <c r="FL20" s="257"/>
      <c r="FM20" s="257"/>
      <c r="FN20" s="257"/>
      <c r="FO20" s="257"/>
      <c r="FP20" s="257"/>
      <c r="FQ20" s="257"/>
      <c r="FR20" s="257"/>
      <c r="FS20" s="257"/>
      <c r="FT20" s="257"/>
      <c r="FU20" s="257"/>
      <c r="FV20" s="257"/>
      <c r="FW20" s="257"/>
      <c r="FX20" s="257"/>
      <c r="FY20" s="257"/>
      <c r="FZ20" s="257"/>
      <c r="GA20" s="257"/>
      <c r="GB20" s="257"/>
      <c r="GC20" s="257"/>
      <c r="GD20" s="257"/>
      <c r="GE20" s="257"/>
      <c r="GF20" s="257"/>
      <c r="GG20" s="257"/>
      <c r="GH20" s="257"/>
      <c r="GI20" s="257"/>
      <c r="GJ20" s="257"/>
      <c r="GK20" s="257"/>
    </row>
    <row r="21" spans="1:193" s="227" customFormat="1" ht="87.75" customHeight="1">
      <c r="A21" s="479"/>
      <c r="B21" s="261"/>
      <c r="C21" s="459" t="s">
        <v>685</v>
      </c>
      <c r="D21" s="460"/>
      <c r="E21" s="223"/>
      <c r="F21" s="224" t="s">
        <v>344</v>
      </c>
      <c r="G21" s="225" t="s">
        <v>684</v>
      </c>
      <c r="H21" s="226"/>
      <c r="I21" s="226"/>
      <c r="J21" s="226"/>
      <c r="K21" s="226"/>
      <c r="L21" s="226"/>
      <c r="M21" s="226"/>
      <c r="N21" s="226"/>
      <c r="O21" s="226"/>
      <c r="P21" s="226"/>
      <c r="Q21" s="226"/>
      <c r="R21" s="226"/>
      <c r="S21" s="226"/>
      <c r="T21" s="226"/>
      <c r="U21" s="226"/>
      <c r="V21" s="226"/>
      <c r="W21" s="226"/>
      <c r="X21" s="226"/>
      <c r="Y21" s="226"/>
      <c r="Z21" s="226"/>
      <c r="AA21" s="226"/>
      <c r="AB21" s="226"/>
      <c r="AC21" s="226"/>
      <c r="AD21" s="226"/>
      <c r="AE21" s="226"/>
      <c r="AF21" s="226"/>
      <c r="AG21" s="226"/>
      <c r="AH21" s="226"/>
      <c r="AI21" s="226"/>
      <c r="AJ21" s="226"/>
      <c r="AK21" s="226"/>
      <c r="AL21" s="226"/>
      <c r="AM21" s="226"/>
      <c r="AN21" s="226"/>
      <c r="AO21" s="226"/>
      <c r="AP21" s="226"/>
      <c r="AQ21" s="226"/>
      <c r="AR21" s="226"/>
      <c r="AS21" s="226"/>
      <c r="AT21" s="226"/>
      <c r="AU21" s="226"/>
      <c r="AV21" s="226"/>
      <c r="AW21" s="226"/>
      <c r="AX21" s="226"/>
      <c r="AY21" s="226"/>
      <c r="AZ21" s="226"/>
      <c r="BA21" s="226"/>
      <c r="BB21" s="226"/>
      <c r="BC21" s="226"/>
      <c r="BD21" s="226"/>
      <c r="BE21" s="226"/>
      <c r="BF21" s="226"/>
      <c r="BG21" s="226"/>
      <c r="BH21" s="226"/>
      <c r="BI21" s="226"/>
      <c r="BJ21" s="226"/>
      <c r="BK21" s="226"/>
      <c r="BL21" s="226"/>
      <c r="BM21" s="226"/>
      <c r="BN21" s="226"/>
      <c r="BO21" s="226"/>
      <c r="BP21" s="226"/>
      <c r="BQ21" s="226"/>
      <c r="BR21" s="226"/>
      <c r="BS21" s="226"/>
      <c r="BT21" s="226"/>
      <c r="BU21" s="226"/>
      <c r="BV21" s="226"/>
      <c r="BW21" s="226"/>
      <c r="BX21" s="226"/>
      <c r="BY21" s="226"/>
      <c r="BZ21" s="226"/>
      <c r="CA21" s="226"/>
      <c r="CB21" s="226"/>
      <c r="CC21" s="226"/>
      <c r="CD21" s="226"/>
      <c r="CE21" s="226"/>
      <c r="CF21" s="226"/>
      <c r="CG21" s="226"/>
      <c r="CH21" s="226"/>
      <c r="CI21" s="226"/>
      <c r="CJ21" s="226"/>
      <c r="CK21" s="226"/>
      <c r="CL21" s="226"/>
      <c r="CM21" s="226"/>
      <c r="CN21" s="226"/>
      <c r="CO21" s="226"/>
      <c r="CP21" s="226"/>
      <c r="CQ21" s="226"/>
      <c r="CR21" s="226"/>
      <c r="CS21" s="226"/>
      <c r="CT21" s="226"/>
      <c r="CU21" s="226"/>
      <c r="CV21" s="226"/>
      <c r="CW21" s="226"/>
      <c r="CX21" s="226"/>
      <c r="CY21" s="226"/>
      <c r="CZ21" s="226"/>
      <c r="DA21" s="226"/>
      <c r="DB21" s="226"/>
      <c r="DC21" s="226"/>
      <c r="DD21" s="226"/>
      <c r="DE21" s="226"/>
      <c r="DF21" s="226"/>
      <c r="DG21" s="226"/>
      <c r="DH21" s="226"/>
      <c r="DI21" s="226"/>
      <c r="DJ21" s="226"/>
      <c r="DK21" s="226"/>
      <c r="DL21" s="226"/>
      <c r="DM21" s="226"/>
      <c r="DN21" s="226"/>
      <c r="DO21" s="226"/>
      <c r="DP21" s="226"/>
      <c r="DQ21" s="226"/>
      <c r="DR21" s="226"/>
      <c r="DS21" s="226"/>
      <c r="DT21" s="226"/>
      <c r="DU21" s="226"/>
      <c r="DV21" s="226"/>
      <c r="DW21" s="226"/>
      <c r="DX21" s="226"/>
      <c r="DY21" s="226"/>
      <c r="DZ21" s="226"/>
      <c r="EA21" s="226"/>
      <c r="EB21" s="226"/>
      <c r="EC21" s="226"/>
      <c r="ED21" s="226"/>
      <c r="EE21" s="226"/>
      <c r="EF21" s="226"/>
      <c r="EG21" s="226"/>
      <c r="EH21" s="226"/>
      <c r="EI21" s="226"/>
      <c r="EJ21" s="226"/>
      <c r="EK21" s="226"/>
      <c r="EL21" s="226"/>
      <c r="EM21" s="226"/>
      <c r="EN21" s="226"/>
      <c r="EO21" s="226"/>
      <c r="EP21" s="226"/>
      <c r="EQ21" s="226"/>
      <c r="ER21" s="226"/>
      <c r="ES21" s="226"/>
      <c r="ET21" s="226"/>
      <c r="EU21" s="226"/>
      <c r="EV21" s="226"/>
      <c r="EW21" s="226"/>
      <c r="EX21" s="226"/>
      <c r="EY21" s="226"/>
      <c r="EZ21" s="226"/>
      <c r="FA21" s="226"/>
      <c r="FB21" s="226"/>
      <c r="FC21" s="226"/>
      <c r="FD21" s="226"/>
      <c r="FE21" s="226"/>
      <c r="FF21" s="226"/>
      <c r="FG21" s="226"/>
      <c r="FH21" s="226"/>
      <c r="FI21" s="226"/>
      <c r="FJ21" s="226"/>
      <c r="FK21" s="226"/>
      <c r="FL21" s="226"/>
      <c r="FM21" s="226"/>
      <c r="FN21" s="226"/>
      <c r="FO21" s="226"/>
      <c r="FP21" s="226"/>
      <c r="FQ21" s="226"/>
      <c r="FR21" s="226"/>
      <c r="FS21" s="226"/>
      <c r="FT21" s="226"/>
      <c r="FU21" s="226"/>
      <c r="FV21" s="226"/>
      <c r="FW21" s="226"/>
      <c r="FX21" s="226"/>
      <c r="FY21" s="226"/>
      <c r="FZ21" s="226"/>
      <c r="GA21" s="226"/>
      <c r="GB21" s="226"/>
      <c r="GC21" s="226"/>
      <c r="GD21" s="226"/>
      <c r="GE21" s="226"/>
      <c r="GF21" s="226"/>
      <c r="GG21" s="226"/>
      <c r="GH21" s="226"/>
      <c r="GI21" s="226"/>
      <c r="GJ21" s="226"/>
      <c r="GK21" s="226"/>
    </row>
    <row r="22" spans="1:193" s="260" customFormat="1" ht="75" customHeight="1">
      <c r="A22" s="479"/>
      <c r="B22" s="261"/>
      <c r="C22" s="459" t="s">
        <v>683</v>
      </c>
      <c r="D22" s="460"/>
      <c r="E22" s="223"/>
      <c r="F22" s="224" t="s">
        <v>344</v>
      </c>
      <c r="G22" s="225" t="s">
        <v>681</v>
      </c>
      <c r="H22" s="257"/>
      <c r="I22" s="257"/>
      <c r="J22" s="257"/>
      <c r="K22" s="257"/>
      <c r="L22" s="257"/>
      <c r="M22" s="257"/>
      <c r="N22" s="257"/>
      <c r="O22" s="257"/>
      <c r="P22" s="257"/>
      <c r="Q22" s="257"/>
      <c r="R22" s="257"/>
      <c r="S22" s="257"/>
      <c r="T22" s="257"/>
      <c r="U22" s="257"/>
      <c r="V22" s="257"/>
      <c r="W22" s="257"/>
      <c r="X22" s="257"/>
      <c r="Y22" s="257"/>
      <c r="Z22" s="257"/>
      <c r="AA22" s="257"/>
      <c r="AB22" s="257"/>
      <c r="AC22" s="257"/>
      <c r="AD22" s="257"/>
      <c r="AE22" s="257"/>
      <c r="AF22" s="257"/>
      <c r="AG22" s="257"/>
      <c r="AH22" s="257"/>
      <c r="AI22" s="257"/>
      <c r="AJ22" s="257"/>
      <c r="AK22" s="257"/>
      <c r="AL22" s="257"/>
      <c r="AM22" s="257"/>
      <c r="AN22" s="257"/>
      <c r="AO22" s="257"/>
      <c r="AP22" s="257"/>
      <c r="AQ22" s="257"/>
      <c r="AR22" s="257"/>
      <c r="AS22" s="257"/>
      <c r="AT22" s="257"/>
      <c r="AU22" s="257"/>
      <c r="AV22" s="257"/>
      <c r="AW22" s="257"/>
      <c r="AX22" s="257"/>
      <c r="AY22" s="257"/>
      <c r="AZ22" s="257"/>
      <c r="BA22" s="257"/>
      <c r="BB22" s="257"/>
      <c r="BC22" s="257"/>
      <c r="BD22" s="257"/>
      <c r="BE22" s="257"/>
      <c r="BF22" s="257"/>
      <c r="BG22" s="257"/>
      <c r="BH22" s="257"/>
      <c r="BI22" s="257"/>
      <c r="BJ22" s="257"/>
      <c r="BK22" s="257"/>
      <c r="BL22" s="257"/>
      <c r="BM22" s="257"/>
      <c r="BN22" s="257"/>
      <c r="BO22" s="257"/>
      <c r="BP22" s="257"/>
      <c r="BQ22" s="257"/>
      <c r="BR22" s="257"/>
      <c r="BS22" s="257"/>
      <c r="BT22" s="257"/>
      <c r="BU22" s="257"/>
      <c r="BV22" s="257"/>
      <c r="BW22" s="257"/>
      <c r="BX22" s="257"/>
      <c r="BY22" s="257"/>
      <c r="BZ22" s="257"/>
      <c r="CA22" s="257"/>
      <c r="CB22" s="257"/>
      <c r="CC22" s="257"/>
      <c r="CD22" s="257"/>
      <c r="CE22" s="257"/>
      <c r="CF22" s="257"/>
      <c r="CG22" s="257"/>
      <c r="CH22" s="257"/>
      <c r="CI22" s="257"/>
      <c r="CJ22" s="257"/>
      <c r="CK22" s="257"/>
      <c r="CL22" s="257"/>
      <c r="CM22" s="257"/>
      <c r="CN22" s="257"/>
      <c r="CO22" s="257"/>
      <c r="CP22" s="257"/>
      <c r="CQ22" s="257"/>
      <c r="CR22" s="257"/>
      <c r="CS22" s="257"/>
      <c r="CT22" s="257"/>
      <c r="CU22" s="257"/>
      <c r="CV22" s="257"/>
      <c r="CW22" s="257"/>
      <c r="CX22" s="257"/>
      <c r="CY22" s="257"/>
      <c r="CZ22" s="257"/>
      <c r="DA22" s="257"/>
      <c r="DB22" s="257"/>
      <c r="DC22" s="257"/>
      <c r="DD22" s="257"/>
      <c r="DE22" s="257"/>
      <c r="DF22" s="257"/>
      <c r="DG22" s="257"/>
      <c r="DH22" s="257"/>
      <c r="DI22" s="257"/>
      <c r="DJ22" s="257"/>
      <c r="DK22" s="257"/>
      <c r="DL22" s="257"/>
      <c r="DM22" s="257"/>
      <c r="DN22" s="257"/>
      <c r="DO22" s="257"/>
      <c r="DP22" s="257"/>
      <c r="DQ22" s="257"/>
      <c r="DR22" s="257"/>
      <c r="DS22" s="257"/>
      <c r="DT22" s="257"/>
      <c r="DU22" s="257"/>
      <c r="DV22" s="257"/>
      <c r="DW22" s="257"/>
      <c r="DX22" s="257"/>
      <c r="DY22" s="257"/>
      <c r="DZ22" s="257"/>
      <c r="EA22" s="257"/>
      <c r="EB22" s="257"/>
      <c r="EC22" s="257"/>
      <c r="ED22" s="257"/>
      <c r="EE22" s="257"/>
      <c r="EF22" s="257"/>
      <c r="EG22" s="257"/>
      <c r="EH22" s="257"/>
      <c r="EI22" s="257"/>
      <c r="EJ22" s="257"/>
      <c r="EK22" s="257"/>
      <c r="EL22" s="257"/>
      <c r="EM22" s="257"/>
      <c r="EN22" s="257"/>
      <c r="EO22" s="257"/>
      <c r="EP22" s="257"/>
      <c r="EQ22" s="257"/>
      <c r="ER22" s="257"/>
      <c r="ES22" s="257"/>
      <c r="ET22" s="257"/>
      <c r="EU22" s="257"/>
      <c r="EV22" s="257"/>
      <c r="EW22" s="257"/>
      <c r="EX22" s="257"/>
      <c r="EY22" s="257"/>
      <c r="EZ22" s="257"/>
      <c r="FA22" s="257"/>
      <c r="FB22" s="257"/>
      <c r="FC22" s="257"/>
      <c r="FD22" s="257"/>
      <c r="FE22" s="257"/>
      <c r="FF22" s="257"/>
      <c r="FG22" s="257"/>
      <c r="FH22" s="257"/>
      <c r="FI22" s="257"/>
      <c r="FJ22" s="257"/>
      <c r="FK22" s="257"/>
      <c r="FL22" s="257"/>
      <c r="FM22" s="257"/>
      <c r="FN22" s="257"/>
      <c r="FO22" s="257"/>
      <c r="FP22" s="257"/>
      <c r="FQ22" s="257"/>
      <c r="FR22" s="257"/>
      <c r="FS22" s="257"/>
      <c r="FT22" s="257"/>
      <c r="FU22" s="257"/>
      <c r="FV22" s="257"/>
      <c r="FW22" s="257"/>
      <c r="FX22" s="257"/>
      <c r="FY22" s="257"/>
      <c r="FZ22" s="257"/>
      <c r="GA22" s="257"/>
      <c r="GB22" s="257"/>
      <c r="GC22" s="257"/>
      <c r="GD22" s="257"/>
      <c r="GE22" s="257"/>
      <c r="GF22" s="257"/>
      <c r="GG22" s="257"/>
      <c r="GH22" s="257"/>
      <c r="GI22" s="257"/>
      <c r="GJ22" s="257"/>
      <c r="GK22" s="257"/>
    </row>
    <row r="23" spans="1:193" s="260" customFormat="1" ht="85.5" customHeight="1">
      <c r="A23" s="479"/>
      <c r="B23" s="261"/>
      <c r="C23" s="459" t="s">
        <v>682</v>
      </c>
      <c r="D23" s="460"/>
      <c r="E23" s="223"/>
      <c r="F23" s="224" t="s">
        <v>344</v>
      </c>
      <c r="G23" s="225" t="s">
        <v>681</v>
      </c>
      <c r="H23" s="257"/>
      <c r="I23" s="257"/>
      <c r="J23" s="257"/>
      <c r="K23" s="257"/>
      <c r="L23" s="257"/>
      <c r="M23" s="257"/>
      <c r="N23" s="257"/>
      <c r="O23" s="257"/>
      <c r="P23" s="257"/>
      <c r="Q23" s="257"/>
      <c r="R23" s="257"/>
      <c r="S23" s="257"/>
      <c r="T23" s="257"/>
      <c r="U23" s="257"/>
      <c r="V23" s="257"/>
      <c r="W23" s="257"/>
      <c r="X23" s="257"/>
      <c r="Y23" s="257"/>
      <c r="Z23" s="257"/>
      <c r="AA23" s="257"/>
      <c r="AB23" s="257"/>
      <c r="AC23" s="257"/>
      <c r="AD23" s="257"/>
      <c r="AE23" s="257"/>
      <c r="AF23" s="257"/>
      <c r="AG23" s="257"/>
      <c r="AH23" s="257"/>
      <c r="AI23" s="257"/>
      <c r="AJ23" s="257"/>
      <c r="AK23" s="257"/>
      <c r="AL23" s="257"/>
      <c r="AM23" s="257"/>
      <c r="AN23" s="257"/>
      <c r="AO23" s="257"/>
      <c r="AP23" s="257"/>
      <c r="AQ23" s="257"/>
      <c r="AR23" s="257"/>
      <c r="AS23" s="257"/>
      <c r="AT23" s="257"/>
      <c r="AU23" s="257"/>
      <c r="AV23" s="257"/>
      <c r="AW23" s="257"/>
      <c r="AX23" s="257"/>
      <c r="AY23" s="257"/>
      <c r="AZ23" s="257"/>
      <c r="BA23" s="257"/>
      <c r="BB23" s="257"/>
      <c r="BC23" s="257"/>
      <c r="BD23" s="257"/>
      <c r="BE23" s="257"/>
      <c r="BF23" s="257"/>
      <c r="BG23" s="257"/>
      <c r="BH23" s="257"/>
      <c r="BI23" s="257"/>
      <c r="BJ23" s="257"/>
      <c r="BK23" s="257"/>
      <c r="BL23" s="257"/>
      <c r="BM23" s="257"/>
      <c r="BN23" s="257"/>
      <c r="BO23" s="257"/>
      <c r="BP23" s="257"/>
      <c r="BQ23" s="257"/>
      <c r="BR23" s="257"/>
      <c r="BS23" s="257"/>
      <c r="BT23" s="257"/>
      <c r="BU23" s="257"/>
      <c r="BV23" s="257"/>
      <c r="BW23" s="257"/>
      <c r="BX23" s="257"/>
      <c r="BY23" s="257"/>
      <c r="BZ23" s="257"/>
      <c r="CA23" s="257"/>
      <c r="CB23" s="257"/>
      <c r="CC23" s="257"/>
      <c r="CD23" s="257"/>
      <c r="CE23" s="257"/>
      <c r="CF23" s="257"/>
      <c r="CG23" s="257"/>
      <c r="CH23" s="257"/>
      <c r="CI23" s="257"/>
      <c r="CJ23" s="257"/>
      <c r="CK23" s="257"/>
      <c r="CL23" s="257"/>
      <c r="CM23" s="257"/>
      <c r="CN23" s="257"/>
      <c r="CO23" s="257"/>
      <c r="CP23" s="257"/>
      <c r="CQ23" s="257"/>
      <c r="CR23" s="257"/>
      <c r="CS23" s="257"/>
      <c r="CT23" s="257"/>
      <c r="CU23" s="257"/>
      <c r="CV23" s="257"/>
      <c r="CW23" s="257"/>
      <c r="CX23" s="257"/>
      <c r="CY23" s="257"/>
      <c r="CZ23" s="257"/>
      <c r="DA23" s="257"/>
      <c r="DB23" s="257"/>
      <c r="DC23" s="257"/>
      <c r="DD23" s="257"/>
      <c r="DE23" s="257"/>
      <c r="DF23" s="257"/>
      <c r="DG23" s="257"/>
      <c r="DH23" s="257"/>
      <c r="DI23" s="257"/>
      <c r="DJ23" s="257"/>
      <c r="DK23" s="257"/>
      <c r="DL23" s="257"/>
      <c r="DM23" s="257"/>
      <c r="DN23" s="257"/>
      <c r="DO23" s="257"/>
      <c r="DP23" s="257"/>
      <c r="DQ23" s="257"/>
      <c r="DR23" s="257"/>
      <c r="DS23" s="257"/>
      <c r="DT23" s="257"/>
      <c r="DU23" s="257"/>
      <c r="DV23" s="257"/>
      <c r="DW23" s="257"/>
      <c r="DX23" s="257"/>
      <c r="DY23" s="257"/>
      <c r="DZ23" s="257"/>
      <c r="EA23" s="257"/>
      <c r="EB23" s="257"/>
      <c r="EC23" s="257"/>
      <c r="ED23" s="257"/>
      <c r="EE23" s="257"/>
      <c r="EF23" s="257"/>
      <c r="EG23" s="257"/>
      <c r="EH23" s="257"/>
      <c r="EI23" s="257"/>
      <c r="EJ23" s="257"/>
      <c r="EK23" s="257"/>
      <c r="EL23" s="257"/>
      <c r="EM23" s="257"/>
      <c r="EN23" s="257"/>
      <c r="EO23" s="257"/>
      <c r="EP23" s="257"/>
      <c r="EQ23" s="257"/>
      <c r="ER23" s="257"/>
      <c r="ES23" s="257"/>
      <c r="ET23" s="257"/>
      <c r="EU23" s="257"/>
      <c r="EV23" s="257"/>
      <c r="EW23" s="257"/>
      <c r="EX23" s="257"/>
      <c r="EY23" s="257"/>
      <c r="EZ23" s="257"/>
      <c r="FA23" s="257"/>
      <c r="FB23" s="257"/>
      <c r="FC23" s="257"/>
      <c r="FD23" s="257"/>
      <c r="FE23" s="257"/>
      <c r="FF23" s="257"/>
      <c r="FG23" s="257"/>
      <c r="FH23" s="257"/>
      <c r="FI23" s="257"/>
      <c r="FJ23" s="257"/>
      <c r="FK23" s="257"/>
      <c r="FL23" s="257"/>
      <c r="FM23" s="257"/>
      <c r="FN23" s="257"/>
      <c r="FO23" s="257"/>
      <c r="FP23" s="257"/>
      <c r="FQ23" s="257"/>
      <c r="FR23" s="257"/>
      <c r="FS23" s="257"/>
      <c r="FT23" s="257"/>
      <c r="FU23" s="257"/>
      <c r="FV23" s="257"/>
      <c r="FW23" s="257"/>
      <c r="FX23" s="257"/>
      <c r="FY23" s="257"/>
      <c r="FZ23" s="257"/>
      <c r="GA23" s="257"/>
      <c r="GB23" s="257"/>
      <c r="GC23" s="257"/>
      <c r="GD23" s="257"/>
      <c r="GE23" s="257"/>
      <c r="GF23" s="257"/>
      <c r="GG23" s="257"/>
      <c r="GH23" s="257"/>
      <c r="GI23" s="257"/>
      <c r="GJ23" s="257"/>
      <c r="GK23" s="257"/>
    </row>
    <row r="24" spans="1:193" s="260" customFormat="1" ht="52.5" customHeight="1">
      <c r="A24" s="479"/>
      <c r="B24" s="261"/>
      <c r="C24" s="459" t="s">
        <v>680</v>
      </c>
      <c r="D24" s="460"/>
      <c r="E24" s="223"/>
      <c r="F24" s="224" t="s">
        <v>344</v>
      </c>
      <c r="G24" s="225" t="s">
        <v>679</v>
      </c>
      <c r="H24" s="257"/>
      <c r="I24" s="257"/>
      <c r="J24" s="257"/>
      <c r="K24" s="257"/>
      <c r="L24" s="257"/>
      <c r="M24" s="257"/>
      <c r="N24" s="257"/>
      <c r="O24" s="257"/>
      <c r="P24" s="257"/>
      <c r="Q24" s="257"/>
      <c r="R24" s="257"/>
      <c r="S24" s="257"/>
      <c r="T24" s="257"/>
      <c r="U24" s="257"/>
      <c r="V24" s="257"/>
      <c r="W24" s="257"/>
      <c r="X24" s="257"/>
      <c r="Y24" s="257"/>
      <c r="Z24" s="257"/>
      <c r="AA24" s="257"/>
      <c r="AB24" s="257"/>
      <c r="AC24" s="257"/>
      <c r="AD24" s="257"/>
      <c r="AE24" s="257"/>
      <c r="AF24" s="257"/>
      <c r="AG24" s="257"/>
      <c r="AH24" s="257"/>
      <c r="AI24" s="257"/>
      <c r="AJ24" s="257"/>
      <c r="AK24" s="257"/>
      <c r="AL24" s="257"/>
      <c r="AM24" s="257"/>
      <c r="AN24" s="257"/>
      <c r="AO24" s="257"/>
      <c r="AP24" s="257"/>
      <c r="AQ24" s="257"/>
      <c r="AR24" s="257"/>
      <c r="AS24" s="257"/>
      <c r="AT24" s="257"/>
      <c r="AU24" s="257"/>
      <c r="AV24" s="257"/>
      <c r="AW24" s="257"/>
      <c r="AX24" s="257"/>
      <c r="AY24" s="257"/>
      <c r="AZ24" s="257"/>
      <c r="BA24" s="257"/>
      <c r="BB24" s="257"/>
      <c r="BC24" s="257"/>
      <c r="BD24" s="257"/>
      <c r="BE24" s="257"/>
      <c r="BF24" s="257"/>
      <c r="BG24" s="257"/>
      <c r="BH24" s="257"/>
      <c r="BI24" s="257"/>
      <c r="BJ24" s="257"/>
      <c r="BK24" s="257"/>
      <c r="BL24" s="257"/>
      <c r="BM24" s="257"/>
      <c r="BN24" s="257"/>
      <c r="BO24" s="257"/>
      <c r="BP24" s="257"/>
      <c r="BQ24" s="257"/>
      <c r="BR24" s="257"/>
      <c r="BS24" s="257"/>
      <c r="BT24" s="257"/>
      <c r="BU24" s="257"/>
      <c r="BV24" s="257"/>
      <c r="BW24" s="257"/>
      <c r="BX24" s="257"/>
      <c r="BY24" s="257"/>
      <c r="BZ24" s="257"/>
      <c r="CA24" s="257"/>
      <c r="CB24" s="257"/>
      <c r="CC24" s="257"/>
      <c r="CD24" s="257"/>
      <c r="CE24" s="257"/>
      <c r="CF24" s="257"/>
      <c r="CG24" s="257"/>
      <c r="CH24" s="257"/>
      <c r="CI24" s="257"/>
      <c r="CJ24" s="257"/>
      <c r="CK24" s="257"/>
      <c r="CL24" s="257"/>
      <c r="CM24" s="257"/>
      <c r="CN24" s="257"/>
      <c r="CO24" s="257"/>
      <c r="CP24" s="257"/>
      <c r="CQ24" s="257"/>
      <c r="CR24" s="257"/>
      <c r="CS24" s="257"/>
      <c r="CT24" s="257"/>
      <c r="CU24" s="257"/>
      <c r="CV24" s="257"/>
      <c r="CW24" s="257"/>
      <c r="CX24" s="257"/>
      <c r="CY24" s="257"/>
      <c r="CZ24" s="257"/>
      <c r="DA24" s="257"/>
      <c r="DB24" s="257"/>
      <c r="DC24" s="257"/>
      <c r="DD24" s="257"/>
      <c r="DE24" s="257"/>
      <c r="DF24" s="257"/>
      <c r="DG24" s="257"/>
      <c r="DH24" s="257"/>
      <c r="DI24" s="257"/>
      <c r="DJ24" s="257"/>
      <c r="DK24" s="257"/>
      <c r="DL24" s="257"/>
      <c r="DM24" s="257"/>
      <c r="DN24" s="257"/>
      <c r="DO24" s="257"/>
      <c r="DP24" s="257"/>
      <c r="DQ24" s="257"/>
      <c r="DR24" s="257"/>
      <c r="DS24" s="257"/>
      <c r="DT24" s="257"/>
      <c r="DU24" s="257"/>
      <c r="DV24" s="257"/>
      <c r="DW24" s="257"/>
      <c r="DX24" s="257"/>
      <c r="DY24" s="257"/>
      <c r="DZ24" s="257"/>
      <c r="EA24" s="257"/>
      <c r="EB24" s="257"/>
      <c r="EC24" s="257"/>
      <c r="ED24" s="257"/>
      <c r="EE24" s="257"/>
      <c r="EF24" s="257"/>
      <c r="EG24" s="257"/>
      <c r="EH24" s="257"/>
      <c r="EI24" s="257"/>
      <c r="EJ24" s="257"/>
      <c r="EK24" s="257"/>
      <c r="EL24" s="257"/>
      <c r="EM24" s="257"/>
      <c r="EN24" s="257"/>
      <c r="EO24" s="257"/>
      <c r="EP24" s="257"/>
      <c r="EQ24" s="257"/>
      <c r="ER24" s="257"/>
      <c r="ES24" s="257"/>
      <c r="ET24" s="257"/>
      <c r="EU24" s="257"/>
      <c r="EV24" s="257"/>
      <c r="EW24" s="257"/>
      <c r="EX24" s="257"/>
      <c r="EY24" s="257"/>
      <c r="EZ24" s="257"/>
      <c r="FA24" s="257"/>
      <c r="FB24" s="257"/>
      <c r="FC24" s="257"/>
      <c r="FD24" s="257"/>
      <c r="FE24" s="257"/>
      <c r="FF24" s="257"/>
      <c r="FG24" s="257"/>
      <c r="FH24" s="257"/>
      <c r="FI24" s="257"/>
      <c r="FJ24" s="257"/>
      <c r="FK24" s="257"/>
      <c r="FL24" s="257"/>
      <c r="FM24" s="257"/>
      <c r="FN24" s="257"/>
      <c r="FO24" s="257"/>
      <c r="FP24" s="257"/>
      <c r="FQ24" s="257"/>
      <c r="FR24" s="257"/>
      <c r="FS24" s="257"/>
      <c r="FT24" s="257"/>
      <c r="FU24" s="257"/>
      <c r="FV24" s="257"/>
      <c r="FW24" s="257"/>
      <c r="FX24" s="257"/>
      <c r="FY24" s="257"/>
      <c r="FZ24" s="257"/>
      <c r="GA24" s="257"/>
      <c r="GB24" s="257"/>
      <c r="GC24" s="257"/>
      <c r="GD24" s="257"/>
      <c r="GE24" s="257"/>
      <c r="GF24" s="257"/>
      <c r="GG24" s="257"/>
      <c r="GH24" s="257"/>
      <c r="GI24" s="257"/>
      <c r="GJ24" s="257"/>
      <c r="GK24" s="257"/>
    </row>
    <row r="25" spans="1:193" s="260" customFormat="1" ht="67.5" customHeight="1">
      <c r="A25" s="479"/>
      <c r="B25" s="261"/>
      <c r="C25" s="459" t="s">
        <v>678</v>
      </c>
      <c r="D25" s="460"/>
      <c r="E25" s="223"/>
      <c r="F25" s="224" t="s">
        <v>344</v>
      </c>
      <c r="G25" s="225" t="s">
        <v>677</v>
      </c>
      <c r="H25" s="257"/>
      <c r="I25" s="257"/>
      <c r="J25" s="257"/>
      <c r="K25" s="257"/>
      <c r="L25" s="257"/>
      <c r="M25" s="257"/>
      <c r="N25" s="257"/>
      <c r="O25" s="257"/>
      <c r="P25" s="257"/>
      <c r="Q25" s="257"/>
      <c r="R25" s="257"/>
      <c r="S25" s="257"/>
      <c r="T25" s="257"/>
      <c r="U25" s="257"/>
      <c r="V25" s="257"/>
      <c r="W25" s="257"/>
      <c r="X25" s="257"/>
      <c r="Y25" s="257"/>
      <c r="Z25" s="257"/>
      <c r="AA25" s="257"/>
      <c r="AB25" s="257"/>
      <c r="AC25" s="257"/>
      <c r="AD25" s="257"/>
      <c r="AE25" s="257"/>
      <c r="AF25" s="257"/>
      <c r="AG25" s="257"/>
      <c r="AH25" s="257"/>
      <c r="AI25" s="257"/>
      <c r="AJ25" s="257"/>
      <c r="AK25" s="257"/>
      <c r="AL25" s="257"/>
      <c r="AM25" s="257"/>
      <c r="AN25" s="257"/>
      <c r="AO25" s="257"/>
      <c r="AP25" s="257"/>
      <c r="AQ25" s="257"/>
      <c r="AR25" s="257"/>
      <c r="AS25" s="257"/>
      <c r="AT25" s="257"/>
      <c r="AU25" s="257"/>
      <c r="AV25" s="257"/>
      <c r="AW25" s="257"/>
      <c r="AX25" s="257"/>
      <c r="AY25" s="257"/>
      <c r="AZ25" s="257"/>
      <c r="BA25" s="257"/>
      <c r="BB25" s="257"/>
      <c r="BC25" s="257"/>
      <c r="BD25" s="257"/>
      <c r="BE25" s="257"/>
      <c r="BF25" s="257"/>
      <c r="BG25" s="257"/>
      <c r="BH25" s="257"/>
      <c r="BI25" s="257"/>
      <c r="BJ25" s="257"/>
      <c r="BK25" s="257"/>
      <c r="BL25" s="257"/>
      <c r="BM25" s="257"/>
      <c r="BN25" s="257"/>
      <c r="BO25" s="257"/>
      <c r="BP25" s="257"/>
      <c r="BQ25" s="257"/>
      <c r="BR25" s="257"/>
      <c r="BS25" s="257"/>
      <c r="BT25" s="257"/>
      <c r="BU25" s="257"/>
      <c r="BV25" s="257"/>
      <c r="BW25" s="257"/>
      <c r="BX25" s="257"/>
      <c r="BY25" s="257"/>
      <c r="BZ25" s="257"/>
      <c r="CA25" s="257"/>
      <c r="CB25" s="257"/>
      <c r="CC25" s="257"/>
      <c r="CD25" s="257"/>
      <c r="CE25" s="257"/>
      <c r="CF25" s="257"/>
      <c r="CG25" s="257"/>
      <c r="CH25" s="257"/>
      <c r="CI25" s="257"/>
      <c r="CJ25" s="257"/>
      <c r="CK25" s="257"/>
      <c r="CL25" s="257"/>
      <c r="CM25" s="257"/>
      <c r="CN25" s="257"/>
      <c r="CO25" s="257"/>
      <c r="CP25" s="257"/>
      <c r="CQ25" s="257"/>
      <c r="CR25" s="257"/>
      <c r="CS25" s="257"/>
      <c r="CT25" s="257"/>
      <c r="CU25" s="257"/>
      <c r="CV25" s="257"/>
      <c r="CW25" s="257"/>
      <c r="CX25" s="257"/>
      <c r="CY25" s="257"/>
      <c r="CZ25" s="257"/>
      <c r="DA25" s="257"/>
      <c r="DB25" s="257"/>
      <c r="DC25" s="257"/>
      <c r="DD25" s="257"/>
      <c r="DE25" s="257"/>
      <c r="DF25" s="257"/>
      <c r="DG25" s="257"/>
      <c r="DH25" s="257"/>
      <c r="DI25" s="257"/>
      <c r="DJ25" s="257"/>
      <c r="DK25" s="257"/>
      <c r="DL25" s="257"/>
      <c r="DM25" s="257"/>
      <c r="DN25" s="257"/>
      <c r="DO25" s="257"/>
      <c r="DP25" s="257"/>
      <c r="DQ25" s="257"/>
      <c r="DR25" s="257"/>
      <c r="DS25" s="257"/>
      <c r="DT25" s="257"/>
      <c r="DU25" s="257"/>
      <c r="DV25" s="257"/>
      <c r="DW25" s="257"/>
      <c r="DX25" s="257"/>
      <c r="DY25" s="257"/>
      <c r="DZ25" s="257"/>
      <c r="EA25" s="257"/>
      <c r="EB25" s="257"/>
      <c r="EC25" s="257"/>
      <c r="ED25" s="257"/>
      <c r="EE25" s="257"/>
      <c r="EF25" s="257"/>
      <c r="EG25" s="257"/>
      <c r="EH25" s="257"/>
      <c r="EI25" s="257"/>
      <c r="EJ25" s="257"/>
      <c r="EK25" s="257"/>
      <c r="EL25" s="257"/>
      <c r="EM25" s="257"/>
      <c r="EN25" s="257"/>
      <c r="EO25" s="257"/>
      <c r="EP25" s="257"/>
      <c r="EQ25" s="257"/>
      <c r="ER25" s="257"/>
      <c r="ES25" s="257"/>
      <c r="ET25" s="257"/>
      <c r="EU25" s="257"/>
      <c r="EV25" s="257"/>
      <c r="EW25" s="257"/>
      <c r="EX25" s="257"/>
      <c r="EY25" s="257"/>
      <c r="EZ25" s="257"/>
      <c r="FA25" s="257"/>
      <c r="FB25" s="257"/>
      <c r="FC25" s="257"/>
      <c r="FD25" s="257"/>
      <c r="FE25" s="257"/>
      <c r="FF25" s="257"/>
      <c r="FG25" s="257"/>
      <c r="FH25" s="257"/>
      <c r="FI25" s="257"/>
      <c r="FJ25" s="257"/>
      <c r="FK25" s="257"/>
      <c r="FL25" s="257"/>
      <c r="FM25" s="257"/>
      <c r="FN25" s="257"/>
      <c r="FO25" s="257"/>
      <c r="FP25" s="257"/>
      <c r="FQ25" s="257"/>
      <c r="FR25" s="257"/>
      <c r="FS25" s="257"/>
      <c r="FT25" s="257"/>
      <c r="FU25" s="257"/>
      <c r="FV25" s="257"/>
      <c r="FW25" s="257"/>
      <c r="FX25" s="257"/>
      <c r="FY25" s="257"/>
      <c r="FZ25" s="257"/>
      <c r="GA25" s="257"/>
      <c r="GB25" s="257"/>
      <c r="GC25" s="257"/>
      <c r="GD25" s="257"/>
      <c r="GE25" s="257"/>
      <c r="GF25" s="257"/>
      <c r="GG25" s="257"/>
      <c r="GH25" s="257"/>
      <c r="GI25" s="257"/>
      <c r="GJ25" s="257"/>
      <c r="GK25" s="257"/>
    </row>
    <row r="26" spans="1:193" s="260" customFormat="1" ht="68.25" customHeight="1">
      <c r="A26" s="479"/>
      <c r="B26" s="261"/>
      <c r="C26" s="459" t="s">
        <v>676</v>
      </c>
      <c r="D26" s="460"/>
      <c r="E26" s="223"/>
      <c r="F26" s="224" t="s">
        <v>344</v>
      </c>
      <c r="G26" s="225" t="s">
        <v>675</v>
      </c>
      <c r="H26" s="257"/>
      <c r="I26" s="257"/>
      <c r="J26" s="257"/>
      <c r="K26" s="257"/>
      <c r="L26" s="257"/>
      <c r="M26" s="257"/>
      <c r="N26" s="257"/>
      <c r="O26" s="257"/>
      <c r="P26" s="257"/>
      <c r="Q26" s="257"/>
      <c r="R26" s="257"/>
      <c r="S26" s="257"/>
      <c r="T26" s="257"/>
      <c r="U26" s="257"/>
      <c r="V26" s="257"/>
      <c r="W26" s="257"/>
      <c r="X26" s="257"/>
      <c r="Y26" s="257"/>
      <c r="Z26" s="257"/>
      <c r="AA26" s="257"/>
      <c r="AB26" s="257"/>
      <c r="AC26" s="257"/>
      <c r="AD26" s="257"/>
      <c r="AE26" s="257"/>
      <c r="AF26" s="257"/>
      <c r="AG26" s="257"/>
      <c r="AH26" s="257"/>
      <c r="AI26" s="257"/>
      <c r="AJ26" s="257"/>
      <c r="AK26" s="257"/>
      <c r="AL26" s="257"/>
      <c r="AM26" s="257"/>
      <c r="AN26" s="257"/>
      <c r="AO26" s="257"/>
      <c r="AP26" s="257"/>
      <c r="AQ26" s="257"/>
      <c r="AR26" s="257"/>
      <c r="AS26" s="257"/>
      <c r="AT26" s="257"/>
      <c r="AU26" s="257"/>
      <c r="AV26" s="257"/>
      <c r="AW26" s="257"/>
      <c r="AX26" s="257"/>
      <c r="AY26" s="257"/>
      <c r="AZ26" s="257"/>
      <c r="BA26" s="257"/>
      <c r="BB26" s="257"/>
      <c r="BC26" s="257"/>
      <c r="BD26" s="257"/>
      <c r="BE26" s="257"/>
      <c r="BF26" s="257"/>
      <c r="BG26" s="257"/>
      <c r="BH26" s="257"/>
      <c r="BI26" s="257"/>
      <c r="BJ26" s="257"/>
      <c r="BK26" s="257"/>
      <c r="BL26" s="257"/>
      <c r="BM26" s="257"/>
      <c r="BN26" s="257"/>
      <c r="BO26" s="257"/>
      <c r="BP26" s="257"/>
      <c r="BQ26" s="257"/>
      <c r="BR26" s="257"/>
      <c r="BS26" s="257"/>
      <c r="BT26" s="257"/>
      <c r="BU26" s="257"/>
      <c r="BV26" s="257"/>
      <c r="BW26" s="257"/>
      <c r="BX26" s="257"/>
      <c r="BY26" s="257"/>
      <c r="BZ26" s="257"/>
      <c r="CA26" s="257"/>
      <c r="CB26" s="257"/>
      <c r="CC26" s="257"/>
      <c r="CD26" s="257"/>
      <c r="CE26" s="257"/>
      <c r="CF26" s="257"/>
      <c r="CG26" s="257"/>
      <c r="CH26" s="257"/>
      <c r="CI26" s="257"/>
      <c r="CJ26" s="257"/>
      <c r="CK26" s="257"/>
      <c r="CL26" s="257"/>
      <c r="CM26" s="257"/>
      <c r="CN26" s="257"/>
      <c r="CO26" s="257"/>
      <c r="CP26" s="257"/>
      <c r="CQ26" s="257"/>
      <c r="CR26" s="257"/>
      <c r="CS26" s="257"/>
      <c r="CT26" s="257"/>
      <c r="CU26" s="257"/>
      <c r="CV26" s="257"/>
      <c r="CW26" s="257"/>
      <c r="CX26" s="257"/>
      <c r="CY26" s="257"/>
      <c r="CZ26" s="257"/>
      <c r="DA26" s="257"/>
      <c r="DB26" s="257"/>
      <c r="DC26" s="257"/>
      <c r="DD26" s="257"/>
      <c r="DE26" s="257"/>
      <c r="DF26" s="257"/>
      <c r="DG26" s="257"/>
      <c r="DH26" s="257"/>
      <c r="DI26" s="257"/>
      <c r="DJ26" s="257"/>
      <c r="DK26" s="257"/>
      <c r="DL26" s="257"/>
      <c r="DM26" s="257"/>
      <c r="DN26" s="257"/>
      <c r="DO26" s="257"/>
      <c r="DP26" s="257"/>
      <c r="DQ26" s="257"/>
      <c r="DR26" s="257"/>
      <c r="DS26" s="257"/>
      <c r="DT26" s="257"/>
      <c r="DU26" s="257"/>
      <c r="DV26" s="257"/>
      <c r="DW26" s="257"/>
      <c r="DX26" s="257"/>
      <c r="DY26" s="257"/>
      <c r="DZ26" s="257"/>
      <c r="EA26" s="257"/>
      <c r="EB26" s="257"/>
      <c r="EC26" s="257"/>
      <c r="ED26" s="257"/>
      <c r="EE26" s="257"/>
      <c r="EF26" s="257"/>
      <c r="EG26" s="257"/>
      <c r="EH26" s="257"/>
      <c r="EI26" s="257"/>
      <c r="EJ26" s="257"/>
      <c r="EK26" s="257"/>
      <c r="EL26" s="257"/>
      <c r="EM26" s="257"/>
      <c r="EN26" s="257"/>
      <c r="EO26" s="257"/>
      <c r="EP26" s="257"/>
      <c r="EQ26" s="257"/>
      <c r="ER26" s="257"/>
      <c r="ES26" s="257"/>
      <c r="ET26" s="257"/>
      <c r="EU26" s="257"/>
      <c r="EV26" s="257"/>
      <c r="EW26" s="257"/>
      <c r="EX26" s="257"/>
      <c r="EY26" s="257"/>
      <c r="EZ26" s="257"/>
      <c r="FA26" s="257"/>
      <c r="FB26" s="257"/>
      <c r="FC26" s="257"/>
      <c r="FD26" s="257"/>
      <c r="FE26" s="257"/>
      <c r="FF26" s="257"/>
      <c r="FG26" s="257"/>
      <c r="FH26" s="257"/>
      <c r="FI26" s="257"/>
      <c r="FJ26" s="257"/>
      <c r="FK26" s="257"/>
      <c r="FL26" s="257"/>
      <c r="FM26" s="257"/>
      <c r="FN26" s="257"/>
      <c r="FO26" s="257"/>
      <c r="FP26" s="257"/>
      <c r="FQ26" s="257"/>
      <c r="FR26" s="257"/>
      <c r="FS26" s="257"/>
      <c r="FT26" s="257"/>
      <c r="FU26" s="257"/>
      <c r="FV26" s="257"/>
      <c r="FW26" s="257"/>
      <c r="FX26" s="257"/>
      <c r="FY26" s="257"/>
      <c r="FZ26" s="257"/>
      <c r="GA26" s="257"/>
      <c r="GB26" s="257"/>
      <c r="GC26" s="257"/>
      <c r="GD26" s="257"/>
      <c r="GE26" s="257"/>
      <c r="GF26" s="257"/>
      <c r="GG26" s="257"/>
      <c r="GH26" s="257"/>
      <c r="GI26" s="257"/>
      <c r="GJ26" s="257"/>
      <c r="GK26" s="257"/>
    </row>
    <row r="27" spans="1:193" s="260" customFormat="1" ht="73.5" customHeight="1">
      <c r="A27" s="480"/>
      <c r="B27" s="262"/>
      <c r="C27" s="461" t="s">
        <v>674</v>
      </c>
      <c r="D27" s="462"/>
      <c r="E27" s="236"/>
      <c r="F27" s="237" t="s">
        <v>344</v>
      </c>
      <c r="G27" s="225" t="s">
        <v>673</v>
      </c>
      <c r="H27" s="257"/>
      <c r="I27" s="257"/>
      <c r="J27" s="257"/>
      <c r="K27" s="257"/>
      <c r="L27" s="257"/>
      <c r="M27" s="257"/>
      <c r="N27" s="257"/>
      <c r="O27" s="257"/>
      <c r="P27" s="257"/>
      <c r="Q27" s="257"/>
      <c r="R27" s="257"/>
      <c r="S27" s="257"/>
      <c r="T27" s="257"/>
      <c r="U27" s="257"/>
      <c r="V27" s="257"/>
      <c r="W27" s="257"/>
      <c r="X27" s="257"/>
      <c r="Y27" s="257"/>
      <c r="Z27" s="257"/>
      <c r="AA27" s="257"/>
      <c r="AB27" s="257"/>
      <c r="AC27" s="257"/>
      <c r="AD27" s="257"/>
      <c r="AE27" s="257"/>
      <c r="AF27" s="257"/>
      <c r="AG27" s="257"/>
      <c r="AH27" s="257"/>
      <c r="AI27" s="257"/>
      <c r="AJ27" s="257"/>
      <c r="AK27" s="257"/>
      <c r="AL27" s="257"/>
      <c r="AM27" s="257"/>
      <c r="AN27" s="257"/>
      <c r="AO27" s="257"/>
      <c r="AP27" s="257"/>
      <c r="AQ27" s="257"/>
      <c r="AR27" s="257"/>
      <c r="AS27" s="257"/>
      <c r="AT27" s="257"/>
      <c r="AU27" s="257"/>
      <c r="AV27" s="257"/>
      <c r="AW27" s="257"/>
      <c r="AX27" s="257"/>
      <c r="AY27" s="257"/>
      <c r="AZ27" s="257"/>
      <c r="BA27" s="257"/>
      <c r="BB27" s="257"/>
      <c r="BC27" s="257"/>
      <c r="BD27" s="257"/>
      <c r="BE27" s="257"/>
      <c r="BF27" s="257"/>
      <c r="BG27" s="257"/>
      <c r="BH27" s="257"/>
      <c r="BI27" s="257"/>
      <c r="BJ27" s="257"/>
      <c r="BK27" s="257"/>
      <c r="BL27" s="257"/>
      <c r="BM27" s="257"/>
      <c r="BN27" s="257"/>
      <c r="BO27" s="257"/>
      <c r="BP27" s="257"/>
      <c r="BQ27" s="257"/>
      <c r="BR27" s="257"/>
      <c r="BS27" s="257"/>
      <c r="BT27" s="257"/>
      <c r="BU27" s="257"/>
      <c r="BV27" s="257"/>
      <c r="BW27" s="257"/>
      <c r="BX27" s="257"/>
      <c r="BY27" s="257"/>
      <c r="BZ27" s="257"/>
      <c r="CA27" s="257"/>
      <c r="CB27" s="257"/>
      <c r="CC27" s="257"/>
      <c r="CD27" s="257"/>
      <c r="CE27" s="257"/>
      <c r="CF27" s="257"/>
      <c r="CG27" s="257"/>
      <c r="CH27" s="257"/>
      <c r="CI27" s="257"/>
      <c r="CJ27" s="257"/>
      <c r="CK27" s="257"/>
      <c r="CL27" s="257"/>
      <c r="CM27" s="257"/>
      <c r="CN27" s="257"/>
      <c r="CO27" s="257"/>
      <c r="CP27" s="257"/>
      <c r="CQ27" s="257"/>
      <c r="CR27" s="257"/>
      <c r="CS27" s="257"/>
      <c r="CT27" s="257"/>
      <c r="CU27" s="257"/>
      <c r="CV27" s="257"/>
      <c r="CW27" s="257"/>
      <c r="CX27" s="257"/>
      <c r="CY27" s="257"/>
      <c r="CZ27" s="257"/>
      <c r="DA27" s="257"/>
      <c r="DB27" s="257"/>
      <c r="DC27" s="257"/>
      <c r="DD27" s="257"/>
      <c r="DE27" s="257"/>
      <c r="DF27" s="257"/>
      <c r="DG27" s="257"/>
      <c r="DH27" s="257"/>
      <c r="DI27" s="257"/>
      <c r="DJ27" s="257"/>
      <c r="DK27" s="257"/>
      <c r="DL27" s="257"/>
      <c r="DM27" s="257"/>
      <c r="DN27" s="257"/>
      <c r="DO27" s="257"/>
      <c r="DP27" s="257"/>
      <c r="DQ27" s="257"/>
      <c r="DR27" s="257"/>
      <c r="DS27" s="257"/>
      <c r="DT27" s="257"/>
      <c r="DU27" s="257"/>
      <c r="DV27" s="257"/>
      <c r="DW27" s="257"/>
      <c r="DX27" s="257"/>
      <c r="DY27" s="257"/>
      <c r="DZ27" s="257"/>
      <c r="EA27" s="257"/>
      <c r="EB27" s="257"/>
      <c r="EC27" s="257"/>
      <c r="ED27" s="257"/>
      <c r="EE27" s="257"/>
      <c r="EF27" s="257"/>
      <c r="EG27" s="257"/>
      <c r="EH27" s="257"/>
      <c r="EI27" s="257"/>
      <c r="EJ27" s="257"/>
      <c r="EK27" s="257"/>
      <c r="EL27" s="257"/>
      <c r="EM27" s="257"/>
      <c r="EN27" s="257"/>
      <c r="EO27" s="257"/>
      <c r="EP27" s="257"/>
      <c r="EQ27" s="257"/>
      <c r="ER27" s="257"/>
      <c r="ES27" s="257"/>
      <c r="ET27" s="257"/>
      <c r="EU27" s="257"/>
      <c r="EV27" s="257"/>
      <c r="EW27" s="257"/>
      <c r="EX27" s="257"/>
      <c r="EY27" s="257"/>
      <c r="EZ27" s="257"/>
      <c r="FA27" s="257"/>
      <c r="FB27" s="257"/>
      <c r="FC27" s="257"/>
      <c r="FD27" s="257"/>
      <c r="FE27" s="257"/>
      <c r="FF27" s="257"/>
      <c r="FG27" s="257"/>
      <c r="FH27" s="257"/>
      <c r="FI27" s="257"/>
      <c r="FJ27" s="257"/>
      <c r="FK27" s="257"/>
      <c r="FL27" s="257"/>
      <c r="FM27" s="257"/>
      <c r="FN27" s="257"/>
      <c r="FO27" s="257"/>
      <c r="FP27" s="257"/>
      <c r="FQ27" s="257"/>
      <c r="FR27" s="257"/>
      <c r="FS27" s="257"/>
      <c r="FT27" s="257"/>
      <c r="FU27" s="257"/>
      <c r="FV27" s="257"/>
      <c r="FW27" s="257"/>
      <c r="FX27" s="257"/>
      <c r="FY27" s="257"/>
      <c r="FZ27" s="257"/>
      <c r="GA27" s="257"/>
      <c r="GB27" s="257"/>
      <c r="GC27" s="257"/>
      <c r="GD27" s="257"/>
      <c r="GE27" s="257"/>
      <c r="GF27" s="257"/>
      <c r="GG27" s="257"/>
      <c r="GH27" s="257"/>
      <c r="GI27" s="257"/>
      <c r="GJ27" s="257"/>
      <c r="GK27" s="257"/>
    </row>
    <row r="28" spans="1:193" s="227" customFormat="1" ht="52.5" customHeight="1">
      <c r="A28" s="493" t="s">
        <v>672</v>
      </c>
      <c r="B28" s="235" t="s">
        <v>669</v>
      </c>
      <c r="C28" s="553" t="s">
        <v>671</v>
      </c>
      <c r="D28" s="554"/>
      <c r="E28" s="273"/>
      <c r="F28" s="274" t="s">
        <v>344</v>
      </c>
      <c r="G28" s="234" t="s">
        <v>667</v>
      </c>
      <c r="H28" s="226"/>
      <c r="I28" s="226"/>
      <c r="J28" s="226"/>
      <c r="K28" s="226"/>
      <c r="L28" s="226"/>
      <c r="M28" s="226"/>
      <c r="N28" s="226"/>
      <c r="O28" s="226"/>
      <c r="P28" s="226"/>
      <c r="Q28" s="226"/>
      <c r="R28" s="226"/>
      <c r="S28" s="226"/>
      <c r="T28" s="226"/>
      <c r="U28" s="226"/>
      <c r="V28" s="226"/>
      <c r="W28" s="226"/>
      <c r="X28" s="226"/>
      <c r="Y28" s="226"/>
      <c r="Z28" s="226"/>
      <c r="AA28" s="226"/>
      <c r="AB28" s="226"/>
      <c r="AC28" s="226"/>
      <c r="AD28" s="226"/>
      <c r="AE28" s="226"/>
      <c r="AF28" s="226"/>
      <c r="AG28" s="226"/>
      <c r="AH28" s="226"/>
      <c r="AI28" s="226"/>
      <c r="AJ28" s="226"/>
      <c r="AK28" s="226"/>
      <c r="AL28" s="226"/>
      <c r="AM28" s="226"/>
      <c r="AN28" s="226"/>
      <c r="AO28" s="226"/>
      <c r="AP28" s="226"/>
      <c r="AQ28" s="226"/>
      <c r="AR28" s="226"/>
      <c r="AS28" s="226"/>
      <c r="AT28" s="226"/>
      <c r="AU28" s="226"/>
      <c r="AV28" s="226"/>
      <c r="AW28" s="226"/>
      <c r="AX28" s="226"/>
      <c r="AY28" s="226"/>
      <c r="AZ28" s="226"/>
      <c r="BA28" s="226"/>
      <c r="BB28" s="226"/>
      <c r="BC28" s="226"/>
      <c r="BD28" s="226"/>
      <c r="BE28" s="226"/>
      <c r="BF28" s="226"/>
      <c r="BG28" s="226"/>
      <c r="BH28" s="226"/>
      <c r="BI28" s="226"/>
      <c r="BJ28" s="226"/>
      <c r="BK28" s="226"/>
      <c r="BL28" s="226"/>
      <c r="BM28" s="226"/>
      <c r="BN28" s="226"/>
      <c r="BO28" s="226"/>
      <c r="BP28" s="226"/>
      <c r="BQ28" s="226"/>
      <c r="BR28" s="226"/>
      <c r="BS28" s="226"/>
      <c r="BT28" s="226"/>
      <c r="BU28" s="226"/>
      <c r="BV28" s="226"/>
      <c r="BW28" s="226"/>
      <c r="BX28" s="226"/>
      <c r="BY28" s="226"/>
      <c r="BZ28" s="226"/>
      <c r="CA28" s="226"/>
      <c r="CB28" s="226"/>
      <c r="CC28" s="226"/>
      <c r="CD28" s="226"/>
      <c r="CE28" s="226"/>
      <c r="CF28" s="226"/>
      <c r="CG28" s="226"/>
      <c r="CH28" s="226"/>
      <c r="CI28" s="226"/>
      <c r="CJ28" s="226"/>
      <c r="CK28" s="226"/>
      <c r="CL28" s="226"/>
      <c r="CM28" s="226"/>
      <c r="CN28" s="226"/>
      <c r="CO28" s="226"/>
      <c r="CP28" s="226"/>
      <c r="CQ28" s="226"/>
      <c r="CR28" s="226"/>
      <c r="CS28" s="226"/>
      <c r="CT28" s="226"/>
      <c r="CU28" s="226"/>
      <c r="CV28" s="226"/>
      <c r="CW28" s="226"/>
      <c r="CX28" s="226"/>
      <c r="CY28" s="226"/>
      <c r="CZ28" s="226"/>
      <c r="DA28" s="226"/>
      <c r="DB28" s="226"/>
      <c r="DC28" s="226"/>
      <c r="DD28" s="226"/>
      <c r="DE28" s="226"/>
      <c r="DF28" s="226"/>
      <c r="DG28" s="226"/>
      <c r="DH28" s="226"/>
      <c r="DI28" s="226"/>
      <c r="DJ28" s="226"/>
      <c r="DK28" s="226"/>
      <c r="DL28" s="226"/>
      <c r="DM28" s="226"/>
      <c r="DN28" s="226"/>
      <c r="DO28" s="226"/>
      <c r="DP28" s="226"/>
      <c r="DQ28" s="226"/>
      <c r="DR28" s="226"/>
      <c r="DS28" s="226"/>
      <c r="DT28" s="226"/>
      <c r="DU28" s="226"/>
      <c r="DV28" s="226"/>
      <c r="DW28" s="226"/>
      <c r="DX28" s="226"/>
      <c r="DY28" s="226"/>
      <c r="DZ28" s="226"/>
      <c r="EA28" s="226"/>
      <c r="EB28" s="226"/>
      <c r="EC28" s="226"/>
      <c r="ED28" s="226"/>
      <c r="EE28" s="226"/>
      <c r="EF28" s="226"/>
      <c r="EG28" s="226"/>
      <c r="EH28" s="226"/>
      <c r="EI28" s="226"/>
      <c r="EJ28" s="226"/>
      <c r="EK28" s="226"/>
      <c r="EL28" s="226"/>
      <c r="EM28" s="226"/>
      <c r="EN28" s="226"/>
      <c r="EO28" s="226"/>
      <c r="EP28" s="226"/>
      <c r="EQ28" s="226"/>
      <c r="ER28" s="226"/>
      <c r="ES28" s="226"/>
      <c r="ET28" s="226"/>
      <c r="EU28" s="226"/>
      <c r="EV28" s="226"/>
      <c r="EW28" s="226"/>
      <c r="EX28" s="226"/>
      <c r="EY28" s="226"/>
      <c r="EZ28" s="226"/>
      <c r="FA28" s="226"/>
      <c r="FB28" s="226"/>
      <c r="FC28" s="226"/>
      <c r="FD28" s="226"/>
      <c r="FE28" s="226"/>
      <c r="FF28" s="226"/>
      <c r="FG28" s="226"/>
      <c r="FH28" s="226"/>
      <c r="FI28" s="226"/>
      <c r="FJ28" s="226"/>
      <c r="FK28" s="226"/>
      <c r="FL28" s="226"/>
      <c r="FM28" s="226"/>
      <c r="FN28" s="226"/>
      <c r="FO28" s="226"/>
      <c r="FP28" s="226"/>
      <c r="FQ28" s="226"/>
      <c r="FR28" s="226"/>
      <c r="FS28" s="226"/>
      <c r="FT28" s="226"/>
      <c r="FU28" s="226"/>
      <c r="FV28" s="226"/>
      <c r="FW28" s="226"/>
      <c r="FX28" s="226"/>
      <c r="FY28" s="226"/>
      <c r="FZ28" s="226"/>
      <c r="GA28" s="226"/>
      <c r="GB28" s="226"/>
      <c r="GC28" s="226"/>
      <c r="GD28" s="226"/>
      <c r="GE28" s="226"/>
      <c r="GF28" s="226"/>
      <c r="GG28" s="226"/>
      <c r="GH28" s="226"/>
      <c r="GI28" s="226"/>
      <c r="GJ28" s="226"/>
      <c r="GK28" s="226"/>
    </row>
    <row r="29" spans="1:193" s="227" customFormat="1" ht="47.25" customHeight="1">
      <c r="A29" s="493"/>
      <c r="B29" s="235"/>
      <c r="C29" s="459" t="s">
        <v>666</v>
      </c>
      <c r="D29" s="460"/>
      <c r="E29" s="275"/>
      <c r="F29" s="276" t="s">
        <v>397</v>
      </c>
      <c r="G29" s="225"/>
      <c r="H29" s="226"/>
      <c r="I29" s="226"/>
      <c r="J29" s="226"/>
      <c r="K29" s="226"/>
      <c r="L29" s="226"/>
      <c r="M29" s="226"/>
      <c r="N29" s="226"/>
      <c r="O29" s="226"/>
      <c r="P29" s="226"/>
      <c r="Q29" s="226"/>
      <c r="R29" s="226"/>
      <c r="S29" s="226"/>
      <c r="T29" s="226"/>
      <c r="U29" s="226"/>
      <c r="V29" s="226"/>
      <c r="W29" s="226"/>
      <c r="X29" s="226"/>
      <c r="Y29" s="226"/>
      <c r="Z29" s="226"/>
      <c r="AA29" s="226"/>
      <c r="AB29" s="226"/>
      <c r="AC29" s="226"/>
      <c r="AD29" s="226"/>
      <c r="AE29" s="226"/>
      <c r="AF29" s="226"/>
      <c r="AG29" s="226"/>
      <c r="AH29" s="226"/>
      <c r="AI29" s="226"/>
      <c r="AJ29" s="226"/>
      <c r="AK29" s="226"/>
      <c r="AL29" s="226"/>
      <c r="AM29" s="226"/>
      <c r="AN29" s="226"/>
      <c r="AO29" s="226"/>
      <c r="AP29" s="226"/>
      <c r="AQ29" s="226"/>
      <c r="AR29" s="226"/>
      <c r="AS29" s="226"/>
      <c r="AT29" s="226"/>
      <c r="AU29" s="226"/>
      <c r="AV29" s="226"/>
      <c r="AW29" s="226"/>
      <c r="AX29" s="226"/>
      <c r="AY29" s="226"/>
      <c r="AZ29" s="226"/>
      <c r="BA29" s="226"/>
      <c r="BB29" s="226"/>
      <c r="BC29" s="226"/>
      <c r="BD29" s="226"/>
      <c r="BE29" s="226"/>
      <c r="BF29" s="226"/>
      <c r="BG29" s="226"/>
      <c r="BH29" s="226"/>
      <c r="BI29" s="226"/>
      <c r="BJ29" s="226"/>
      <c r="BK29" s="226"/>
      <c r="BL29" s="226"/>
      <c r="BM29" s="226"/>
      <c r="BN29" s="226"/>
      <c r="BO29" s="226"/>
      <c r="BP29" s="226"/>
      <c r="BQ29" s="226"/>
      <c r="BR29" s="226"/>
      <c r="BS29" s="226"/>
      <c r="BT29" s="226"/>
      <c r="BU29" s="226"/>
      <c r="BV29" s="226"/>
      <c r="BW29" s="226"/>
      <c r="BX29" s="226"/>
      <c r="BY29" s="226"/>
      <c r="BZ29" s="226"/>
      <c r="CA29" s="226"/>
      <c r="CB29" s="226"/>
      <c r="CC29" s="226"/>
      <c r="CD29" s="226"/>
      <c r="CE29" s="226"/>
      <c r="CF29" s="226"/>
      <c r="CG29" s="226"/>
      <c r="CH29" s="226"/>
      <c r="CI29" s="226"/>
      <c r="CJ29" s="226"/>
      <c r="CK29" s="226"/>
      <c r="CL29" s="226"/>
      <c r="CM29" s="226"/>
      <c r="CN29" s="226"/>
      <c r="CO29" s="226"/>
      <c r="CP29" s="226"/>
      <c r="CQ29" s="226"/>
      <c r="CR29" s="226"/>
      <c r="CS29" s="226"/>
      <c r="CT29" s="226"/>
      <c r="CU29" s="226"/>
      <c r="CV29" s="226"/>
      <c r="CW29" s="226"/>
      <c r="CX29" s="226"/>
      <c r="CY29" s="226"/>
      <c r="CZ29" s="226"/>
      <c r="DA29" s="226"/>
      <c r="DB29" s="226"/>
      <c r="DC29" s="226"/>
      <c r="DD29" s="226"/>
      <c r="DE29" s="226"/>
      <c r="DF29" s="226"/>
      <c r="DG29" s="226"/>
      <c r="DH29" s="226"/>
      <c r="DI29" s="226"/>
      <c r="DJ29" s="226"/>
      <c r="DK29" s="226"/>
      <c r="DL29" s="226"/>
      <c r="DM29" s="226"/>
      <c r="DN29" s="226"/>
      <c r="DO29" s="226"/>
      <c r="DP29" s="226"/>
      <c r="DQ29" s="226"/>
      <c r="DR29" s="226"/>
      <c r="DS29" s="226"/>
      <c r="DT29" s="226"/>
      <c r="DU29" s="226"/>
      <c r="DV29" s="226"/>
      <c r="DW29" s="226"/>
      <c r="DX29" s="226"/>
      <c r="DY29" s="226"/>
      <c r="DZ29" s="226"/>
      <c r="EA29" s="226"/>
      <c r="EB29" s="226"/>
      <c r="EC29" s="226"/>
      <c r="ED29" s="226"/>
      <c r="EE29" s="226"/>
      <c r="EF29" s="226"/>
      <c r="EG29" s="226"/>
      <c r="EH29" s="226"/>
      <c r="EI29" s="226"/>
      <c r="EJ29" s="226"/>
      <c r="EK29" s="226"/>
      <c r="EL29" s="226"/>
      <c r="EM29" s="226"/>
      <c r="EN29" s="226"/>
      <c r="EO29" s="226"/>
      <c r="EP29" s="226"/>
      <c r="EQ29" s="226"/>
      <c r="ER29" s="226"/>
      <c r="ES29" s="226"/>
      <c r="ET29" s="226"/>
      <c r="EU29" s="226"/>
      <c r="EV29" s="226"/>
      <c r="EW29" s="226"/>
      <c r="EX29" s="226"/>
      <c r="EY29" s="226"/>
      <c r="EZ29" s="226"/>
      <c r="FA29" s="226"/>
      <c r="FB29" s="226"/>
      <c r="FC29" s="226"/>
      <c r="FD29" s="226"/>
      <c r="FE29" s="226"/>
      <c r="FF29" s="226"/>
      <c r="FG29" s="226"/>
      <c r="FH29" s="226"/>
      <c r="FI29" s="226"/>
      <c r="FJ29" s="226"/>
      <c r="FK29" s="226"/>
      <c r="FL29" s="226"/>
      <c r="FM29" s="226"/>
      <c r="FN29" s="226"/>
      <c r="FO29" s="226"/>
      <c r="FP29" s="226"/>
      <c r="FQ29" s="226"/>
      <c r="FR29" s="226"/>
      <c r="FS29" s="226"/>
      <c r="FT29" s="226"/>
      <c r="FU29" s="226"/>
      <c r="FV29" s="226"/>
      <c r="FW29" s="226"/>
      <c r="FX29" s="226"/>
      <c r="FY29" s="226"/>
      <c r="FZ29" s="226"/>
      <c r="GA29" s="226"/>
      <c r="GB29" s="226"/>
      <c r="GC29" s="226"/>
      <c r="GD29" s="226"/>
      <c r="GE29" s="226"/>
      <c r="GF29" s="226"/>
      <c r="GG29" s="226"/>
      <c r="GH29" s="226"/>
      <c r="GI29" s="226"/>
      <c r="GJ29" s="226"/>
      <c r="GK29" s="226"/>
    </row>
    <row r="30" spans="1:193" s="227" customFormat="1" ht="51" customHeight="1">
      <c r="A30" s="493"/>
      <c r="B30" s="235"/>
      <c r="C30" s="459" t="s">
        <v>665</v>
      </c>
      <c r="D30" s="460"/>
      <c r="E30" s="275"/>
      <c r="F30" s="276" t="s">
        <v>397</v>
      </c>
      <c r="G30" s="225" t="s">
        <v>422</v>
      </c>
      <c r="H30" s="226"/>
      <c r="I30" s="226"/>
      <c r="J30" s="226"/>
      <c r="K30" s="226"/>
      <c r="L30" s="226"/>
      <c r="M30" s="226"/>
      <c r="N30" s="226"/>
      <c r="O30" s="226"/>
      <c r="P30" s="226"/>
      <c r="Q30" s="226"/>
      <c r="R30" s="226"/>
      <c r="S30" s="226"/>
      <c r="T30" s="226"/>
      <c r="U30" s="226"/>
      <c r="V30" s="226"/>
      <c r="W30" s="226"/>
      <c r="X30" s="226"/>
      <c r="Y30" s="226"/>
      <c r="Z30" s="226"/>
      <c r="AA30" s="226"/>
      <c r="AB30" s="226"/>
      <c r="AC30" s="226"/>
      <c r="AD30" s="226"/>
      <c r="AE30" s="226"/>
      <c r="AF30" s="226"/>
      <c r="AG30" s="226"/>
      <c r="AH30" s="226"/>
      <c r="AI30" s="226"/>
      <c r="AJ30" s="226"/>
      <c r="AK30" s="226"/>
      <c r="AL30" s="226"/>
      <c r="AM30" s="226"/>
      <c r="AN30" s="226"/>
      <c r="AO30" s="226"/>
      <c r="AP30" s="226"/>
      <c r="AQ30" s="226"/>
      <c r="AR30" s="226"/>
      <c r="AS30" s="226"/>
      <c r="AT30" s="226"/>
      <c r="AU30" s="226"/>
      <c r="AV30" s="226"/>
      <c r="AW30" s="226"/>
      <c r="AX30" s="226"/>
      <c r="AY30" s="226"/>
      <c r="AZ30" s="226"/>
      <c r="BA30" s="226"/>
      <c r="BB30" s="226"/>
      <c r="BC30" s="226"/>
      <c r="BD30" s="226"/>
      <c r="BE30" s="226"/>
      <c r="BF30" s="226"/>
      <c r="BG30" s="226"/>
      <c r="BH30" s="226"/>
      <c r="BI30" s="226"/>
      <c r="BJ30" s="226"/>
      <c r="BK30" s="226"/>
      <c r="BL30" s="226"/>
      <c r="BM30" s="226"/>
      <c r="BN30" s="226"/>
      <c r="BO30" s="226"/>
      <c r="BP30" s="226"/>
      <c r="BQ30" s="226"/>
      <c r="BR30" s="226"/>
      <c r="BS30" s="226"/>
      <c r="BT30" s="226"/>
      <c r="BU30" s="226"/>
      <c r="BV30" s="226"/>
      <c r="BW30" s="226"/>
      <c r="BX30" s="226"/>
      <c r="BY30" s="226"/>
      <c r="BZ30" s="226"/>
      <c r="CA30" s="226"/>
      <c r="CB30" s="226"/>
      <c r="CC30" s="226"/>
      <c r="CD30" s="226"/>
      <c r="CE30" s="226"/>
      <c r="CF30" s="226"/>
      <c r="CG30" s="226"/>
      <c r="CH30" s="226"/>
      <c r="CI30" s="226"/>
      <c r="CJ30" s="226"/>
      <c r="CK30" s="226"/>
      <c r="CL30" s="226"/>
      <c r="CM30" s="226"/>
      <c r="CN30" s="226"/>
      <c r="CO30" s="226"/>
      <c r="CP30" s="226"/>
      <c r="CQ30" s="226"/>
      <c r="CR30" s="226"/>
      <c r="CS30" s="226"/>
      <c r="CT30" s="226"/>
      <c r="CU30" s="226"/>
      <c r="CV30" s="226"/>
      <c r="CW30" s="226"/>
      <c r="CX30" s="226"/>
      <c r="CY30" s="226"/>
      <c r="CZ30" s="226"/>
      <c r="DA30" s="226"/>
      <c r="DB30" s="226"/>
      <c r="DC30" s="226"/>
      <c r="DD30" s="226"/>
      <c r="DE30" s="226"/>
      <c r="DF30" s="226"/>
      <c r="DG30" s="226"/>
      <c r="DH30" s="226"/>
      <c r="DI30" s="226"/>
      <c r="DJ30" s="226"/>
      <c r="DK30" s="226"/>
      <c r="DL30" s="226"/>
      <c r="DM30" s="226"/>
      <c r="DN30" s="226"/>
      <c r="DO30" s="226"/>
      <c r="DP30" s="226"/>
      <c r="DQ30" s="226"/>
      <c r="DR30" s="226"/>
      <c r="DS30" s="226"/>
      <c r="DT30" s="226"/>
      <c r="DU30" s="226"/>
      <c r="DV30" s="226"/>
      <c r="DW30" s="226"/>
      <c r="DX30" s="226"/>
      <c r="DY30" s="226"/>
      <c r="DZ30" s="226"/>
      <c r="EA30" s="226"/>
      <c r="EB30" s="226"/>
      <c r="EC30" s="226"/>
      <c r="ED30" s="226"/>
      <c r="EE30" s="226"/>
      <c r="EF30" s="226"/>
      <c r="EG30" s="226"/>
      <c r="EH30" s="226"/>
      <c r="EI30" s="226"/>
      <c r="EJ30" s="226"/>
      <c r="EK30" s="226"/>
      <c r="EL30" s="226"/>
      <c r="EM30" s="226"/>
      <c r="EN30" s="226"/>
      <c r="EO30" s="226"/>
      <c r="EP30" s="226"/>
      <c r="EQ30" s="226"/>
      <c r="ER30" s="226"/>
      <c r="ES30" s="226"/>
      <c r="ET30" s="226"/>
      <c r="EU30" s="226"/>
      <c r="EV30" s="226"/>
      <c r="EW30" s="226"/>
      <c r="EX30" s="226"/>
      <c r="EY30" s="226"/>
      <c r="EZ30" s="226"/>
      <c r="FA30" s="226"/>
      <c r="FB30" s="226"/>
      <c r="FC30" s="226"/>
      <c r="FD30" s="226"/>
      <c r="FE30" s="226"/>
      <c r="FF30" s="226"/>
      <c r="FG30" s="226"/>
      <c r="FH30" s="226"/>
      <c r="FI30" s="226"/>
      <c r="FJ30" s="226"/>
      <c r="FK30" s="226"/>
      <c r="FL30" s="226"/>
      <c r="FM30" s="226"/>
      <c r="FN30" s="226"/>
      <c r="FO30" s="226"/>
      <c r="FP30" s="226"/>
      <c r="FQ30" s="226"/>
      <c r="FR30" s="226"/>
      <c r="FS30" s="226"/>
      <c r="FT30" s="226"/>
      <c r="FU30" s="226"/>
      <c r="FV30" s="226"/>
      <c r="FW30" s="226"/>
      <c r="FX30" s="226"/>
      <c r="FY30" s="226"/>
      <c r="FZ30" s="226"/>
      <c r="GA30" s="226"/>
      <c r="GB30" s="226"/>
      <c r="GC30" s="226"/>
      <c r="GD30" s="226"/>
      <c r="GE30" s="226"/>
      <c r="GF30" s="226"/>
      <c r="GG30" s="226"/>
      <c r="GH30" s="226"/>
      <c r="GI30" s="226"/>
      <c r="GJ30" s="226"/>
      <c r="GK30" s="226"/>
    </row>
    <row r="31" spans="1:193" s="227" customFormat="1" ht="42" customHeight="1">
      <c r="A31" s="493"/>
      <c r="B31" s="235"/>
      <c r="C31" s="459" t="s">
        <v>664</v>
      </c>
      <c r="D31" s="460"/>
      <c r="E31" s="275"/>
      <c r="F31" s="276" t="s">
        <v>397</v>
      </c>
      <c r="G31" s="225" t="s">
        <v>422</v>
      </c>
      <c r="H31" s="226"/>
      <c r="I31" s="226"/>
      <c r="J31" s="226"/>
      <c r="K31" s="226"/>
      <c r="L31" s="226"/>
      <c r="M31" s="226"/>
      <c r="N31" s="226"/>
      <c r="O31" s="226"/>
      <c r="P31" s="226"/>
      <c r="Q31" s="226"/>
      <c r="R31" s="226"/>
      <c r="S31" s="226"/>
      <c r="T31" s="226"/>
      <c r="U31" s="226"/>
      <c r="V31" s="226"/>
      <c r="W31" s="226"/>
      <c r="X31" s="226"/>
      <c r="Y31" s="226"/>
      <c r="Z31" s="226"/>
      <c r="AA31" s="226"/>
      <c r="AB31" s="226"/>
      <c r="AC31" s="226"/>
      <c r="AD31" s="226"/>
      <c r="AE31" s="226"/>
      <c r="AF31" s="226"/>
      <c r="AG31" s="226"/>
      <c r="AH31" s="226"/>
      <c r="AI31" s="226"/>
      <c r="AJ31" s="226"/>
      <c r="AK31" s="226"/>
      <c r="AL31" s="226"/>
      <c r="AM31" s="226"/>
      <c r="AN31" s="226"/>
      <c r="AO31" s="226"/>
      <c r="AP31" s="226"/>
      <c r="AQ31" s="226"/>
      <c r="AR31" s="226"/>
      <c r="AS31" s="226"/>
      <c r="AT31" s="226"/>
      <c r="AU31" s="226"/>
      <c r="AV31" s="226"/>
      <c r="AW31" s="226"/>
      <c r="AX31" s="226"/>
      <c r="AY31" s="226"/>
      <c r="AZ31" s="226"/>
      <c r="BA31" s="226"/>
      <c r="BB31" s="226"/>
      <c r="BC31" s="226"/>
      <c r="BD31" s="226"/>
      <c r="BE31" s="226"/>
      <c r="BF31" s="226"/>
      <c r="BG31" s="226"/>
      <c r="BH31" s="226"/>
      <c r="BI31" s="226"/>
      <c r="BJ31" s="226"/>
      <c r="BK31" s="226"/>
      <c r="BL31" s="226"/>
      <c r="BM31" s="226"/>
      <c r="BN31" s="226"/>
      <c r="BO31" s="226"/>
      <c r="BP31" s="226"/>
      <c r="BQ31" s="226"/>
      <c r="BR31" s="226"/>
      <c r="BS31" s="226"/>
      <c r="BT31" s="226"/>
      <c r="BU31" s="226"/>
      <c r="BV31" s="226"/>
      <c r="BW31" s="226"/>
      <c r="BX31" s="226"/>
      <c r="BY31" s="226"/>
      <c r="BZ31" s="226"/>
      <c r="CA31" s="226"/>
      <c r="CB31" s="226"/>
      <c r="CC31" s="226"/>
      <c r="CD31" s="226"/>
      <c r="CE31" s="226"/>
      <c r="CF31" s="226"/>
      <c r="CG31" s="226"/>
      <c r="CH31" s="226"/>
      <c r="CI31" s="226"/>
      <c r="CJ31" s="226"/>
      <c r="CK31" s="226"/>
      <c r="CL31" s="226"/>
      <c r="CM31" s="226"/>
      <c r="CN31" s="226"/>
      <c r="CO31" s="226"/>
      <c r="CP31" s="226"/>
      <c r="CQ31" s="226"/>
      <c r="CR31" s="226"/>
      <c r="CS31" s="226"/>
      <c r="CT31" s="226"/>
      <c r="CU31" s="226"/>
      <c r="CV31" s="226"/>
      <c r="CW31" s="226"/>
      <c r="CX31" s="226"/>
      <c r="CY31" s="226"/>
      <c r="CZ31" s="226"/>
      <c r="DA31" s="226"/>
      <c r="DB31" s="226"/>
      <c r="DC31" s="226"/>
      <c r="DD31" s="226"/>
      <c r="DE31" s="226"/>
      <c r="DF31" s="226"/>
      <c r="DG31" s="226"/>
      <c r="DH31" s="226"/>
      <c r="DI31" s="226"/>
      <c r="DJ31" s="226"/>
      <c r="DK31" s="226"/>
      <c r="DL31" s="226"/>
      <c r="DM31" s="226"/>
      <c r="DN31" s="226"/>
      <c r="DO31" s="226"/>
      <c r="DP31" s="226"/>
      <c r="DQ31" s="226"/>
      <c r="DR31" s="226"/>
      <c r="DS31" s="226"/>
      <c r="DT31" s="226"/>
      <c r="DU31" s="226"/>
      <c r="DV31" s="226"/>
      <c r="DW31" s="226"/>
      <c r="DX31" s="226"/>
      <c r="DY31" s="226"/>
      <c r="DZ31" s="226"/>
      <c r="EA31" s="226"/>
      <c r="EB31" s="226"/>
      <c r="EC31" s="226"/>
      <c r="ED31" s="226"/>
      <c r="EE31" s="226"/>
      <c r="EF31" s="226"/>
      <c r="EG31" s="226"/>
      <c r="EH31" s="226"/>
      <c r="EI31" s="226"/>
      <c r="EJ31" s="226"/>
      <c r="EK31" s="226"/>
      <c r="EL31" s="226"/>
      <c r="EM31" s="226"/>
      <c r="EN31" s="226"/>
      <c r="EO31" s="226"/>
      <c r="EP31" s="226"/>
      <c r="EQ31" s="226"/>
      <c r="ER31" s="226"/>
      <c r="ES31" s="226"/>
      <c r="ET31" s="226"/>
      <c r="EU31" s="226"/>
      <c r="EV31" s="226"/>
      <c r="EW31" s="226"/>
      <c r="EX31" s="226"/>
      <c r="EY31" s="226"/>
      <c r="EZ31" s="226"/>
      <c r="FA31" s="226"/>
      <c r="FB31" s="226"/>
      <c r="FC31" s="226"/>
      <c r="FD31" s="226"/>
      <c r="FE31" s="226"/>
      <c r="FF31" s="226"/>
      <c r="FG31" s="226"/>
      <c r="FH31" s="226"/>
      <c r="FI31" s="226"/>
      <c r="FJ31" s="226"/>
      <c r="FK31" s="226"/>
      <c r="FL31" s="226"/>
      <c r="FM31" s="226"/>
      <c r="FN31" s="226"/>
      <c r="FO31" s="226"/>
      <c r="FP31" s="226"/>
      <c r="FQ31" s="226"/>
      <c r="FR31" s="226"/>
      <c r="FS31" s="226"/>
      <c r="FT31" s="226"/>
      <c r="FU31" s="226"/>
      <c r="FV31" s="226"/>
      <c r="FW31" s="226"/>
      <c r="FX31" s="226"/>
      <c r="FY31" s="226"/>
      <c r="FZ31" s="226"/>
      <c r="GA31" s="226"/>
      <c r="GB31" s="226"/>
      <c r="GC31" s="226"/>
      <c r="GD31" s="226"/>
      <c r="GE31" s="226"/>
      <c r="GF31" s="226"/>
      <c r="GG31" s="226"/>
      <c r="GH31" s="226"/>
      <c r="GI31" s="226"/>
      <c r="GJ31" s="226"/>
      <c r="GK31" s="226"/>
    </row>
    <row r="32" spans="1:193" s="227" customFormat="1" ht="75" customHeight="1">
      <c r="A32" s="493"/>
      <c r="B32" s="235"/>
      <c r="C32" s="459" t="s">
        <v>662</v>
      </c>
      <c r="D32" s="460"/>
      <c r="E32" s="275"/>
      <c r="F32" s="276" t="s">
        <v>530</v>
      </c>
      <c r="G32" s="225" t="s">
        <v>661</v>
      </c>
      <c r="H32" s="226"/>
      <c r="I32" s="226"/>
      <c r="J32" s="226"/>
      <c r="K32" s="226"/>
      <c r="L32" s="226"/>
      <c r="M32" s="226"/>
      <c r="N32" s="226"/>
      <c r="O32" s="226"/>
      <c r="P32" s="226"/>
      <c r="Q32" s="226"/>
      <c r="R32" s="226"/>
      <c r="S32" s="226"/>
      <c r="T32" s="226"/>
      <c r="U32" s="226"/>
      <c r="V32" s="226"/>
      <c r="W32" s="226"/>
      <c r="X32" s="226"/>
      <c r="Y32" s="226"/>
      <c r="Z32" s="226"/>
      <c r="AA32" s="226"/>
      <c r="AB32" s="226"/>
      <c r="AC32" s="226"/>
      <c r="AD32" s="226"/>
      <c r="AE32" s="226"/>
      <c r="AF32" s="226"/>
      <c r="AG32" s="226"/>
      <c r="AH32" s="226"/>
      <c r="AI32" s="226"/>
      <c r="AJ32" s="226"/>
      <c r="AK32" s="226"/>
      <c r="AL32" s="226"/>
      <c r="AM32" s="226"/>
      <c r="AN32" s="226"/>
      <c r="AO32" s="226"/>
      <c r="AP32" s="226"/>
      <c r="AQ32" s="226"/>
      <c r="AR32" s="226"/>
      <c r="AS32" s="226"/>
      <c r="AT32" s="226"/>
      <c r="AU32" s="226"/>
      <c r="AV32" s="226"/>
      <c r="AW32" s="226"/>
      <c r="AX32" s="226"/>
      <c r="AY32" s="226"/>
      <c r="AZ32" s="226"/>
      <c r="BA32" s="226"/>
      <c r="BB32" s="226"/>
      <c r="BC32" s="226"/>
      <c r="BD32" s="226"/>
      <c r="BE32" s="226"/>
      <c r="BF32" s="226"/>
      <c r="BG32" s="226"/>
      <c r="BH32" s="226"/>
      <c r="BI32" s="226"/>
      <c r="BJ32" s="226"/>
      <c r="BK32" s="226"/>
      <c r="BL32" s="226"/>
      <c r="BM32" s="226"/>
      <c r="BN32" s="226"/>
      <c r="BO32" s="226"/>
      <c r="BP32" s="226"/>
      <c r="BQ32" s="226"/>
      <c r="BR32" s="226"/>
      <c r="BS32" s="226"/>
      <c r="BT32" s="226"/>
      <c r="BU32" s="226"/>
      <c r="BV32" s="226"/>
      <c r="BW32" s="226"/>
      <c r="BX32" s="226"/>
      <c r="BY32" s="226"/>
      <c r="BZ32" s="226"/>
      <c r="CA32" s="226"/>
      <c r="CB32" s="226"/>
      <c r="CC32" s="226"/>
      <c r="CD32" s="226"/>
      <c r="CE32" s="226"/>
      <c r="CF32" s="226"/>
      <c r="CG32" s="226"/>
      <c r="CH32" s="226"/>
      <c r="CI32" s="226"/>
      <c r="CJ32" s="226"/>
      <c r="CK32" s="226"/>
      <c r="CL32" s="226"/>
      <c r="CM32" s="226"/>
      <c r="CN32" s="226"/>
      <c r="CO32" s="226"/>
      <c r="CP32" s="226"/>
      <c r="CQ32" s="226"/>
      <c r="CR32" s="226"/>
      <c r="CS32" s="226"/>
      <c r="CT32" s="226"/>
      <c r="CU32" s="226"/>
      <c r="CV32" s="226"/>
      <c r="CW32" s="226"/>
      <c r="CX32" s="226"/>
      <c r="CY32" s="226"/>
      <c r="CZ32" s="226"/>
      <c r="DA32" s="226"/>
      <c r="DB32" s="226"/>
      <c r="DC32" s="226"/>
      <c r="DD32" s="226"/>
      <c r="DE32" s="226"/>
      <c r="DF32" s="226"/>
      <c r="DG32" s="226"/>
      <c r="DH32" s="226"/>
      <c r="DI32" s="226"/>
      <c r="DJ32" s="226"/>
      <c r="DK32" s="226"/>
      <c r="DL32" s="226"/>
      <c r="DM32" s="226"/>
      <c r="DN32" s="226"/>
      <c r="DO32" s="226"/>
      <c r="DP32" s="226"/>
      <c r="DQ32" s="226"/>
      <c r="DR32" s="226"/>
      <c r="DS32" s="226"/>
      <c r="DT32" s="226"/>
      <c r="DU32" s="226"/>
      <c r="DV32" s="226"/>
      <c r="DW32" s="226"/>
      <c r="DX32" s="226"/>
      <c r="DY32" s="226"/>
      <c r="DZ32" s="226"/>
      <c r="EA32" s="226"/>
      <c r="EB32" s="226"/>
      <c r="EC32" s="226"/>
      <c r="ED32" s="226"/>
      <c r="EE32" s="226"/>
      <c r="EF32" s="226"/>
      <c r="EG32" s="226"/>
      <c r="EH32" s="226"/>
      <c r="EI32" s="226"/>
      <c r="EJ32" s="226"/>
      <c r="EK32" s="226"/>
      <c r="EL32" s="226"/>
      <c r="EM32" s="226"/>
      <c r="EN32" s="226"/>
      <c r="EO32" s="226"/>
      <c r="EP32" s="226"/>
      <c r="EQ32" s="226"/>
      <c r="ER32" s="226"/>
      <c r="ES32" s="226"/>
      <c r="ET32" s="226"/>
      <c r="EU32" s="226"/>
      <c r="EV32" s="226"/>
      <c r="EW32" s="226"/>
      <c r="EX32" s="226"/>
      <c r="EY32" s="226"/>
      <c r="EZ32" s="226"/>
      <c r="FA32" s="226"/>
      <c r="FB32" s="226"/>
      <c r="FC32" s="226"/>
      <c r="FD32" s="226"/>
      <c r="FE32" s="226"/>
      <c r="FF32" s="226"/>
      <c r="FG32" s="226"/>
      <c r="FH32" s="226"/>
      <c r="FI32" s="226"/>
      <c r="FJ32" s="226"/>
      <c r="FK32" s="226"/>
      <c r="FL32" s="226"/>
      <c r="FM32" s="226"/>
      <c r="FN32" s="226"/>
      <c r="FO32" s="226"/>
      <c r="FP32" s="226"/>
      <c r="FQ32" s="226"/>
      <c r="FR32" s="226"/>
      <c r="FS32" s="226"/>
      <c r="FT32" s="226"/>
      <c r="FU32" s="226"/>
      <c r="FV32" s="226"/>
      <c r="FW32" s="226"/>
      <c r="FX32" s="226"/>
      <c r="FY32" s="226"/>
      <c r="FZ32" s="226"/>
      <c r="GA32" s="226"/>
      <c r="GB32" s="226"/>
      <c r="GC32" s="226"/>
      <c r="GD32" s="226"/>
      <c r="GE32" s="226"/>
      <c r="GF32" s="226"/>
      <c r="GG32" s="226"/>
      <c r="GH32" s="226"/>
      <c r="GI32" s="226"/>
      <c r="GJ32" s="226"/>
      <c r="GK32" s="226"/>
    </row>
    <row r="33" spans="1:193" s="227" customFormat="1" ht="70.5" customHeight="1">
      <c r="A33" s="495"/>
      <c r="B33" s="228"/>
      <c r="C33" s="496" t="s">
        <v>660</v>
      </c>
      <c r="D33" s="497"/>
      <c r="E33" s="277"/>
      <c r="F33" s="279" t="s">
        <v>397</v>
      </c>
      <c r="G33" s="280" t="s">
        <v>659</v>
      </c>
      <c r="H33" s="226"/>
      <c r="I33" s="226"/>
      <c r="J33" s="226"/>
      <c r="K33" s="226"/>
      <c r="L33" s="226"/>
      <c r="M33" s="226"/>
      <c r="N33" s="226"/>
      <c r="O33" s="226"/>
      <c r="P33" s="226"/>
      <c r="Q33" s="226"/>
      <c r="R33" s="226"/>
      <c r="S33" s="226"/>
      <c r="T33" s="226"/>
      <c r="U33" s="226"/>
      <c r="V33" s="226"/>
      <c r="W33" s="226"/>
      <c r="X33" s="226"/>
      <c r="Y33" s="226"/>
      <c r="Z33" s="226"/>
      <c r="AA33" s="226"/>
      <c r="AB33" s="226"/>
      <c r="AC33" s="226"/>
      <c r="AD33" s="226"/>
      <c r="AE33" s="226"/>
      <c r="AF33" s="226"/>
      <c r="AG33" s="226"/>
      <c r="AH33" s="226"/>
      <c r="AI33" s="226"/>
      <c r="AJ33" s="226"/>
      <c r="AK33" s="226"/>
      <c r="AL33" s="226"/>
      <c r="AM33" s="226"/>
      <c r="AN33" s="226"/>
      <c r="AO33" s="226"/>
      <c r="AP33" s="226"/>
      <c r="AQ33" s="226"/>
      <c r="AR33" s="226"/>
      <c r="AS33" s="226"/>
      <c r="AT33" s="226"/>
      <c r="AU33" s="226"/>
      <c r="AV33" s="226"/>
      <c r="AW33" s="226"/>
      <c r="AX33" s="226"/>
      <c r="AY33" s="226"/>
      <c r="AZ33" s="226"/>
      <c r="BA33" s="226"/>
      <c r="BB33" s="226"/>
      <c r="BC33" s="226"/>
      <c r="BD33" s="226"/>
      <c r="BE33" s="226"/>
      <c r="BF33" s="226"/>
      <c r="BG33" s="226"/>
      <c r="BH33" s="226"/>
      <c r="BI33" s="226"/>
      <c r="BJ33" s="226"/>
      <c r="BK33" s="226"/>
      <c r="BL33" s="226"/>
      <c r="BM33" s="226"/>
      <c r="BN33" s="226"/>
      <c r="BO33" s="226"/>
      <c r="BP33" s="226"/>
      <c r="BQ33" s="226"/>
      <c r="BR33" s="226"/>
      <c r="BS33" s="226"/>
      <c r="BT33" s="226"/>
      <c r="BU33" s="226"/>
      <c r="BV33" s="226"/>
      <c r="BW33" s="226"/>
      <c r="BX33" s="226"/>
      <c r="BY33" s="226"/>
      <c r="BZ33" s="226"/>
      <c r="CA33" s="226"/>
      <c r="CB33" s="226"/>
      <c r="CC33" s="226"/>
      <c r="CD33" s="226"/>
      <c r="CE33" s="226"/>
      <c r="CF33" s="226"/>
      <c r="CG33" s="226"/>
      <c r="CH33" s="226"/>
      <c r="CI33" s="226"/>
      <c r="CJ33" s="226"/>
      <c r="CK33" s="226"/>
      <c r="CL33" s="226"/>
      <c r="CM33" s="226"/>
      <c r="CN33" s="226"/>
      <c r="CO33" s="226"/>
      <c r="CP33" s="226"/>
      <c r="CQ33" s="226"/>
      <c r="CR33" s="226"/>
      <c r="CS33" s="226"/>
      <c r="CT33" s="226"/>
      <c r="CU33" s="226"/>
      <c r="CV33" s="226"/>
      <c r="CW33" s="226"/>
      <c r="CX33" s="226"/>
      <c r="CY33" s="226"/>
      <c r="CZ33" s="226"/>
      <c r="DA33" s="226"/>
      <c r="DB33" s="226"/>
      <c r="DC33" s="226"/>
      <c r="DD33" s="226"/>
      <c r="DE33" s="226"/>
      <c r="DF33" s="226"/>
      <c r="DG33" s="226"/>
      <c r="DH33" s="226"/>
      <c r="DI33" s="226"/>
      <c r="DJ33" s="226"/>
      <c r="DK33" s="226"/>
      <c r="DL33" s="226"/>
      <c r="DM33" s="226"/>
      <c r="DN33" s="226"/>
      <c r="DO33" s="226"/>
      <c r="DP33" s="226"/>
      <c r="DQ33" s="226"/>
      <c r="DR33" s="226"/>
      <c r="DS33" s="226"/>
      <c r="DT33" s="226"/>
      <c r="DU33" s="226"/>
      <c r="DV33" s="226"/>
      <c r="DW33" s="226"/>
      <c r="DX33" s="226"/>
      <c r="DY33" s="226"/>
      <c r="DZ33" s="226"/>
      <c r="EA33" s="226"/>
      <c r="EB33" s="226"/>
      <c r="EC33" s="226"/>
      <c r="ED33" s="226"/>
      <c r="EE33" s="226"/>
      <c r="EF33" s="226"/>
      <c r="EG33" s="226"/>
      <c r="EH33" s="226"/>
      <c r="EI33" s="226"/>
      <c r="EJ33" s="226"/>
      <c r="EK33" s="226"/>
      <c r="EL33" s="226"/>
      <c r="EM33" s="226"/>
      <c r="EN33" s="226"/>
      <c r="EO33" s="226"/>
      <c r="EP33" s="226"/>
      <c r="EQ33" s="226"/>
      <c r="ER33" s="226"/>
      <c r="ES33" s="226"/>
      <c r="ET33" s="226"/>
      <c r="EU33" s="226"/>
      <c r="EV33" s="226"/>
      <c r="EW33" s="226"/>
      <c r="EX33" s="226"/>
      <c r="EY33" s="226"/>
      <c r="EZ33" s="226"/>
      <c r="FA33" s="226"/>
      <c r="FB33" s="226"/>
      <c r="FC33" s="226"/>
      <c r="FD33" s="226"/>
      <c r="FE33" s="226"/>
      <c r="FF33" s="226"/>
      <c r="FG33" s="226"/>
      <c r="FH33" s="226"/>
      <c r="FI33" s="226"/>
      <c r="FJ33" s="226"/>
      <c r="FK33" s="226"/>
      <c r="FL33" s="226"/>
      <c r="FM33" s="226"/>
      <c r="FN33" s="226"/>
      <c r="FO33" s="226"/>
      <c r="FP33" s="226"/>
      <c r="FQ33" s="226"/>
      <c r="FR33" s="226"/>
      <c r="FS33" s="226"/>
      <c r="FT33" s="226"/>
      <c r="FU33" s="226"/>
      <c r="FV33" s="226"/>
      <c r="FW33" s="226"/>
      <c r="FX33" s="226"/>
      <c r="FY33" s="226"/>
      <c r="FZ33" s="226"/>
      <c r="GA33" s="226"/>
      <c r="GB33" s="226"/>
      <c r="GC33" s="226"/>
      <c r="GD33" s="226"/>
      <c r="GE33" s="226"/>
      <c r="GF33" s="226"/>
      <c r="GG33" s="226"/>
      <c r="GH33" s="226"/>
      <c r="GI33" s="226"/>
      <c r="GJ33" s="226"/>
      <c r="GK33" s="226"/>
    </row>
    <row r="34" spans="1:193" s="227" customFormat="1" ht="52.5" customHeight="1">
      <c r="A34" s="235" t="s">
        <v>670</v>
      </c>
      <c r="B34" s="235" t="s">
        <v>669</v>
      </c>
      <c r="C34" s="553" t="s">
        <v>668</v>
      </c>
      <c r="D34" s="554"/>
      <c r="E34" s="273"/>
      <c r="F34" s="274"/>
      <c r="G34" s="234" t="s">
        <v>667</v>
      </c>
      <c r="H34" s="226"/>
      <c r="I34" s="226"/>
      <c r="J34" s="226"/>
      <c r="K34" s="226"/>
      <c r="L34" s="226"/>
      <c r="M34" s="226"/>
      <c r="N34" s="226"/>
      <c r="O34" s="226"/>
      <c r="P34" s="226"/>
      <c r="Q34" s="226"/>
      <c r="R34" s="226"/>
      <c r="S34" s="226"/>
      <c r="T34" s="226"/>
      <c r="U34" s="226"/>
      <c r="V34" s="226"/>
      <c r="W34" s="226"/>
      <c r="X34" s="226"/>
      <c r="Y34" s="226"/>
      <c r="Z34" s="226"/>
      <c r="AA34" s="226"/>
      <c r="AB34" s="226"/>
      <c r="AC34" s="226"/>
      <c r="AD34" s="226"/>
      <c r="AE34" s="226"/>
      <c r="AF34" s="226"/>
      <c r="AG34" s="226"/>
      <c r="AH34" s="226"/>
      <c r="AI34" s="226"/>
      <c r="AJ34" s="226"/>
      <c r="AK34" s="226"/>
      <c r="AL34" s="226"/>
      <c r="AM34" s="226"/>
      <c r="AN34" s="226"/>
      <c r="AO34" s="226"/>
      <c r="AP34" s="226"/>
      <c r="AQ34" s="226"/>
      <c r="AR34" s="226"/>
      <c r="AS34" s="226"/>
      <c r="AT34" s="226"/>
      <c r="AU34" s="226"/>
      <c r="AV34" s="226"/>
      <c r="AW34" s="226"/>
      <c r="AX34" s="226"/>
      <c r="AY34" s="226"/>
      <c r="AZ34" s="226"/>
      <c r="BA34" s="226"/>
      <c r="BB34" s="226"/>
      <c r="BC34" s="226"/>
      <c r="BD34" s="226"/>
      <c r="BE34" s="226"/>
      <c r="BF34" s="226"/>
      <c r="BG34" s="226"/>
      <c r="BH34" s="226"/>
      <c r="BI34" s="226"/>
      <c r="BJ34" s="226"/>
      <c r="BK34" s="226"/>
      <c r="BL34" s="226"/>
      <c r="BM34" s="226"/>
      <c r="BN34" s="226"/>
      <c r="BO34" s="226"/>
      <c r="BP34" s="226"/>
      <c r="BQ34" s="226"/>
      <c r="BR34" s="226"/>
      <c r="BS34" s="226"/>
      <c r="BT34" s="226"/>
      <c r="BU34" s="226"/>
      <c r="BV34" s="226"/>
      <c r="BW34" s="226"/>
      <c r="BX34" s="226"/>
      <c r="BY34" s="226"/>
      <c r="BZ34" s="226"/>
      <c r="CA34" s="226"/>
      <c r="CB34" s="226"/>
      <c r="CC34" s="226"/>
      <c r="CD34" s="226"/>
      <c r="CE34" s="226"/>
      <c r="CF34" s="226"/>
      <c r="CG34" s="226"/>
      <c r="CH34" s="226"/>
      <c r="CI34" s="226"/>
      <c r="CJ34" s="226"/>
      <c r="CK34" s="226"/>
      <c r="CL34" s="226"/>
      <c r="CM34" s="226"/>
      <c r="CN34" s="226"/>
      <c r="CO34" s="226"/>
      <c r="CP34" s="226"/>
      <c r="CQ34" s="226"/>
      <c r="CR34" s="226"/>
      <c r="CS34" s="226"/>
      <c r="CT34" s="226"/>
      <c r="CU34" s="226"/>
      <c r="CV34" s="226"/>
      <c r="CW34" s="226"/>
      <c r="CX34" s="226"/>
      <c r="CY34" s="226"/>
      <c r="CZ34" s="226"/>
      <c r="DA34" s="226"/>
      <c r="DB34" s="226"/>
      <c r="DC34" s="226"/>
      <c r="DD34" s="226"/>
      <c r="DE34" s="226"/>
      <c r="DF34" s="226"/>
      <c r="DG34" s="226"/>
      <c r="DH34" s="226"/>
      <c r="DI34" s="226"/>
      <c r="DJ34" s="226"/>
      <c r="DK34" s="226"/>
      <c r="DL34" s="226"/>
      <c r="DM34" s="226"/>
      <c r="DN34" s="226"/>
      <c r="DO34" s="226"/>
      <c r="DP34" s="226"/>
      <c r="DQ34" s="226"/>
      <c r="DR34" s="226"/>
      <c r="DS34" s="226"/>
      <c r="DT34" s="226"/>
      <c r="DU34" s="226"/>
      <c r="DV34" s="226"/>
      <c r="DW34" s="226"/>
      <c r="DX34" s="226"/>
      <c r="DY34" s="226"/>
      <c r="DZ34" s="226"/>
      <c r="EA34" s="226"/>
      <c r="EB34" s="226"/>
      <c r="EC34" s="226"/>
      <c r="ED34" s="226"/>
      <c r="EE34" s="226"/>
      <c r="EF34" s="226"/>
      <c r="EG34" s="226"/>
      <c r="EH34" s="226"/>
      <c r="EI34" s="226"/>
      <c r="EJ34" s="226"/>
      <c r="EK34" s="226"/>
      <c r="EL34" s="226"/>
      <c r="EM34" s="226"/>
      <c r="EN34" s="226"/>
      <c r="EO34" s="226"/>
      <c r="EP34" s="226"/>
      <c r="EQ34" s="226"/>
      <c r="ER34" s="226"/>
      <c r="ES34" s="226"/>
      <c r="ET34" s="226"/>
      <c r="EU34" s="226"/>
      <c r="EV34" s="226"/>
      <c r="EW34" s="226"/>
      <c r="EX34" s="226"/>
      <c r="EY34" s="226"/>
      <c r="EZ34" s="226"/>
      <c r="FA34" s="226"/>
      <c r="FB34" s="226"/>
      <c r="FC34" s="226"/>
      <c r="FD34" s="226"/>
      <c r="FE34" s="226"/>
      <c r="FF34" s="226"/>
      <c r="FG34" s="226"/>
      <c r="FH34" s="226"/>
      <c r="FI34" s="226"/>
      <c r="FJ34" s="226"/>
      <c r="FK34" s="226"/>
      <c r="FL34" s="226"/>
      <c r="FM34" s="226"/>
      <c r="FN34" s="226"/>
      <c r="FO34" s="226"/>
      <c r="FP34" s="226"/>
      <c r="FQ34" s="226"/>
      <c r="FR34" s="226"/>
      <c r="FS34" s="226"/>
      <c r="FT34" s="226"/>
      <c r="FU34" s="226"/>
      <c r="FV34" s="226"/>
      <c r="FW34" s="226"/>
      <c r="FX34" s="226"/>
      <c r="FY34" s="226"/>
      <c r="FZ34" s="226"/>
      <c r="GA34" s="226"/>
      <c r="GB34" s="226"/>
      <c r="GC34" s="226"/>
      <c r="GD34" s="226"/>
      <c r="GE34" s="226"/>
      <c r="GF34" s="226"/>
      <c r="GG34" s="226"/>
      <c r="GH34" s="226"/>
      <c r="GI34" s="226"/>
      <c r="GJ34" s="226"/>
      <c r="GK34" s="226"/>
    </row>
    <row r="35" spans="1:193" s="227" customFormat="1" ht="47.25" customHeight="1">
      <c r="A35" s="235"/>
      <c r="B35" s="235"/>
      <c r="C35" s="459" t="s">
        <v>666</v>
      </c>
      <c r="D35" s="460"/>
      <c r="E35" s="275"/>
      <c r="F35" s="276" t="s">
        <v>397</v>
      </c>
      <c r="G35" s="225"/>
      <c r="H35" s="226"/>
      <c r="I35" s="226"/>
      <c r="J35" s="226"/>
      <c r="K35" s="226"/>
      <c r="L35" s="226"/>
      <c r="M35" s="226"/>
      <c r="N35" s="226"/>
      <c r="O35" s="226"/>
      <c r="P35" s="226"/>
      <c r="Q35" s="226"/>
      <c r="R35" s="226"/>
      <c r="S35" s="226"/>
      <c r="T35" s="226"/>
      <c r="U35" s="226"/>
      <c r="V35" s="226"/>
      <c r="W35" s="226"/>
      <c r="X35" s="226"/>
      <c r="Y35" s="226"/>
      <c r="Z35" s="226"/>
      <c r="AA35" s="226"/>
      <c r="AB35" s="226"/>
      <c r="AC35" s="226"/>
      <c r="AD35" s="226"/>
      <c r="AE35" s="226"/>
      <c r="AF35" s="226"/>
      <c r="AG35" s="226"/>
      <c r="AH35" s="226"/>
      <c r="AI35" s="226"/>
      <c r="AJ35" s="226"/>
      <c r="AK35" s="226"/>
      <c r="AL35" s="226"/>
      <c r="AM35" s="226"/>
      <c r="AN35" s="226"/>
      <c r="AO35" s="226"/>
      <c r="AP35" s="226"/>
      <c r="AQ35" s="226"/>
      <c r="AR35" s="226"/>
      <c r="AS35" s="226"/>
      <c r="AT35" s="226"/>
      <c r="AU35" s="226"/>
      <c r="AV35" s="226"/>
      <c r="AW35" s="226"/>
      <c r="AX35" s="226"/>
      <c r="AY35" s="226"/>
      <c r="AZ35" s="226"/>
      <c r="BA35" s="226"/>
      <c r="BB35" s="226"/>
      <c r="BC35" s="226"/>
      <c r="BD35" s="226"/>
      <c r="BE35" s="226"/>
      <c r="BF35" s="226"/>
      <c r="BG35" s="226"/>
      <c r="BH35" s="226"/>
      <c r="BI35" s="226"/>
      <c r="BJ35" s="226"/>
      <c r="BK35" s="226"/>
      <c r="BL35" s="226"/>
      <c r="BM35" s="226"/>
      <c r="BN35" s="226"/>
      <c r="BO35" s="226"/>
      <c r="BP35" s="226"/>
      <c r="BQ35" s="226"/>
      <c r="BR35" s="226"/>
      <c r="BS35" s="226"/>
      <c r="BT35" s="226"/>
      <c r="BU35" s="226"/>
      <c r="BV35" s="226"/>
      <c r="BW35" s="226"/>
      <c r="BX35" s="226"/>
      <c r="BY35" s="226"/>
      <c r="BZ35" s="226"/>
      <c r="CA35" s="226"/>
      <c r="CB35" s="226"/>
      <c r="CC35" s="226"/>
      <c r="CD35" s="226"/>
      <c r="CE35" s="226"/>
      <c r="CF35" s="226"/>
      <c r="CG35" s="226"/>
      <c r="CH35" s="226"/>
      <c r="CI35" s="226"/>
      <c r="CJ35" s="226"/>
      <c r="CK35" s="226"/>
      <c r="CL35" s="226"/>
      <c r="CM35" s="226"/>
      <c r="CN35" s="226"/>
      <c r="CO35" s="226"/>
      <c r="CP35" s="226"/>
      <c r="CQ35" s="226"/>
      <c r="CR35" s="226"/>
      <c r="CS35" s="226"/>
      <c r="CT35" s="226"/>
      <c r="CU35" s="226"/>
      <c r="CV35" s="226"/>
      <c r="CW35" s="226"/>
      <c r="CX35" s="226"/>
      <c r="CY35" s="226"/>
      <c r="CZ35" s="226"/>
      <c r="DA35" s="226"/>
      <c r="DB35" s="226"/>
      <c r="DC35" s="226"/>
      <c r="DD35" s="226"/>
      <c r="DE35" s="226"/>
      <c r="DF35" s="226"/>
      <c r="DG35" s="226"/>
      <c r="DH35" s="226"/>
      <c r="DI35" s="226"/>
      <c r="DJ35" s="226"/>
      <c r="DK35" s="226"/>
      <c r="DL35" s="226"/>
      <c r="DM35" s="226"/>
      <c r="DN35" s="226"/>
      <c r="DO35" s="226"/>
      <c r="DP35" s="226"/>
      <c r="DQ35" s="226"/>
      <c r="DR35" s="226"/>
      <c r="DS35" s="226"/>
      <c r="DT35" s="226"/>
      <c r="DU35" s="226"/>
      <c r="DV35" s="226"/>
      <c r="DW35" s="226"/>
      <c r="DX35" s="226"/>
      <c r="DY35" s="226"/>
      <c r="DZ35" s="226"/>
      <c r="EA35" s="226"/>
      <c r="EB35" s="226"/>
      <c r="EC35" s="226"/>
      <c r="ED35" s="226"/>
      <c r="EE35" s="226"/>
      <c r="EF35" s="226"/>
      <c r="EG35" s="226"/>
      <c r="EH35" s="226"/>
      <c r="EI35" s="226"/>
      <c r="EJ35" s="226"/>
      <c r="EK35" s="226"/>
      <c r="EL35" s="226"/>
      <c r="EM35" s="226"/>
      <c r="EN35" s="226"/>
      <c r="EO35" s="226"/>
      <c r="EP35" s="226"/>
      <c r="EQ35" s="226"/>
      <c r="ER35" s="226"/>
      <c r="ES35" s="226"/>
      <c r="ET35" s="226"/>
      <c r="EU35" s="226"/>
      <c r="EV35" s="226"/>
      <c r="EW35" s="226"/>
      <c r="EX35" s="226"/>
      <c r="EY35" s="226"/>
      <c r="EZ35" s="226"/>
      <c r="FA35" s="226"/>
      <c r="FB35" s="226"/>
      <c r="FC35" s="226"/>
      <c r="FD35" s="226"/>
      <c r="FE35" s="226"/>
      <c r="FF35" s="226"/>
      <c r="FG35" s="226"/>
      <c r="FH35" s="226"/>
      <c r="FI35" s="226"/>
      <c r="FJ35" s="226"/>
      <c r="FK35" s="226"/>
      <c r="FL35" s="226"/>
      <c r="FM35" s="226"/>
      <c r="FN35" s="226"/>
      <c r="FO35" s="226"/>
      <c r="FP35" s="226"/>
      <c r="FQ35" s="226"/>
      <c r="FR35" s="226"/>
      <c r="FS35" s="226"/>
      <c r="FT35" s="226"/>
      <c r="FU35" s="226"/>
      <c r="FV35" s="226"/>
      <c r="FW35" s="226"/>
      <c r="FX35" s="226"/>
      <c r="FY35" s="226"/>
      <c r="FZ35" s="226"/>
      <c r="GA35" s="226"/>
      <c r="GB35" s="226"/>
      <c r="GC35" s="226"/>
      <c r="GD35" s="226"/>
      <c r="GE35" s="226"/>
      <c r="GF35" s="226"/>
      <c r="GG35" s="226"/>
      <c r="GH35" s="226"/>
      <c r="GI35" s="226"/>
      <c r="GJ35" s="226"/>
      <c r="GK35" s="226"/>
    </row>
    <row r="36" spans="1:193" s="227" customFormat="1" ht="51" customHeight="1">
      <c r="A36" s="235"/>
      <c r="B36" s="235"/>
      <c r="C36" s="459" t="s">
        <v>665</v>
      </c>
      <c r="D36" s="460"/>
      <c r="E36" s="275"/>
      <c r="F36" s="276" t="s">
        <v>397</v>
      </c>
      <c r="G36" s="225" t="s">
        <v>422</v>
      </c>
      <c r="H36" s="226"/>
      <c r="I36" s="226"/>
      <c r="J36" s="226"/>
      <c r="K36" s="226"/>
      <c r="L36" s="226"/>
      <c r="M36" s="226"/>
      <c r="N36" s="226"/>
      <c r="O36" s="226"/>
      <c r="P36" s="226"/>
      <c r="Q36" s="226"/>
      <c r="R36" s="226"/>
      <c r="S36" s="226"/>
      <c r="T36" s="226"/>
      <c r="U36" s="226"/>
      <c r="V36" s="226"/>
      <c r="W36" s="226"/>
      <c r="X36" s="226"/>
      <c r="Y36" s="226"/>
      <c r="Z36" s="226"/>
      <c r="AA36" s="226"/>
      <c r="AB36" s="226"/>
      <c r="AC36" s="226"/>
      <c r="AD36" s="226"/>
      <c r="AE36" s="226"/>
      <c r="AF36" s="226"/>
      <c r="AG36" s="226"/>
      <c r="AH36" s="226"/>
      <c r="AI36" s="226"/>
      <c r="AJ36" s="226"/>
      <c r="AK36" s="226"/>
      <c r="AL36" s="226"/>
      <c r="AM36" s="226"/>
      <c r="AN36" s="226"/>
      <c r="AO36" s="226"/>
      <c r="AP36" s="226"/>
      <c r="AQ36" s="226"/>
      <c r="AR36" s="226"/>
      <c r="AS36" s="226"/>
      <c r="AT36" s="226"/>
      <c r="AU36" s="226"/>
      <c r="AV36" s="226"/>
      <c r="AW36" s="226"/>
      <c r="AX36" s="226"/>
      <c r="AY36" s="226"/>
      <c r="AZ36" s="226"/>
      <c r="BA36" s="226"/>
      <c r="BB36" s="226"/>
      <c r="BC36" s="226"/>
      <c r="BD36" s="226"/>
      <c r="BE36" s="226"/>
      <c r="BF36" s="226"/>
      <c r="BG36" s="226"/>
      <c r="BH36" s="226"/>
      <c r="BI36" s="226"/>
      <c r="BJ36" s="226"/>
      <c r="BK36" s="226"/>
      <c r="BL36" s="226"/>
      <c r="BM36" s="226"/>
      <c r="BN36" s="226"/>
      <c r="BO36" s="226"/>
      <c r="BP36" s="226"/>
      <c r="BQ36" s="226"/>
      <c r="BR36" s="226"/>
      <c r="BS36" s="226"/>
      <c r="BT36" s="226"/>
      <c r="BU36" s="226"/>
      <c r="BV36" s="226"/>
      <c r="BW36" s="226"/>
      <c r="BX36" s="226"/>
      <c r="BY36" s="226"/>
      <c r="BZ36" s="226"/>
      <c r="CA36" s="226"/>
      <c r="CB36" s="226"/>
      <c r="CC36" s="226"/>
      <c r="CD36" s="226"/>
      <c r="CE36" s="226"/>
      <c r="CF36" s="226"/>
      <c r="CG36" s="226"/>
      <c r="CH36" s="226"/>
      <c r="CI36" s="226"/>
      <c r="CJ36" s="226"/>
      <c r="CK36" s="226"/>
      <c r="CL36" s="226"/>
      <c r="CM36" s="226"/>
      <c r="CN36" s="226"/>
      <c r="CO36" s="226"/>
      <c r="CP36" s="226"/>
      <c r="CQ36" s="226"/>
      <c r="CR36" s="226"/>
      <c r="CS36" s="226"/>
      <c r="CT36" s="226"/>
      <c r="CU36" s="226"/>
      <c r="CV36" s="226"/>
      <c r="CW36" s="226"/>
      <c r="CX36" s="226"/>
      <c r="CY36" s="226"/>
      <c r="CZ36" s="226"/>
      <c r="DA36" s="226"/>
      <c r="DB36" s="226"/>
      <c r="DC36" s="226"/>
      <c r="DD36" s="226"/>
      <c r="DE36" s="226"/>
      <c r="DF36" s="226"/>
      <c r="DG36" s="226"/>
      <c r="DH36" s="226"/>
      <c r="DI36" s="226"/>
      <c r="DJ36" s="226"/>
      <c r="DK36" s="226"/>
      <c r="DL36" s="226"/>
      <c r="DM36" s="226"/>
      <c r="DN36" s="226"/>
      <c r="DO36" s="226"/>
      <c r="DP36" s="226"/>
      <c r="DQ36" s="226"/>
      <c r="DR36" s="226"/>
      <c r="DS36" s="226"/>
      <c r="DT36" s="226"/>
      <c r="DU36" s="226"/>
      <c r="DV36" s="226"/>
      <c r="DW36" s="226"/>
      <c r="DX36" s="226"/>
      <c r="DY36" s="226"/>
      <c r="DZ36" s="226"/>
      <c r="EA36" s="226"/>
      <c r="EB36" s="226"/>
      <c r="EC36" s="226"/>
      <c r="ED36" s="226"/>
      <c r="EE36" s="226"/>
      <c r="EF36" s="226"/>
      <c r="EG36" s="226"/>
      <c r="EH36" s="226"/>
      <c r="EI36" s="226"/>
      <c r="EJ36" s="226"/>
      <c r="EK36" s="226"/>
      <c r="EL36" s="226"/>
      <c r="EM36" s="226"/>
      <c r="EN36" s="226"/>
      <c r="EO36" s="226"/>
      <c r="EP36" s="226"/>
      <c r="EQ36" s="226"/>
      <c r="ER36" s="226"/>
      <c r="ES36" s="226"/>
      <c r="ET36" s="226"/>
      <c r="EU36" s="226"/>
      <c r="EV36" s="226"/>
      <c r="EW36" s="226"/>
      <c r="EX36" s="226"/>
      <c r="EY36" s="226"/>
      <c r="EZ36" s="226"/>
      <c r="FA36" s="226"/>
      <c r="FB36" s="226"/>
      <c r="FC36" s="226"/>
      <c r="FD36" s="226"/>
      <c r="FE36" s="226"/>
      <c r="FF36" s="226"/>
      <c r="FG36" s="226"/>
      <c r="FH36" s="226"/>
      <c r="FI36" s="226"/>
      <c r="FJ36" s="226"/>
      <c r="FK36" s="226"/>
      <c r="FL36" s="226"/>
      <c r="FM36" s="226"/>
      <c r="FN36" s="226"/>
      <c r="FO36" s="226"/>
      <c r="FP36" s="226"/>
      <c r="FQ36" s="226"/>
      <c r="FR36" s="226"/>
      <c r="FS36" s="226"/>
      <c r="FT36" s="226"/>
      <c r="FU36" s="226"/>
      <c r="FV36" s="226"/>
      <c r="FW36" s="226"/>
      <c r="FX36" s="226"/>
      <c r="FY36" s="226"/>
      <c r="FZ36" s="226"/>
      <c r="GA36" s="226"/>
      <c r="GB36" s="226"/>
      <c r="GC36" s="226"/>
      <c r="GD36" s="226"/>
      <c r="GE36" s="226"/>
      <c r="GF36" s="226"/>
      <c r="GG36" s="226"/>
      <c r="GH36" s="226"/>
      <c r="GI36" s="226"/>
      <c r="GJ36" s="226"/>
      <c r="GK36" s="226"/>
    </row>
    <row r="37" spans="1:193" s="227" customFormat="1" ht="42" customHeight="1">
      <c r="A37" s="235"/>
      <c r="B37" s="235"/>
      <c r="C37" s="459" t="s">
        <v>664</v>
      </c>
      <c r="D37" s="460"/>
      <c r="E37" s="275"/>
      <c r="F37" s="276" t="s">
        <v>397</v>
      </c>
      <c r="G37" s="225" t="s">
        <v>422</v>
      </c>
      <c r="H37" s="226"/>
      <c r="I37" s="226"/>
      <c r="J37" s="226"/>
      <c r="K37" s="226"/>
      <c r="L37" s="226"/>
      <c r="M37" s="226"/>
      <c r="N37" s="226"/>
      <c r="O37" s="226"/>
      <c r="P37" s="226"/>
      <c r="Q37" s="226"/>
      <c r="R37" s="226"/>
      <c r="S37" s="226"/>
      <c r="T37" s="226"/>
      <c r="U37" s="226"/>
      <c r="V37" s="226"/>
      <c r="W37" s="226"/>
      <c r="X37" s="226"/>
      <c r="Y37" s="226"/>
      <c r="Z37" s="226"/>
      <c r="AA37" s="226"/>
      <c r="AB37" s="226"/>
      <c r="AC37" s="226"/>
      <c r="AD37" s="226"/>
      <c r="AE37" s="226"/>
      <c r="AF37" s="226"/>
      <c r="AG37" s="226"/>
      <c r="AH37" s="226"/>
      <c r="AI37" s="226"/>
      <c r="AJ37" s="226"/>
      <c r="AK37" s="226"/>
      <c r="AL37" s="226"/>
      <c r="AM37" s="226"/>
      <c r="AN37" s="226"/>
      <c r="AO37" s="226"/>
      <c r="AP37" s="226"/>
      <c r="AQ37" s="226"/>
      <c r="AR37" s="226"/>
      <c r="AS37" s="226"/>
      <c r="AT37" s="226"/>
      <c r="AU37" s="226"/>
      <c r="AV37" s="226"/>
      <c r="AW37" s="226"/>
      <c r="AX37" s="226"/>
      <c r="AY37" s="226"/>
      <c r="AZ37" s="226"/>
      <c r="BA37" s="226"/>
      <c r="BB37" s="226"/>
      <c r="BC37" s="226"/>
      <c r="BD37" s="226"/>
      <c r="BE37" s="226"/>
      <c r="BF37" s="226"/>
      <c r="BG37" s="226"/>
      <c r="BH37" s="226"/>
      <c r="BI37" s="226"/>
      <c r="BJ37" s="226"/>
      <c r="BK37" s="226"/>
      <c r="BL37" s="226"/>
      <c r="BM37" s="226"/>
      <c r="BN37" s="226"/>
      <c r="BO37" s="226"/>
      <c r="BP37" s="226"/>
      <c r="BQ37" s="226"/>
      <c r="BR37" s="226"/>
      <c r="BS37" s="226"/>
      <c r="BT37" s="226"/>
      <c r="BU37" s="226"/>
      <c r="BV37" s="226"/>
      <c r="BW37" s="226"/>
      <c r="BX37" s="226"/>
      <c r="BY37" s="226"/>
      <c r="BZ37" s="226"/>
      <c r="CA37" s="226"/>
      <c r="CB37" s="226"/>
      <c r="CC37" s="226"/>
      <c r="CD37" s="226"/>
      <c r="CE37" s="226"/>
      <c r="CF37" s="226"/>
      <c r="CG37" s="226"/>
      <c r="CH37" s="226"/>
      <c r="CI37" s="226"/>
      <c r="CJ37" s="226"/>
      <c r="CK37" s="226"/>
      <c r="CL37" s="226"/>
      <c r="CM37" s="226"/>
      <c r="CN37" s="226"/>
      <c r="CO37" s="226"/>
      <c r="CP37" s="226"/>
      <c r="CQ37" s="226"/>
      <c r="CR37" s="226"/>
      <c r="CS37" s="226"/>
      <c r="CT37" s="226"/>
      <c r="CU37" s="226"/>
      <c r="CV37" s="226"/>
      <c r="CW37" s="226"/>
      <c r="CX37" s="226"/>
      <c r="CY37" s="226"/>
      <c r="CZ37" s="226"/>
      <c r="DA37" s="226"/>
      <c r="DB37" s="226"/>
      <c r="DC37" s="226"/>
      <c r="DD37" s="226"/>
      <c r="DE37" s="226"/>
      <c r="DF37" s="226"/>
      <c r="DG37" s="226"/>
      <c r="DH37" s="226"/>
      <c r="DI37" s="226"/>
      <c r="DJ37" s="226"/>
      <c r="DK37" s="226"/>
      <c r="DL37" s="226"/>
      <c r="DM37" s="226"/>
      <c r="DN37" s="226"/>
      <c r="DO37" s="226"/>
      <c r="DP37" s="226"/>
      <c r="DQ37" s="226"/>
      <c r="DR37" s="226"/>
      <c r="DS37" s="226"/>
      <c r="DT37" s="226"/>
      <c r="DU37" s="226"/>
      <c r="DV37" s="226"/>
      <c r="DW37" s="226"/>
      <c r="DX37" s="226"/>
      <c r="DY37" s="226"/>
      <c r="DZ37" s="226"/>
      <c r="EA37" s="226"/>
      <c r="EB37" s="226"/>
      <c r="EC37" s="226"/>
      <c r="ED37" s="226"/>
      <c r="EE37" s="226"/>
      <c r="EF37" s="226"/>
      <c r="EG37" s="226"/>
      <c r="EH37" s="226"/>
      <c r="EI37" s="226"/>
      <c r="EJ37" s="226"/>
      <c r="EK37" s="226"/>
      <c r="EL37" s="226"/>
      <c r="EM37" s="226"/>
      <c r="EN37" s="226"/>
      <c r="EO37" s="226"/>
      <c r="EP37" s="226"/>
      <c r="EQ37" s="226"/>
      <c r="ER37" s="226"/>
      <c r="ES37" s="226"/>
      <c r="ET37" s="226"/>
      <c r="EU37" s="226"/>
      <c r="EV37" s="226"/>
      <c r="EW37" s="226"/>
      <c r="EX37" s="226"/>
      <c r="EY37" s="226"/>
      <c r="EZ37" s="226"/>
      <c r="FA37" s="226"/>
      <c r="FB37" s="226"/>
      <c r="FC37" s="226"/>
      <c r="FD37" s="226"/>
      <c r="FE37" s="226"/>
      <c r="FF37" s="226"/>
      <c r="FG37" s="226"/>
      <c r="FH37" s="226"/>
      <c r="FI37" s="226"/>
      <c r="FJ37" s="226"/>
      <c r="FK37" s="226"/>
      <c r="FL37" s="226"/>
      <c r="FM37" s="226"/>
      <c r="FN37" s="226"/>
      <c r="FO37" s="226"/>
      <c r="FP37" s="226"/>
      <c r="FQ37" s="226"/>
      <c r="FR37" s="226"/>
      <c r="FS37" s="226"/>
      <c r="FT37" s="226"/>
      <c r="FU37" s="226"/>
      <c r="FV37" s="226"/>
      <c r="FW37" s="226"/>
      <c r="FX37" s="226"/>
      <c r="FY37" s="226"/>
      <c r="FZ37" s="226"/>
      <c r="GA37" s="226"/>
      <c r="GB37" s="226"/>
      <c r="GC37" s="226"/>
      <c r="GD37" s="226"/>
      <c r="GE37" s="226"/>
      <c r="GF37" s="226"/>
      <c r="GG37" s="226"/>
      <c r="GH37" s="226"/>
      <c r="GI37" s="226"/>
      <c r="GJ37" s="226"/>
      <c r="GK37" s="226"/>
    </row>
    <row r="38" spans="1:193" s="227" customFormat="1" ht="75" customHeight="1">
      <c r="A38" s="235" t="s">
        <v>663</v>
      </c>
      <c r="B38" s="235"/>
      <c r="C38" s="459" t="s">
        <v>662</v>
      </c>
      <c r="D38" s="460"/>
      <c r="E38" s="275"/>
      <c r="F38" s="276" t="s">
        <v>397</v>
      </c>
      <c r="G38" s="225" t="s">
        <v>661</v>
      </c>
      <c r="H38" s="226"/>
      <c r="I38" s="226"/>
      <c r="J38" s="226"/>
      <c r="K38" s="226"/>
      <c r="L38" s="226"/>
      <c r="M38" s="226"/>
      <c r="N38" s="226"/>
      <c r="O38" s="226"/>
      <c r="P38" s="226"/>
      <c r="Q38" s="226"/>
      <c r="R38" s="226"/>
      <c r="S38" s="226"/>
      <c r="T38" s="226"/>
      <c r="U38" s="226"/>
      <c r="V38" s="226"/>
      <c r="W38" s="226"/>
      <c r="X38" s="226"/>
      <c r="Y38" s="226"/>
      <c r="Z38" s="226"/>
      <c r="AA38" s="226"/>
      <c r="AB38" s="226"/>
      <c r="AC38" s="226"/>
      <c r="AD38" s="226"/>
      <c r="AE38" s="226"/>
      <c r="AF38" s="226"/>
      <c r="AG38" s="226"/>
      <c r="AH38" s="226"/>
      <c r="AI38" s="226"/>
      <c r="AJ38" s="226"/>
      <c r="AK38" s="226"/>
      <c r="AL38" s="226"/>
      <c r="AM38" s="226"/>
      <c r="AN38" s="226"/>
      <c r="AO38" s="226"/>
      <c r="AP38" s="226"/>
      <c r="AQ38" s="226"/>
      <c r="AR38" s="226"/>
      <c r="AS38" s="226"/>
      <c r="AT38" s="226"/>
      <c r="AU38" s="226"/>
      <c r="AV38" s="226"/>
      <c r="AW38" s="226"/>
      <c r="AX38" s="226"/>
      <c r="AY38" s="226"/>
      <c r="AZ38" s="226"/>
      <c r="BA38" s="226"/>
      <c r="BB38" s="226"/>
      <c r="BC38" s="226"/>
      <c r="BD38" s="226"/>
      <c r="BE38" s="226"/>
      <c r="BF38" s="226"/>
      <c r="BG38" s="226"/>
      <c r="BH38" s="226"/>
      <c r="BI38" s="226"/>
      <c r="BJ38" s="226"/>
      <c r="BK38" s="226"/>
      <c r="BL38" s="226"/>
      <c r="BM38" s="226"/>
      <c r="BN38" s="226"/>
      <c r="BO38" s="226"/>
      <c r="BP38" s="226"/>
      <c r="BQ38" s="226"/>
      <c r="BR38" s="226"/>
      <c r="BS38" s="226"/>
      <c r="BT38" s="226"/>
      <c r="BU38" s="226"/>
      <c r="BV38" s="226"/>
      <c r="BW38" s="226"/>
      <c r="BX38" s="226"/>
      <c r="BY38" s="226"/>
      <c r="BZ38" s="226"/>
      <c r="CA38" s="226"/>
      <c r="CB38" s="226"/>
      <c r="CC38" s="226"/>
      <c r="CD38" s="226"/>
      <c r="CE38" s="226"/>
      <c r="CF38" s="226"/>
      <c r="CG38" s="226"/>
      <c r="CH38" s="226"/>
      <c r="CI38" s="226"/>
      <c r="CJ38" s="226"/>
      <c r="CK38" s="226"/>
      <c r="CL38" s="226"/>
      <c r="CM38" s="226"/>
      <c r="CN38" s="226"/>
      <c r="CO38" s="226"/>
      <c r="CP38" s="226"/>
      <c r="CQ38" s="226"/>
      <c r="CR38" s="226"/>
      <c r="CS38" s="226"/>
      <c r="CT38" s="226"/>
      <c r="CU38" s="226"/>
      <c r="CV38" s="226"/>
      <c r="CW38" s="226"/>
      <c r="CX38" s="226"/>
      <c r="CY38" s="226"/>
      <c r="CZ38" s="226"/>
      <c r="DA38" s="226"/>
      <c r="DB38" s="226"/>
      <c r="DC38" s="226"/>
      <c r="DD38" s="226"/>
      <c r="DE38" s="226"/>
      <c r="DF38" s="226"/>
      <c r="DG38" s="226"/>
      <c r="DH38" s="226"/>
      <c r="DI38" s="226"/>
      <c r="DJ38" s="226"/>
      <c r="DK38" s="226"/>
      <c r="DL38" s="226"/>
      <c r="DM38" s="226"/>
      <c r="DN38" s="226"/>
      <c r="DO38" s="226"/>
      <c r="DP38" s="226"/>
      <c r="DQ38" s="226"/>
      <c r="DR38" s="226"/>
      <c r="DS38" s="226"/>
      <c r="DT38" s="226"/>
      <c r="DU38" s="226"/>
      <c r="DV38" s="226"/>
      <c r="DW38" s="226"/>
      <c r="DX38" s="226"/>
      <c r="DY38" s="226"/>
      <c r="DZ38" s="226"/>
      <c r="EA38" s="226"/>
      <c r="EB38" s="226"/>
      <c r="EC38" s="226"/>
      <c r="ED38" s="226"/>
      <c r="EE38" s="226"/>
      <c r="EF38" s="226"/>
      <c r="EG38" s="226"/>
      <c r="EH38" s="226"/>
      <c r="EI38" s="226"/>
      <c r="EJ38" s="226"/>
      <c r="EK38" s="226"/>
      <c r="EL38" s="226"/>
      <c r="EM38" s="226"/>
      <c r="EN38" s="226"/>
      <c r="EO38" s="226"/>
      <c r="EP38" s="226"/>
      <c r="EQ38" s="226"/>
      <c r="ER38" s="226"/>
      <c r="ES38" s="226"/>
      <c r="ET38" s="226"/>
      <c r="EU38" s="226"/>
      <c r="EV38" s="226"/>
      <c r="EW38" s="226"/>
      <c r="EX38" s="226"/>
      <c r="EY38" s="226"/>
      <c r="EZ38" s="226"/>
      <c r="FA38" s="226"/>
      <c r="FB38" s="226"/>
      <c r="FC38" s="226"/>
      <c r="FD38" s="226"/>
      <c r="FE38" s="226"/>
      <c r="FF38" s="226"/>
      <c r="FG38" s="226"/>
      <c r="FH38" s="226"/>
      <c r="FI38" s="226"/>
      <c r="FJ38" s="226"/>
      <c r="FK38" s="226"/>
      <c r="FL38" s="226"/>
      <c r="FM38" s="226"/>
      <c r="FN38" s="226"/>
      <c r="FO38" s="226"/>
      <c r="FP38" s="226"/>
      <c r="FQ38" s="226"/>
      <c r="FR38" s="226"/>
      <c r="FS38" s="226"/>
      <c r="FT38" s="226"/>
      <c r="FU38" s="226"/>
      <c r="FV38" s="226"/>
      <c r="FW38" s="226"/>
      <c r="FX38" s="226"/>
      <c r="FY38" s="226"/>
      <c r="FZ38" s="226"/>
      <c r="GA38" s="226"/>
      <c r="GB38" s="226"/>
      <c r="GC38" s="226"/>
      <c r="GD38" s="226"/>
      <c r="GE38" s="226"/>
      <c r="GF38" s="226"/>
      <c r="GG38" s="226"/>
      <c r="GH38" s="226"/>
      <c r="GI38" s="226"/>
      <c r="GJ38" s="226"/>
      <c r="GK38" s="226"/>
    </row>
    <row r="39" spans="1:193" s="227" customFormat="1" ht="70.5" customHeight="1">
      <c r="A39" s="228"/>
      <c r="B39" s="228"/>
      <c r="C39" s="461" t="s">
        <v>660</v>
      </c>
      <c r="D39" s="462"/>
      <c r="E39" s="343"/>
      <c r="F39" s="320" t="s">
        <v>397</v>
      </c>
      <c r="G39" s="238" t="s">
        <v>659</v>
      </c>
      <c r="H39" s="226"/>
      <c r="I39" s="226"/>
      <c r="J39" s="226"/>
      <c r="K39" s="226"/>
      <c r="L39" s="226"/>
      <c r="M39" s="226"/>
      <c r="N39" s="226"/>
      <c r="O39" s="226"/>
      <c r="P39" s="226"/>
      <c r="Q39" s="226"/>
      <c r="R39" s="226"/>
      <c r="S39" s="226"/>
      <c r="T39" s="226"/>
      <c r="U39" s="226"/>
      <c r="V39" s="226"/>
      <c r="W39" s="226"/>
      <c r="X39" s="226"/>
      <c r="Y39" s="226"/>
      <c r="Z39" s="226"/>
      <c r="AA39" s="226"/>
      <c r="AB39" s="226"/>
      <c r="AC39" s="226"/>
      <c r="AD39" s="226"/>
      <c r="AE39" s="226"/>
      <c r="AF39" s="226"/>
      <c r="AG39" s="226"/>
      <c r="AH39" s="226"/>
      <c r="AI39" s="226"/>
      <c r="AJ39" s="226"/>
      <c r="AK39" s="226"/>
      <c r="AL39" s="226"/>
      <c r="AM39" s="226"/>
      <c r="AN39" s="226"/>
      <c r="AO39" s="226"/>
      <c r="AP39" s="226"/>
      <c r="AQ39" s="226"/>
      <c r="AR39" s="226"/>
      <c r="AS39" s="226"/>
      <c r="AT39" s="226"/>
      <c r="AU39" s="226"/>
      <c r="AV39" s="226"/>
      <c r="AW39" s="226"/>
      <c r="AX39" s="226"/>
      <c r="AY39" s="226"/>
      <c r="AZ39" s="226"/>
      <c r="BA39" s="226"/>
      <c r="BB39" s="226"/>
      <c r="BC39" s="226"/>
      <c r="BD39" s="226"/>
      <c r="BE39" s="226"/>
      <c r="BF39" s="226"/>
      <c r="BG39" s="226"/>
      <c r="BH39" s="226"/>
      <c r="BI39" s="226"/>
      <c r="BJ39" s="226"/>
      <c r="BK39" s="226"/>
      <c r="BL39" s="226"/>
      <c r="BM39" s="226"/>
      <c r="BN39" s="226"/>
      <c r="BO39" s="226"/>
      <c r="BP39" s="226"/>
      <c r="BQ39" s="226"/>
      <c r="BR39" s="226"/>
      <c r="BS39" s="226"/>
      <c r="BT39" s="226"/>
      <c r="BU39" s="226"/>
      <c r="BV39" s="226"/>
      <c r="BW39" s="226"/>
      <c r="BX39" s="226"/>
      <c r="BY39" s="226"/>
      <c r="BZ39" s="226"/>
      <c r="CA39" s="226"/>
      <c r="CB39" s="226"/>
      <c r="CC39" s="226"/>
      <c r="CD39" s="226"/>
      <c r="CE39" s="226"/>
      <c r="CF39" s="226"/>
      <c r="CG39" s="226"/>
      <c r="CH39" s="226"/>
      <c r="CI39" s="226"/>
      <c r="CJ39" s="226"/>
      <c r="CK39" s="226"/>
      <c r="CL39" s="226"/>
      <c r="CM39" s="226"/>
      <c r="CN39" s="226"/>
      <c r="CO39" s="226"/>
      <c r="CP39" s="226"/>
      <c r="CQ39" s="226"/>
      <c r="CR39" s="226"/>
      <c r="CS39" s="226"/>
      <c r="CT39" s="226"/>
      <c r="CU39" s="226"/>
      <c r="CV39" s="226"/>
      <c r="CW39" s="226"/>
      <c r="CX39" s="226"/>
      <c r="CY39" s="226"/>
      <c r="CZ39" s="226"/>
      <c r="DA39" s="226"/>
      <c r="DB39" s="226"/>
      <c r="DC39" s="226"/>
      <c r="DD39" s="226"/>
      <c r="DE39" s="226"/>
      <c r="DF39" s="226"/>
      <c r="DG39" s="226"/>
      <c r="DH39" s="226"/>
      <c r="DI39" s="226"/>
      <c r="DJ39" s="226"/>
      <c r="DK39" s="226"/>
      <c r="DL39" s="226"/>
      <c r="DM39" s="226"/>
      <c r="DN39" s="226"/>
      <c r="DO39" s="226"/>
      <c r="DP39" s="226"/>
      <c r="DQ39" s="226"/>
      <c r="DR39" s="226"/>
      <c r="DS39" s="226"/>
      <c r="DT39" s="226"/>
      <c r="DU39" s="226"/>
      <c r="DV39" s="226"/>
      <c r="DW39" s="226"/>
      <c r="DX39" s="226"/>
      <c r="DY39" s="226"/>
      <c r="DZ39" s="226"/>
      <c r="EA39" s="226"/>
      <c r="EB39" s="226"/>
      <c r="EC39" s="226"/>
      <c r="ED39" s="226"/>
      <c r="EE39" s="226"/>
      <c r="EF39" s="226"/>
      <c r="EG39" s="226"/>
      <c r="EH39" s="226"/>
      <c r="EI39" s="226"/>
      <c r="EJ39" s="226"/>
      <c r="EK39" s="226"/>
      <c r="EL39" s="226"/>
      <c r="EM39" s="226"/>
      <c r="EN39" s="226"/>
      <c r="EO39" s="226"/>
      <c r="EP39" s="226"/>
      <c r="EQ39" s="226"/>
      <c r="ER39" s="226"/>
      <c r="ES39" s="226"/>
      <c r="ET39" s="226"/>
      <c r="EU39" s="226"/>
      <c r="EV39" s="226"/>
      <c r="EW39" s="226"/>
      <c r="EX39" s="226"/>
      <c r="EY39" s="226"/>
      <c r="EZ39" s="226"/>
      <c r="FA39" s="226"/>
      <c r="FB39" s="226"/>
      <c r="FC39" s="226"/>
      <c r="FD39" s="226"/>
      <c r="FE39" s="226"/>
      <c r="FF39" s="226"/>
      <c r="FG39" s="226"/>
      <c r="FH39" s="226"/>
      <c r="FI39" s="226"/>
      <c r="FJ39" s="226"/>
      <c r="FK39" s="226"/>
      <c r="FL39" s="226"/>
      <c r="FM39" s="226"/>
      <c r="FN39" s="226"/>
      <c r="FO39" s="226"/>
      <c r="FP39" s="226"/>
      <c r="FQ39" s="226"/>
      <c r="FR39" s="226"/>
      <c r="FS39" s="226"/>
      <c r="FT39" s="226"/>
      <c r="FU39" s="226"/>
      <c r="FV39" s="226"/>
      <c r="FW39" s="226"/>
      <c r="FX39" s="226"/>
      <c r="FY39" s="226"/>
      <c r="FZ39" s="226"/>
      <c r="GA39" s="226"/>
      <c r="GB39" s="226"/>
      <c r="GC39" s="226"/>
      <c r="GD39" s="226"/>
      <c r="GE39" s="226"/>
      <c r="GF39" s="226"/>
      <c r="GG39" s="226"/>
      <c r="GH39" s="226"/>
      <c r="GI39" s="226"/>
      <c r="GJ39" s="226"/>
      <c r="GK39" s="226"/>
    </row>
    <row r="40" spans="1:193" ht="20.100000000000001" customHeight="1">
      <c r="A40" s="342"/>
    </row>
    <row r="41" spans="1:193" ht="20.100000000000001" customHeight="1">
      <c r="A41" s="342"/>
    </row>
    <row r="42" spans="1:193" ht="20.100000000000001" customHeight="1">
      <c r="A42" s="342"/>
    </row>
    <row r="43" spans="1:193" ht="20.100000000000001" customHeight="1">
      <c r="A43" s="342"/>
    </row>
    <row r="44" spans="1:193" ht="20.100000000000001" customHeight="1">
      <c r="A44" s="342"/>
    </row>
    <row r="45" spans="1:193" ht="20.100000000000001" customHeight="1">
      <c r="A45" s="342"/>
    </row>
    <row r="46" spans="1:193" ht="20.100000000000001" customHeight="1">
      <c r="A46" s="342"/>
    </row>
    <row r="47" spans="1:193" ht="20.100000000000001" customHeight="1">
      <c r="A47" s="342"/>
    </row>
    <row r="48" spans="1:193" ht="20.100000000000001" customHeight="1">
      <c r="A48" s="342"/>
    </row>
    <row r="49" spans="1:1" ht="20.100000000000001" customHeight="1">
      <c r="A49" s="342"/>
    </row>
    <row r="50" spans="1:1" ht="20.100000000000001" customHeight="1">
      <c r="A50" s="342"/>
    </row>
    <row r="51" spans="1:1" ht="20.100000000000001" customHeight="1">
      <c r="A51" s="342"/>
    </row>
    <row r="52" spans="1:1" ht="20.100000000000001" customHeight="1">
      <c r="A52" s="342"/>
    </row>
    <row r="53" spans="1:1" ht="20.100000000000001" customHeight="1">
      <c r="A53" s="342"/>
    </row>
    <row r="54" spans="1:1" ht="20.100000000000001" customHeight="1">
      <c r="A54" s="342"/>
    </row>
    <row r="55" spans="1:1" ht="20.100000000000001" customHeight="1">
      <c r="A55" s="342"/>
    </row>
    <row r="56" spans="1:1" ht="20.100000000000001" customHeight="1">
      <c r="A56" s="342"/>
    </row>
    <row r="57" spans="1:1" ht="20.100000000000001" customHeight="1">
      <c r="A57" s="342"/>
    </row>
    <row r="58" spans="1:1" ht="20.100000000000001" customHeight="1">
      <c r="A58" s="342"/>
    </row>
    <row r="59" spans="1:1" ht="20.100000000000001" customHeight="1">
      <c r="A59" s="342"/>
    </row>
    <row r="60" spans="1:1" ht="20.100000000000001" customHeight="1">
      <c r="A60" s="342"/>
    </row>
    <row r="61" spans="1:1" ht="20.100000000000001" customHeight="1">
      <c r="A61" s="342"/>
    </row>
    <row r="62" spans="1:1" ht="20.100000000000001" customHeight="1">
      <c r="A62" s="342"/>
    </row>
    <row r="63" spans="1:1" ht="20.100000000000001" customHeight="1">
      <c r="A63" s="342"/>
    </row>
    <row r="64" spans="1:1" ht="20.100000000000001" customHeight="1">
      <c r="A64" s="342"/>
    </row>
    <row r="65" spans="1:1" ht="20.100000000000001" customHeight="1">
      <c r="A65" s="342"/>
    </row>
    <row r="66" spans="1:1" ht="20.100000000000001" customHeight="1">
      <c r="A66" s="342"/>
    </row>
    <row r="67" spans="1:1" ht="20.100000000000001" customHeight="1">
      <c r="A67" s="342"/>
    </row>
    <row r="68" spans="1:1" ht="20.100000000000001" customHeight="1">
      <c r="A68" s="342"/>
    </row>
    <row r="69" spans="1:1" ht="20.100000000000001" customHeight="1">
      <c r="A69" s="342"/>
    </row>
    <row r="70" spans="1:1" ht="20.100000000000001" customHeight="1">
      <c r="A70" s="342"/>
    </row>
    <row r="71" spans="1:1" ht="20.100000000000001" customHeight="1">
      <c r="A71" s="342"/>
    </row>
    <row r="72" spans="1:1" ht="20.100000000000001" customHeight="1">
      <c r="A72" s="342"/>
    </row>
    <row r="73" spans="1:1" ht="20.100000000000001" customHeight="1">
      <c r="A73" s="342"/>
    </row>
    <row r="74" spans="1:1" ht="20.100000000000001" customHeight="1">
      <c r="A74" s="342"/>
    </row>
    <row r="75" spans="1:1" ht="20.100000000000001" customHeight="1">
      <c r="A75" s="342"/>
    </row>
    <row r="76" spans="1:1" ht="20.100000000000001" customHeight="1">
      <c r="A76" s="342"/>
    </row>
    <row r="77" spans="1:1" ht="20.100000000000001" customHeight="1">
      <c r="A77" s="342"/>
    </row>
    <row r="78" spans="1:1" ht="20.100000000000001" customHeight="1">
      <c r="A78" s="342"/>
    </row>
    <row r="79" spans="1:1" ht="20.100000000000001" customHeight="1">
      <c r="A79" s="342"/>
    </row>
    <row r="80" spans="1:1" ht="20.100000000000001" customHeight="1">
      <c r="A80" s="342"/>
    </row>
    <row r="81" spans="1:1" ht="20.100000000000001" customHeight="1">
      <c r="A81" s="342"/>
    </row>
    <row r="82" spans="1:1" ht="20.100000000000001" customHeight="1">
      <c r="A82" s="342"/>
    </row>
    <row r="83" spans="1:1" ht="20.100000000000001" customHeight="1">
      <c r="A83" s="342"/>
    </row>
    <row r="84" spans="1:1" ht="20.100000000000001" customHeight="1">
      <c r="A84" s="342"/>
    </row>
    <row r="85" spans="1:1" ht="20.100000000000001" customHeight="1">
      <c r="A85" s="342"/>
    </row>
    <row r="86" spans="1:1" ht="20.100000000000001" customHeight="1">
      <c r="A86" s="342"/>
    </row>
    <row r="87" spans="1:1" ht="20.100000000000001" customHeight="1">
      <c r="A87" s="342"/>
    </row>
    <row r="88" spans="1:1" ht="20.100000000000001" customHeight="1">
      <c r="A88" s="342"/>
    </row>
    <row r="89" spans="1:1" ht="20.100000000000001" customHeight="1">
      <c r="A89" s="342"/>
    </row>
    <row r="90" spans="1:1" ht="20.100000000000001" customHeight="1">
      <c r="A90" s="342"/>
    </row>
    <row r="91" spans="1:1" ht="20.100000000000001" customHeight="1">
      <c r="A91" s="342"/>
    </row>
    <row r="92" spans="1:1" ht="20.100000000000001" customHeight="1">
      <c r="A92" s="342"/>
    </row>
    <row r="93" spans="1:1" ht="20.100000000000001" customHeight="1">
      <c r="A93" s="342"/>
    </row>
    <row r="94" spans="1:1" ht="20.100000000000001" customHeight="1">
      <c r="A94" s="342"/>
    </row>
    <row r="95" spans="1:1" ht="20.100000000000001" customHeight="1">
      <c r="A95" s="342"/>
    </row>
    <row r="96" spans="1:1" ht="20.100000000000001" customHeight="1">
      <c r="A96" s="342"/>
    </row>
    <row r="97" spans="1:1" ht="20.100000000000001" customHeight="1">
      <c r="A97" s="342"/>
    </row>
    <row r="98" spans="1:1" ht="20.100000000000001" customHeight="1">
      <c r="A98" s="342"/>
    </row>
    <row r="99" spans="1:1" ht="20.100000000000001" customHeight="1">
      <c r="A99" s="342"/>
    </row>
    <row r="100" spans="1:1" ht="20.100000000000001" customHeight="1">
      <c r="A100" s="342"/>
    </row>
    <row r="101" spans="1:1" ht="20.100000000000001" customHeight="1">
      <c r="A101" s="342"/>
    </row>
    <row r="102" spans="1:1" ht="20.100000000000001" customHeight="1">
      <c r="A102" s="342"/>
    </row>
    <row r="103" spans="1:1" ht="20.100000000000001" customHeight="1">
      <c r="A103" s="342"/>
    </row>
    <row r="104" spans="1:1" ht="20.100000000000001" customHeight="1">
      <c r="A104" s="342"/>
    </row>
    <row r="105" spans="1:1" ht="20.100000000000001" customHeight="1">
      <c r="A105" s="342"/>
    </row>
    <row r="106" spans="1:1" ht="20.100000000000001" customHeight="1">
      <c r="A106" s="342"/>
    </row>
    <row r="107" spans="1:1" ht="20.100000000000001" customHeight="1">
      <c r="A107" s="342"/>
    </row>
  </sheetData>
  <mergeCells count="48">
    <mergeCell ref="C36:D36"/>
    <mergeCell ref="C37:D37"/>
    <mergeCell ref="C38:D38"/>
    <mergeCell ref="C39:D39"/>
    <mergeCell ref="A28:A33"/>
    <mergeCell ref="C28:D28"/>
    <mergeCell ref="C29:D29"/>
    <mergeCell ref="C30:D30"/>
    <mergeCell ref="C31:D31"/>
    <mergeCell ref="C32:D32"/>
    <mergeCell ref="C33:D33"/>
    <mergeCell ref="C34:D34"/>
    <mergeCell ref="C35:D35"/>
    <mergeCell ref="A20:A27"/>
    <mergeCell ref="C20:D20"/>
    <mergeCell ref="C21:D21"/>
    <mergeCell ref="C22:D22"/>
    <mergeCell ref="C23:D23"/>
    <mergeCell ref="C24:D24"/>
    <mergeCell ref="C25:D25"/>
    <mergeCell ref="C26:D26"/>
    <mergeCell ref="C27:D27"/>
    <mergeCell ref="C16:D16"/>
    <mergeCell ref="C15:D15"/>
    <mergeCell ref="A7:A19"/>
    <mergeCell ref="C13:D13"/>
    <mergeCell ref="C14:D14"/>
    <mergeCell ref="C17:D17"/>
    <mergeCell ref="C8:D8"/>
    <mergeCell ref="C9:D9"/>
    <mergeCell ref="C10:D10"/>
    <mergeCell ref="C18:D18"/>
    <mergeCell ref="C19:D19"/>
    <mergeCell ref="D5:E5"/>
    <mergeCell ref="F5:G5"/>
    <mergeCell ref="D4:E4"/>
    <mergeCell ref="F4:G4"/>
    <mergeCell ref="A1:G1"/>
    <mergeCell ref="D2:E2"/>
    <mergeCell ref="F2:G2"/>
    <mergeCell ref="D3:E3"/>
    <mergeCell ref="F3:G3"/>
    <mergeCell ref="G8:G11"/>
    <mergeCell ref="C11:D11"/>
    <mergeCell ref="C12:D12"/>
    <mergeCell ref="C6:D6"/>
    <mergeCell ref="E6:F6"/>
    <mergeCell ref="C7:D7"/>
  </mergeCells>
  <phoneticPr fontId="15"/>
  <printOptions horizontalCentered="1"/>
  <pageMargins left="0.39370078740157483" right="0.39370078740157483" top="0.59055118110236227" bottom="0.59055118110236227" header="0.39370078740157483" footer="0.39370078740157483"/>
  <pageSetup paperSize="9" scale="71" fitToHeight="0" orientation="portrait" r:id="rId1"/>
  <headerFooter alignWithMargins="0">
    <oddFooter>&amp;L（沖縄市自己点検シート）&amp;C&amp;P&amp;R&amp;10地密通所</oddFooter>
  </headerFooter>
  <rowBreaks count="1" manualBreakCount="1">
    <brk id="19" max="6" man="1"/>
  </rowBreaks>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4</xdr:col>
                    <xdr:colOff>38100</xdr:colOff>
                    <xdr:row>6</xdr:row>
                    <xdr:rowOff>276225</xdr:rowOff>
                  </from>
                  <to>
                    <xdr:col>4</xdr:col>
                    <xdr:colOff>238125</xdr:colOff>
                    <xdr:row>6</xdr:row>
                    <xdr:rowOff>514350</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4</xdr:col>
                    <xdr:colOff>38100</xdr:colOff>
                    <xdr:row>7</xdr:row>
                    <xdr:rowOff>361950</xdr:rowOff>
                  </from>
                  <to>
                    <xdr:col>4</xdr:col>
                    <xdr:colOff>238125</xdr:colOff>
                    <xdr:row>7</xdr:row>
                    <xdr:rowOff>600075</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4</xdr:col>
                    <xdr:colOff>66675</xdr:colOff>
                    <xdr:row>8</xdr:row>
                    <xdr:rowOff>466725</xdr:rowOff>
                  </from>
                  <to>
                    <xdr:col>4</xdr:col>
                    <xdr:colOff>266700</xdr:colOff>
                    <xdr:row>8</xdr:row>
                    <xdr:rowOff>704850</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4</xdr:col>
                    <xdr:colOff>38100</xdr:colOff>
                    <xdr:row>9</xdr:row>
                    <xdr:rowOff>276225</xdr:rowOff>
                  </from>
                  <to>
                    <xdr:col>4</xdr:col>
                    <xdr:colOff>238125</xdr:colOff>
                    <xdr:row>9</xdr:row>
                    <xdr:rowOff>514350</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4</xdr:col>
                    <xdr:colOff>57150</xdr:colOff>
                    <xdr:row>10</xdr:row>
                    <xdr:rowOff>257175</xdr:rowOff>
                  </from>
                  <to>
                    <xdr:col>4</xdr:col>
                    <xdr:colOff>257175</xdr:colOff>
                    <xdr:row>10</xdr:row>
                    <xdr:rowOff>495300</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4</xdr:col>
                    <xdr:colOff>57150</xdr:colOff>
                    <xdr:row>11</xdr:row>
                    <xdr:rowOff>200025</xdr:rowOff>
                  </from>
                  <to>
                    <xdr:col>4</xdr:col>
                    <xdr:colOff>257175</xdr:colOff>
                    <xdr:row>11</xdr:row>
                    <xdr:rowOff>438150</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4</xdr:col>
                    <xdr:colOff>38100</xdr:colOff>
                    <xdr:row>12</xdr:row>
                    <xdr:rowOff>533400</xdr:rowOff>
                  </from>
                  <to>
                    <xdr:col>4</xdr:col>
                    <xdr:colOff>238125</xdr:colOff>
                    <xdr:row>12</xdr:row>
                    <xdr:rowOff>771525</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4</xdr:col>
                    <xdr:colOff>38100</xdr:colOff>
                    <xdr:row>13</xdr:row>
                    <xdr:rowOff>200025</xdr:rowOff>
                  </from>
                  <to>
                    <xdr:col>4</xdr:col>
                    <xdr:colOff>238125</xdr:colOff>
                    <xdr:row>13</xdr:row>
                    <xdr:rowOff>438150</xdr:rowOff>
                  </to>
                </anchor>
              </controlPr>
            </control>
          </mc:Choice>
        </mc:AlternateContent>
        <mc:AlternateContent xmlns:mc="http://schemas.openxmlformats.org/markup-compatibility/2006">
          <mc:Choice Requires="x14">
            <control shapeId="4105" r:id="rId12" name="Check Box 9">
              <controlPr defaultSize="0" autoFill="0" autoLine="0" autoPict="0">
                <anchor moveWithCells="1">
                  <from>
                    <xdr:col>4</xdr:col>
                    <xdr:colOff>47625</xdr:colOff>
                    <xdr:row>14</xdr:row>
                    <xdr:rowOff>428625</xdr:rowOff>
                  </from>
                  <to>
                    <xdr:col>4</xdr:col>
                    <xdr:colOff>247650</xdr:colOff>
                    <xdr:row>14</xdr:row>
                    <xdr:rowOff>666750</xdr:rowOff>
                  </to>
                </anchor>
              </controlPr>
            </control>
          </mc:Choice>
        </mc:AlternateContent>
        <mc:AlternateContent xmlns:mc="http://schemas.openxmlformats.org/markup-compatibility/2006">
          <mc:Choice Requires="x14">
            <control shapeId="4106" r:id="rId13" name="Check Box 10">
              <controlPr defaultSize="0" autoFill="0" autoLine="0" autoPict="0">
                <anchor moveWithCells="1">
                  <from>
                    <xdr:col>4</xdr:col>
                    <xdr:colOff>38100</xdr:colOff>
                    <xdr:row>15</xdr:row>
                    <xdr:rowOff>276225</xdr:rowOff>
                  </from>
                  <to>
                    <xdr:col>4</xdr:col>
                    <xdr:colOff>238125</xdr:colOff>
                    <xdr:row>15</xdr:row>
                    <xdr:rowOff>514350</xdr:rowOff>
                  </to>
                </anchor>
              </controlPr>
            </control>
          </mc:Choice>
        </mc:AlternateContent>
        <mc:AlternateContent xmlns:mc="http://schemas.openxmlformats.org/markup-compatibility/2006">
          <mc:Choice Requires="x14">
            <control shapeId="4107" r:id="rId14" name="Check Box 11">
              <controlPr defaultSize="0" autoFill="0" autoLine="0" autoPict="0">
                <anchor moveWithCells="1">
                  <from>
                    <xdr:col>4</xdr:col>
                    <xdr:colOff>38100</xdr:colOff>
                    <xdr:row>16</xdr:row>
                    <xdr:rowOff>457200</xdr:rowOff>
                  </from>
                  <to>
                    <xdr:col>4</xdr:col>
                    <xdr:colOff>238125</xdr:colOff>
                    <xdr:row>16</xdr:row>
                    <xdr:rowOff>695325</xdr:rowOff>
                  </to>
                </anchor>
              </controlPr>
            </control>
          </mc:Choice>
        </mc:AlternateContent>
        <mc:AlternateContent xmlns:mc="http://schemas.openxmlformats.org/markup-compatibility/2006">
          <mc:Choice Requires="x14">
            <control shapeId="4108" r:id="rId15" name="Check Box 12">
              <controlPr defaultSize="0" autoFill="0" autoLine="0" autoPict="0">
                <anchor moveWithCells="1">
                  <from>
                    <xdr:col>4</xdr:col>
                    <xdr:colOff>57150</xdr:colOff>
                    <xdr:row>17</xdr:row>
                    <xdr:rowOff>361950</xdr:rowOff>
                  </from>
                  <to>
                    <xdr:col>4</xdr:col>
                    <xdr:colOff>257175</xdr:colOff>
                    <xdr:row>17</xdr:row>
                    <xdr:rowOff>600075</xdr:rowOff>
                  </to>
                </anchor>
              </controlPr>
            </control>
          </mc:Choice>
        </mc:AlternateContent>
        <mc:AlternateContent xmlns:mc="http://schemas.openxmlformats.org/markup-compatibility/2006">
          <mc:Choice Requires="x14">
            <control shapeId="4109" r:id="rId16" name="Check Box 13">
              <controlPr defaultSize="0" autoFill="0" autoLine="0" autoPict="0">
                <anchor moveWithCells="1">
                  <from>
                    <xdr:col>4</xdr:col>
                    <xdr:colOff>38100</xdr:colOff>
                    <xdr:row>18</xdr:row>
                    <xdr:rowOff>276225</xdr:rowOff>
                  </from>
                  <to>
                    <xdr:col>4</xdr:col>
                    <xdr:colOff>238125</xdr:colOff>
                    <xdr:row>18</xdr:row>
                    <xdr:rowOff>514350</xdr:rowOff>
                  </to>
                </anchor>
              </controlPr>
            </control>
          </mc:Choice>
        </mc:AlternateContent>
        <mc:AlternateContent xmlns:mc="http://schemas.openxmlformats.org/markup-compatibility/2006">
          <mc:Choice Requires="x14">
            <control shapeId="4110" r:id="rId17" name="Check Box 14">
              <controlPr defaultSize="0" autoFill="0" autoLine="0" autoPict="0">
                <anchor moveWithCells="1">
                  <from>
                    <xdr:col>4</xdr:col>
                    <xdr:colOff>47625</xdr:colOff>
                    <xdr:row>19</xdr:row>
                    <xdr:rowOff>200025</xdr:rowOff>
                  </from>
                  <to>
                    <xdr:col>4</xdr:col>
                    <xdr:colOff>247650</xdr:colOff>
                    <xdr:row>19</xdr:row>
                    <xdr:rowOff>438150</xdr:rowOff>
                  </to>
                </anchor>
              </controlPr>
            </control>
          </mc:Choice>
        </mc:AlternateContent>
        <mc:AlternateContent xmlns:mc="http://schemas.openxmlformats.org/markup-compatibility/2006">
          <mc:Choice Requires="x14">
            <control shapeId="4111" r:id="rId18" name="Check Box 15">
              <controlPr defaultSize="0" autoFill="0" autoLine="0" autoPict="0">
                <anchor moveWithCells="1">
                  <from>
                    <xdr:col>4</xdr:col>
                    <xdr:colOff>57150</xdr:colOff>
                    <xdr:row>20</xdr:row>
                    <xdr:rowOff>438150</xdr:rowOff>
                  </from>
                  <to>
                    <xdr:col>4</xdr:col>
                    <xdr:colOff>257175</xdr:colOff>
                    <xdr:row>20</xdr:row>
                    <xdr:rowOff>676275</xdr:rowOff>
                  </to>
                </anchor>
              </controlPr>
            </control>
          </mc:Choice>
        </mc:AlternateContent>
        <mc:AlternateContent xmlns:mc="http://schemas.openxmlformats.org/markup-compatibility/2006">
          <mc:Choice Requires="x14">
            <control shapeId="4112" r:id="rId19" name="Check Box 16">
              <controlPr defaultSize="0" autoFill="0" autoLine="0" autoPict="0">
                <anchor moveWithCells="1">
                  <from>
                    <xdr:col>4</xdr:col>
                    <xdr:colOff>38100</xdr:colOff>
                    <xdr:row>21</xdr:row>
                    <xdr:rowOff>276225</xdr:rowOff>
                  </from>
                  <to>
                    <xdr:col>4</xdr:col>
                    <xdr:colOff>238125</xdr:colOff>
                    <xdr:row>21</xdr:row>
                    <xdr:rowOff>514350</xdr:rowOff>
                  </to>
                </anchor>
              </controlPr>
            </control>
          </mc:Choice>
        </mc:AlternateContent>
        <mc:AlternateContent xmlns:mc="http://schemas.openxmlformats.org/markup-compatibility/2006">
          <mc:Choice Requires="x14">
            <control shapeId="4113" r:id="rId20" name="Check Box 17">
              <controlPr defaultSize="0" autoFill="0" autoLine="0" autoPict="0">
                <anchor moveWithCells="1">
                  <from>
                    <xdr:col>4</xdr:col>
                    <xdr:colOff>38100</xdr:colOff>
                    <xdr:row>22</xdr:row>
                    <xdr:rowOff>438150</xdr:rowOff>
                  </from>
                  <to>
                    <xdr:col>4</xdr:col>
                    <xdr:colOff>238125</xdr:colOff>
                    <xdr:row>22</xdr:row>
                    <xdr:rowOff>676275</xdr:rowOff>
                  </to>
                </anchor>
              </controlPr>
            </control>
          </mc:Choice>
        </mc:AlternateContent>
        <mc:AlternateContent xmlns:mc="http://schemas.openxmlformats.org/markup-compatibility/2006">
          <mc:Choice Requires="x14">
            <control shapeId="4114" r:id="rId21" name="Check Box 18">
              <controlPr defaultSize="0" autoFill="0" autoLine="0" autoPict="0">
                <anchor moveWithCells="1">
                  <from>
                    <xdr:col>4</xdr:col>
                    <xdr:colOff>38100</xdr:colOff>
                    <xdr:row>23</xdr:row>
                    <xdr:rowOff>219075</xdr:rowOff>
                  </from>
                  <to>
                    <xdr:col>4</xdr:col>
                    <xdr:colOff>238125</xdr:colOff>
                    <xdr:row>23</xdr:row>
                    <xdr:rowOff>457200</xdr:rowOff>
                  </to>
                </anchor>
              </controlPr>
            </control>
          </mc:Choice>
        </mc:AlternateContent>
        <mc:AlternateContent xmlns:mc="http://schemas.openxmlformats.org/markup-compatibility/2006">
          <mc:Choice Requires="x14">
            <control shapeId="4115" r:id="rId22" name="Check Box 19">
              <controlPr defaultSize="0" autoFill="0" autoLine="0" autoPict="0">
                <anchor moveWithCells="1">
                  <from>
                    <xdr:col>4</xdr:col>
                    <xdr:colOff>38100</xdr:colOff>
                    <xdr:row>24</xdr:row>
                    <xdr:rowOff>323850</xdr:rowOff>
                  </from>
                  <to>
                    <xdr:col>4</xdr:col>
                    <xdr:colOff>238125</xdr:colOff>
                    <xdr:row>24</xdr:row>
                    <xdr:rowOff>561975</xdr:rowOff>
                  </to>
                </anchor>
              </controlPr>
            </control>
          </mc:Choice>
        </mc:AlternateContent>
        <mc:AlternateContent xmlns:mc="http://schemas.openxmlformats.org/markup-compatibility/2006">
          <mc:Choice Requires="x14">
            <control shapeId="4116" r:id="rId23" name="Check Box 20">
              <controlPr defaultSize="0" autoFill="0" autoLine="0" autoPict="0">
                <anchor moveWithCells="1">
                  <from>
                    <xdr:col>4</xdr:col>
                    <xdr:colOff>38100</xdr:colOff>
                    <xdr:row>25</xdr:row>
                    <xdr:rowOff>333375</xdr:rowOff>
                  </from>
                  <to>
                    <xdr:col>4</xdr:col>
                    <xdr:colOff>238125</xdr:colOff>
                    <xdr:row>25</xdr:row>
                    <xdr:rowOff>571500</xdr:rowOff>
                  </to>
                </anchor>
              </controlPr>
            </control>
          </mc:Choice>
        </mc:AlternateContent>
        <mc:AlternateContent xmlns:mc="http://schemas.openxmlformats.org/markup-compatibility/2006">
          <mc:Choice Requires="x14">
            <control shapeId="4117" r:id="rId24" name="Check Box 21">
              <controlPr defaultSize="0" autoFill="0" autoLine="0" autoPict="0">
                <anchor moveWithCells="1">
                  <from>
                    <xdr:col>4</xdr:col>
                    <xdr:colOff>38100</xdr:colOff>
                    <xdr:row>26</xdr:row>
                    <xdr:rowOff>276225</xdr:rowOff>
                  </from>
                  <to>
                    <xdr:col>4</xdr:col>
                    <xdr:colOff>238125</xdr:colOff>
                    <xdr:row>26</xdr:row>
                    <xdr:rowOff>514350</xdr:rowOff>
                  </to>
                </anchor>
              </controlPr>
            </control>
          </mc:Choice>
        </mc:AlternateContent>
        <mc:AlternateContent xmlns:mc="http://schemas.openxmlformats.org/markup-compatibility/2006">
          <mc:Choice Requires="x14">
            <control shapeId="4118" r:id="rId25" name="Check Box 22">
              <controlPr defaultSize="0" autoFill="0" autoLine="0" autoPict="0">
                <anchor moveWithCells="1">
                  <from>
                    <xdr:col>4</xdr:col>
                    <xdr:colOff>38100</xdr:colOff>
                    <xdr:row>27</xdr:row>
                    <xdr:rowOff>276225</xdr:rowOff>
                  </from>
                  <to>
                    <xdr:col>4</xdr:col>
                    <xdr:colOff>238125</xdr:colOff>
                    <xdr:row>27</xdr:row>
                    <xdr:rowOff>514350</xdr:rowOff>
                  </to>
                </anchor>
              </controlPr>
            </control>
          </mc:Choice>
        </mc:AlternateContent>
        <mc:AlternateContent xmlns:mc="http://schemas.openxmlformats.org/markup-compatibility/2006">
          <mc:Choice Requires="x14">
            <control shapeId="4119" r:id="rId26" name="Check Box 23">
              <controlPr defaultSize="0" autoFill="0" autoLine="0" autoPict="0">
                <anchor moveWithCells="1">
                  <from>
                    <xdr:col>4</xdr:col>
                    <xdr:colOff>47625</xdr:colOff>
                    <xdr:row>28</xdr:row>
                    <xdr:rowOff>190500</xdr:rowOff>
                  </from>
                  <to>
                    <xdr:col>4</xdr:col>
                    <xdr:colOff>247650</xdr:colOff>
                    <xdr:row>28</xdr:row>
                    <xdr:rowOff>428625</xdr:rowOff>
                  </to>
                </anchor>
              </controlPr>
            </control>
          </mc:Choice>
        </mc:AlternateContent>
        <mc:AlternateContent xmlns:mc="http://schemas.openxmlformats.org/markup-compatibility/2006">
          <mc:Choice Requires="x14">
            <control shapeId="4120" r:id="rId27" name="Check Box 24">
              <controlPr defaultSize="0" autoFill="0" autoLine="0" autoPict="0">
                <anchor moveWithCells="1">
                  <from>
                    <xdr:col>4</xdr:col>
                    <xdr:colOff>38100</xdr:colOff>
                    <xdr:row>29</xdr:row>
                    <xdr:rowOff>209550</xdr:rowOff>
                  </from>
                  <to>
                    <xdr:col>4</xdr:col>
                    <xdr:colOff>238125</xdr:colOff>
                    <xdr:row>29</xdr:row>
                    <xdr:rowOff>447675</xdr:rowOff>
                  </to>
                </anchor>
              </controlPr>
            </control>
          </mc:Choice>
        </mc:AlternateContent>
        <mc:AlternateContent xmlns:mc="http://schemas.openxmlformats.org/markup-compatibility/2006">
          <mc:Choice Requires="x14">
            <control shapeId="4121" r:id="rId28" name="Check Box 25">
              <controlPr defaultSize="0" autoFill="0" autoLine="0" autoPict="0">
                <anchor moveWithCells="1">
                  <from>
                    <xdr:col>4</xdr:col>
                    <xdr:colOff>38100</xdr:colOff>
                    <xdr:row>30</xdr:row>
                    <xdr:rowOff>161925</xdr:rowOff>
                  </from>
                  <to>
                    <xdr:col>4</xdr:col>
                    <xdr:colOff>238125</xdr:colOff>
                    <xdr:row>30</xdr:row>
                    <xdr:rowOff>400050</xdr:rowOff>
                  </to>
                </anchor>
              </controlPr>
            </control>
          </mc:Choice>
        </mc:AlternateContent>
        <mc:AlternateContent xmlns:mc="http://schemas.openxmlformats.org/markup-compatibility/2006">
          <mc:Choice Requires="x14">
            <control shapeId="4122" r:id="rId29" name="Check Box 26">
              <controlPr defaultSize="0" autoFill="0" autoLine="0" autoPict="0">
                <anchor moveWithCells="1">
                  <from>
                    <xdr:col>4</xdr:col>
                    <xdr:colOff>38100</xdr:colOff>
                    <xdr:row>31</xdr:row>
                    <xdr:rowOff>371475</xdr:rowOff>
                  </from>
                  <to>
                    <xdr:col>4</xdr:col>
                    <xdr:colOff>238125</xdr:colOff>
                    <xdr:row>31</xdr:row>
                    <xdr:rowOff>609600</xdr:rowOff>
                  </to>
                </anchor>
              </controlPr>
            </control>
          </mc:Choice>
        </mc:AlternateContent>
        <mc:AlternateContent xmlns:mc="http://schemas.openxmlformats.org/markup-compatibility/2006">
          <mc:Choice Requires="x14">
            <control shapeId="4123" r:id="rId30" name="Check Box 27">
              <controlPr defaultSize="0" autoFill="0" autoLine="0" autoPict="0">
                <anchor moveWithCells="1">
                  <from>
                    <xdr:col>4</xdr:col>
                    <xdr:colOff>38100</xdr:colOff>
                    <xdr:row>32</xdr:row>
                    <xdr:rowOff>333375</xdr:rowOff>
                  </from>
                  <to>
                    <xdr:col>4</xdr:col>
                    <xdr:colOff>238125</xdr:colOff>
                    <xdr:row>32</xdr:row>
                    <xdr:rowOff>571500</xdr:rowOff>
                  </to>
                </anchor>
              </controlPr>
            </control>
          </mc:Choice>
        </mc:AlternateContent>
        <mc:AlternateContent xmlns:mc="http://schemas.openxmlformats.org/markup-compatibility/2006">
          <mc:Choice Requires="x14">
            <control shapeId="4124" r:id="rId31" name="Check Box 28">
              <controlPr defaultSize="0" autoFill="0" autoLine="0" autoPict="0">
                <anchor moveWithCells="1">
                  <from>
                    <xdr:col>4</xdr:col>
                    <xdr:colOff>57150</xdr:colOff>
                    <xdr:row>34</xdr:row>
                    <xdr:rowOff>190500</xdr:rowOff>
                  </from>
                  <to>
                    <xdr:col>4</xdr:col>
                    <xdr:colOff>257175</xdr:colOff>
                    <xdr:row>34</xdr:row>
                    <xdr:rowOff>428625</xdr:rowOff>
                  </to>
                </anchor>
              </controlPr>
            </control>
          </mc:Choice>
        </mc:AlternateContent>
        <mc:AlternateContent xmlns:mc="http://schemas.openxmlformats.org/markup-compatibility/2006">
          <mc:Choice Requires="x14">
            <control shapeId="4125" r:id="rId32" name="Check Box 29">
              <controlPr defaultSize="0" autoFill="0" autoLine="0" autoPict="0">
                <anchor moveWithCells="1">
                  <from>
                    <xdr:col>4</xdr:col>
                    <xdr:colOff>47625</xdr:colOff>
                    <xdr:row>35</xdr:row>
                    <xdr:rowOff>219075</xdr:rowOff>
                  </from>
                  <to>
                    <xdr:col>4</xdr:col>
                    <xdr:colOff>247650</xdr:colOff>
                    <xdr:row>35</xdr:row>
                    <xdr:rowOff>457200</xdr:rowOff>
                  </to>
                </anchor>
              </controlPr>
            </control>
          </mc:Choice>
        </mc:AlternateContent>
        <mc:AlternateContent xmlns:mc="http://schemas.openxmlformats.org/markup-compatibility/2006">
          <mc:Choice Requires="x14">
            <control shapeId="4126" r:id="rId33" name="Check Box 30">
              <controlPr defaultSize="0" autoFill="0" autoLine="0" autoPict="0">
                <anchor moveWithCells="1">
                  <from>
                    <xdr:col>4</xdr:col>
                    <xdr:colOff>76200</xdr:colOff>
                    <xdr:row>36</xdr:row>
                    <xdr:rowOff>161925</xdr:rowOff>
                  </from>
                  <to>
                    <xdr:col>4</xdr:col>
                    <xdr:colOff>276225</xdr:colOff>
                    <xdr:row>36</xdr:row>
                    <xdr:rowOff>400050</xdr:rowOff>
                  </to>
                </anchor>
              </controlPr>
            </control>
          </mc:Choice>
        </mc:AlternateContent>
        <mc:AlternateContent xmlns:mc="http://schemas.openxmlformats.org/markup-compatibility/2006">
          <mc:Choice Requires="x14">
            <control shapeId="4127" r:id="rId34" name="Check Box 31">
              <controlPr defaultSize="0" autoFill="0" autoLine="0" autoPict="0">
                <anchor moveWithCells="1">
                  <from>
                    <xdr:col>4</xdr:col>
                    <xdr:colOff>57150</xdr:colOff>
                    <xdr:row>37</xdr:row>
                    <xdr:rowOff>371475</xdr:rowOff>
                  </from>
                  <to>
                    <xdr:col>4</xdr:col>
                    <xdr:colOff>257175</xdr:colOff>
                    <xdr:row>37</xdr:row>
                    <xdr:rowOff>609600</xdr:rowOff>
                  </to>
                </anchor>
              </controlPr>
            </control>
          </mc:Choice>
        </mc:AlternateContent>
        <mc:AlternateContent xmlns:mc="http://schemas.openxmlformats.org/markup-compatibility/2006">
          <mc:Choice Requires="x14">
            <control shapeId="4128" r:id="rId35" name="Check Box 32">
              <controlPr defaultSize="0" autoFill="0" autoLine="0" autoPict="0">
                <anchor moveWithCells="1">
                  <from>
                    <xdr:col>4</xdr:col>
                    <xdr:colOff>38100</xdr:colOff>
                    <xdr:row>38</xdr:row>
                    <xdr:rowOff>276225</xdr:rowOff>
                  </from>
                  <to>
                    <xdr:col>4</xdr:col>
                    <xdr:colOff>238125</xdr:colOff>
                    <xdr:row>38</xdr:row>
                    <xdr:rowOff>514350</xdr:rowOff>
                  </to>
                </anchor>
              </controlPr>
            </control>
          </mc:Choice>
        </mc:AlternateContent>
        <mc:AlternateContent xmlns:mc="http://schemas.openxmlformats.org/markup-compatibility/2006">
          <mc:Choice Requires="x14">
            <control shapeId="4129" r:id="rId36" name="Check Box 33">
              <controlPr defaultSize="0" autoFill="0" autoLine="0" autoPict="0">
                <anchor moveWithCells="1">
                  <from>
                    <xdr:col>1</xdr:col>
                    <xdr:colOff>0</xdr:colOff>
                    <xdr:row>5</xdr:row>
                    <xdr:rowOff>276225</xdr:rowOff>
                  </from>
                  <to>
                    <xdr:col>1</xdr:col>
                    <xdr:colOff>200025</xdr:colOff>
                    <xdr:row>6</xdr:row>
                    <xdr:rowOff>219075</xdr:rowOff>
                  </to>
                </anchor>
              </controlPr>
            </control>
          </mc:Choice>
        </mc:AlternateContent>
        <mc:AlternateContent xmlns:mc="http://schemas.openxmlformats.org/markup-compatibility/2006">
          <mc:Choice Requires="x14">
            <control shapeId="4130" r:id="rId37" name="Check Box 34">
              <controlPr defaultSize="0" autoFill="0" autoLine="0" autoPict="0">
                <anchor moveWithCells="1">
                  <from>
                    <xdr:col>0</xdr:col>
                    <xdr:colOff>2162175</xdr:colOff>
                    <xdr:row>18</xdr:row>
                    <xdr:rowOff>1028700</xdr:rowOff>
                  </from>
                  <to>
                    <xdr:col>1</xdr:col>
                    <xdr:colOff>190500</xdr:colOff>
                    <xdr:row>19</xdr:row>
                    <xdr:rowOff>209550</xdr:rowOff>
                  </to>
                </anchor>
              </controlPr>
            </control>
          </mc:Choice>
        </mc:AlternateContent>
        <mc:AlternateContent xmlns:mc="http://schemas.openxmlformats.org/markup-compatibility/2006">
          <mc:Choice Requires="x14">
            <control shapeId="4131" r:id="rId38" name="Check Box 35">
              <controlPr defaultSize="0" autoFill="0" autoLine="0" autoPict="0">
                <anchor moveWithCells="1">
                  <from>
                    <xdr:col>1</xdr:col>
                    <xdr:colOff>0</xdr:colOff>
                    <xdr:row>26</xdr:row>
                    <xdr:rowOff>914400</xdr:rowOff>
                  </from>
                  <to>
                    <xdr:col>1</xdr:col>
                    <xdr:colOff>200025</xdr:colOff>
                    <xdr:row>27</xdr:row>
                    <xdr:rowOff>219075</xdr:rowOff>
                  </to>
                </anchor>
              </controlPr>
            </control>
          </mc:Choice>
        </mc:AlternateContent>
        <mc:AlternateContent xmlns:mc="http://schemas.openxmlformats.org/markup-compatibility/2006">
          <mc:Choice Requires="x14">
            <control shapeId="4132" r:id="rId39" name="Check Box 36">
              <controlPr defaultSize="0" autoFill="0" autoLine="0" autoPict="0">
                <anchor moveWithCells="1">
                  <from>
                    <xdr:col>0</xdr:col>
                    <xdr:colOff>2162175</xdr:colOff>
                    <xdr:row>32</xdr:row>
                    <xdr:rowOff>866775</xdr:rowOff>
                  </from>
                  <to>
                    <xdr:col>1</xdr:col>
                    <xdr:colOff>190500</xdr:colOff>
                    <xdr:row>33</xdr:row>
                    <xdr:rowOff>20955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8</vt:i4>
      </vt:variant>
    </vt:vector>
  </HeadingPairs>
  <TitlesOfParts>
    <vt:vector size="12" baseType="lpstr">
      <vt:lpstr>基準（地密通所）</vt:lpstr>
      <vt:lpstr>基準（総合通所型）</vt:lpstr>
      <vt:lpstr>報酬（地密通所） </vt:lpstr>
      <vt:lpstr>報酬（総合通所型）</vt:lpstr>
      <vt:lpstr>'基準（総合通所型）'!Print_Area</vt:lpstr>
      <vt:lpstr>'基準（地密通所）'!Print_Area</vt:lpstr>
      <vt:lpstr>'報酬（総合通所型）'!Print_Area</vt:lpstr>
      <vt:lpstr>'報酬（地密通所） '!Print_Area</vt:lpstr>
      <vt:lpstr>'基準（総合通所型）'!Print_Titles</vt:lpstr>
      <vt:lpstr>'基準（地密通所）'!Print_Titles</vt:lpstr>
      <vt:lpstr>'報酬（総合通所型）'!Print_Titles</vt:lpstr>
      <vt:lpstr>'報酬（地密通所） '!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落合　忍</cp:lastModifiedBy>
  <cp:lastPrinted>2022-06-20T03:52:41Z</cp:lastPrinted>
  <dcterms:created xsi:type="dcterms:W3CDTF">2021-09-13T05:11:30Z</dcterms:created>
  <dcterms:modified xsi:type="dcterms:W3CDTF">2022-06-22T07:25:42Z</dcterms:modified>
</cp:coreProperties>
</file>